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5\2306\HP2306\"/>
    </mc:Choice>
  </mc:AlternateContent>
  <xr:revisionPtr revIDLastSave="0" documentId="13_ncr:1_{EACD14F5-0834-41C1-ADBF-AB1B608087D7}" xr6:coauthVersionLast="47" xr6:coauthVersionMax="47" xr10:uidLastSave="{00000000-0000-0000-0000-000000000000}"/>
  <bookViews>
    <workbookView xWindow="-108" yWindow="-108" windowWidth="23256" windowHeight="12576" xr2:uid="{46A3E9BD-2DC1-4469-8E62-FCC6C6A307D4}"/>
  </bookViews>
  <sheets>
    <sheet name="目次" sheetId="90" r:id="rId1"/>
    <sheet name="年齢別・性別人口(01総曲輪)" sheetId="1" r:id="rId2"/>
    <sheet name="年齢別・性別人口(02愛宕)" sheetId="2" r:id="rId3"/>
    <sheet name="年齢別・性別人口(03安野屋)" sheetId="3" r:id="rId4"/>
    <sheet name="年齢別・性別人口(04八人町)" sheetId="4" r:id="rId5"/>
    <sheet name="年齢別・性別人口(05五番町)" sheetId="5" r:id="rId6"/>
    <sheet name="年齢別・性別人口(06柳町)" sheetId="6" r:id="rId7"/>
    <sheet name="年齢別・性別人口(07清水町)" sheetId="7" r:id="rId8"/>
    <sheet name="年齢別・性別人口(08星井町)" sheetId="8" r:id="rId9"/>
    <sheet name="年齢別・性別人口(09西田地方)" sheetId="9" r:id="rId10"/>
    <sheet name="年齢別・性別人口(10堀川)" sheetId="10" r:id="rId11"/>
    <sheet name="年齢別・性別人口(11堀川南)" sheetId="11" r:id="rId12"/>
    <sheet name="年齢別・性別人口(12東部)" sheetId="12" r:id="rId13"/>
    <sheet name="年齢別・性別人口(13奥田)" sheetId="13" r:id="rId14"/>
    <sheet name="年齢別・性別人口(14奥田北)" sheetId="14" r:id="rId15"/>
    <sheet name="年齢別・性別人口(15桜谷)" sheetId="15" r:id="rId16"/>
    <sheet name="年齢別・性別人口(16五福)" sheetId="16" r:id="rId17"/>
    <sheet name="年齢別・性別人口(17神明)" sheetId="17" r:id="rId18"/>
    <sheet name="年齢別・性別人口(18岩瀬)" sheetId="18" r:id="rId19"/>
    <sheet name="年齢別・性別人口(19萩浦)" sheetId="19" r:id="rId20"/>
    <sheet name="年齢別・性別人口(20大広田)" sheetId="20" r:id="rId21"/>
    <sheet name="年齢別・性別人口(21浜黒崎)" sheetId="21" r:id="rId22"/>
    <sheet name="年齢別・性別人口(22針原)" sheetId="22" r:id="rId23"/>
    <sheet name="年齢別・性別人口(23豊田)" sheetId="23" r:id="rId24"/>
    <sheet name="年齢別・性別人口(24広田)" sheetId="24" r:id="rId25"/>
    <sheet name="年齢別・性別人口(25新庄)" sheetId="25" r:id="rId26"/>
    <sheet name="年齢別・性別人口(26藤ノ木)" sheetId="26" r:id="rId27"/>
    <sheet name="年齢別・性別人口(27山室)" sheetId="27" r:id="rId28"/>
    <sheet name="年齢別・性別人口(28山室中部)" sheetId="28" r:id="rId29"/>
    <sheet name="年齢別・性別人口(29太田)" sheetId="29" r:id="rId30"/>
    <sheet name="年齢別・性別人口(30蜷川)" sheetId="30" r:id="rId31"/>
    <sheet name="年齢別・性別人口(31新保)" sheetId="31" r:id="rId32"/>
    <sheet name="年齢別・性別人口(32熊野)" sheetId="32" r:id="rId33"/>
    <sheet name="年齢別・性別人口(33月岡)" sheetId="33" r:id="rId34"/>
    <sheet name="年齢別・性別人口(34四方)" sheetId="34" r:id="rId35"/>
    <sheet name="年齢別・性別人口(35八幡)" sheetId="35" r:id="rId36"/>
    <sheet name="年齢別・性別人口(36草島)" sheetId="36" r:id="rId37"/>
    <sheet name="年齢別・性別人口(37倉垣)" sheetId="37" r:id="rId38"/>
    <sheet name="年齢別・性別人口(38呉羽)" sheetId="38" r:id="rId39"/>
    <sheet name="年齢別・性別人口(39長岡)" sheetId="39" r:id="rId40"/>
    <sheet name="年齢別・性別人口(40寒江)" sheetId="40" r:id="rId41"/>
    <sheet name="年齢別・性別人口(41古沢)" sheetId="41" r:id="rId42"/>
    <sheet name="年齢別・性別人口(42老田)" sheetId="42" r:id="rId43"/>
    <sheet name="年齢別・性別人口(43池多)" sheetId="43" r:id="rId44"/>
    <sheet name="年齢別・性別人口(44水橋中部)" sheetId="44" r:id="rId45"/>
    <sheet name="年齢別・性別人口(45水橋西部)" sheetId="45" r:id="rId46"/>
    <sheet name="年齢別・性別人口(46水橋東部)" sheetId="46" r:id="rId47"/>
    <sheet name="年齢別・性別人口(47三郷)" sheetId="47" r:id="rId48"/>
    <sheet name="年齢別・性別人口(48上条)" sheetId="48" r:id="rId49"/>
    <sheet name="年齢別・性別人口(49光陽)" sheetId="49" r:id="rId50"/>
    <sheet name="年齢別・性別人口(50新庄北）" sheetId="50" r:id="rId51"/>
    <sheet name="年齢別・性別人口(0099富山地域)" sheetId="51" r:id="rId52"/>
    <sheet name="年齢別・性別人口0101下タ)" sheetId="52" r:id="rId53"/>
    <sheet name="年齢別・性別人口(0102小羽)" sheetId="53" r:id="rId54"/>
    <sheet name="年齢別・性別人口(0103船峅)" sheetId="54" r:id="rId55"/>
    <sheet name="年齢別・性別人口(0104大沢野)" sheetId="55" r:id="rId56"/>
    <sheet name="年齢別・性別人口(0105大久保)" sheetId="56" r:id="rId57"/>
    <sheet name="年齢別・性別人口(0199大沢野地域)" sheetId="57" r:id="rId58"/>
    <sheet name="年齢別・性別人口(0201上滝)" sheetId="58" r:id="rId59"/>
    <sheet name="年齢別・性別人口(0202大山)" sheetId="59" r:id="rId60"/>
    <sheet name="年齢別・性別人口(0203大庄)" sheetId="60" r:id="rId61"/>
    <sheet name="年齢別・性別人口(0204福沢)" sheetId="61" r:id="rId62"/>
    <sheet name="年齢別・性別人口(0299大山地域)" sheetId="62" r:id="rId63"/>
    <sheet name="年齢別・性別人口(0301八尾)" sheetId="63" r:id="rId64"/>
    <sheet name="年齢別・性別人口(0302保内)" sheetId="64" r:id="rId65"/>
    <sheet name="年齢別・性別人口(0303杉原)" sheetId="65" r:id="rId66"/>
    <sheet name="年齢別・性別人口(0304卯花)" sheetId="66" r:id="rId67"/>
    <sheet name="年齢別・性別人口(0305室牧)" sheetId="67" r:id="rId68"/>
    <sheet name="年齢別・性別人口(0306黒瀬谷)" sheetId="68" r:id="rId69"/>
    <sheet name="年齢別・性別人口(0307野積)" sheetId="69" r:id="rId70"/>
    <sheet name="年齢別・性別人口(0308仁歩)" sheetId="70" r:id="rId71"/>
    <sheet name="年齢別・性別人口(0309大長谷)" sheetId="71" r:id="rId72"/>
    <sheet name="年齢別・性別人口(0399八尾地域)" sheetId="72" r:id="rId73"/>
    <sheet name="年齢別・性別人口(0401速星)" sheetId="73" r:id="rId74"/>
    <sheet name="年齢別・性別人口(0402鵜坂)" sheetId="74" r:id="rId75"/>
    <sheet name="年齢別・性別人口(0403朝日)" sheetId="75" r:id="rId76"/>
    <sheet name="年齢別・性別人口(0404宮川)" sheetId="76" r:id="rId77"/>
    <sheet name="年齢別・性別人口(0405婦中熊野)" sheetId="77" r:id="rId78"/>
    <sheet name="年齢別・性別人口(0406古里)" sheetId="78" r:id="rId79"/>
    <sheet name="年齢別・性別人口(0407音川)" sheetId="79" r:id="rId80"/>
    <sheet name="年齢別・性別人口(0408神保)" sheetId="80" r:id="rId81"/>
    <sheet name="年齢別・性別人口(0499婦中地域)" sheetId="81" r:id="rId82"/>
    <sheet name="年齢別・性別人口(0501山田南部)" sheetId="82" r:id="rId83"/>
    <sheet name="年齢別・性別人口(0502山田中部)" sheetId="83" r:id="rId84"/>
    <sheet name="年齢別・性別人口(0503山田西部)" sheetId="84" r:id="rId85"/>
    <sheet name="年齢別・性別人口(0504山田東部)" sheetId="85" r:id="rId86"/>
    <sheet name="年齢別・性別人口(0599山田地域)" sheetId="86" r:id="rId87"/>
    <sheet name="年齢別・性別人口(0601細入北部)" sheetId="87" r:id="rId88"/>
    <sheet name="年齢別・性別人口(0602細入南部)" sheetId="88" r:id="rId89"/>
    <sheet name="年齢別・性別人口(0699細入地域)" sheetId="89" r:id="rId90"/>
  </sheets>
  <definedNames>
    <definedName name="_xlnm.Print_Titles" localSheetId="51">'年齢別・性別人口(0099富山地域)'!$4:$4</definedName>
    <definedName name="_xlnm.Print_Titles" localSheetId="53">'年齢別・性別人口(0102小羽)'!$4:$4</definedName>
    <definedName name="_xlnm.Print_Titles" localSheetId="54">'年齢別・性別人口(0103船峅)'!$4:$4</definedName>
    <definedName name="_xlnm.Print_Titles" localSheetId="55">'年齢別・性別人口(0104大沢野)'!$4:$4</definedName>
    <definedName name="_xlnm.Print_Titles" localSheetId="56">'年齢別・性別人口(0105大久保)'!$4:$4</definedName>
    <definedName name="_xlnm.Print_Titles" localSheetId="57">'年齢別・性別人口(0199大沢野地域)'!$4:$4</definedName>
    <definedName name="_xlnm.Print_Titles" localSheetId="1">'年齢別・性別人口(01総曲輪)'!$4:$4</definedName>
    <definedName name="_xlnm.Print_Titles" localSheetId="58">'年齢別・性別人口(0201上滝)'!$4:$4</definedName>
    <definedName name="_xlnm.Print_Titles" localSheetId="59">'年齢別・性別人口(0202大山)'!$4:$4</definedName>
    <definedName name="_xlnm.Print_Titles" localSheetId="60">'年齢別・性別人口(0203大庄)'!$4:$4</definedName>
    <definedName name="_xlnm.Print_Titles" localSheetId="61">'年齢別・性別人口(0204福沢)'!$4:$4</definedName>
    <definedName name="_xlnm.Print_Titles" localSheetId="62">'年齢別・性別人口(0299大山地域)'!$4:$4</definedName>
    <definedName name="_xlnm.Print_Titles" localSheetId="2">'年齢別・性別人口(02愛宕)'!$4:$4</definedName>
    <definedName name="_xlnm.Print_Titles" localSheetId="63">'年齢別・性別人口(0301八尾)'!$4:$4</definedName>
    <definedName name="_xlnm.Print_Titles" localSheetId="64">'年齢別・性別人口(0302保内)'!$4:$4</definedName>
    <definedName name="_xlnm.Print_Titles" localSheetId="65">'年齢別・性別人口(0303杉原)'!$4:$4</definedName>
    <definedName name="_xlnm.Print_Titles" localSheetId="66">'年齢別・性別人口(0304卯花)'!$4:$4</definedName>
    <definedName name="_xlnm.Print_Titles" localSheetId="67">'年齢別・性別人口(0305室牧)'!$4:$4</definedName>
    <definedName name="_xlnm.Print_Titles" localSheetId="68">'年齢別・性別人口(0306黒瀬谷)'!$4:$4</definedName>
    <definedName name="_xlnm.Print_Titles" localSheetId="69">'年齢別・性別人口(0307野積)'!$4:$4</definedName>
    <definedName name="_xlnm.Print_Titles" localSheetId="70">'年齢別・性別人口(0308仁歩)'!$4:$4</definedName>
    <definedName name="_xlnm.Print_Titles" localSheetId="71">'年齢別・性別人口(0309大長谷)'!$4:$4</definedName>
    <definedName name="_xlnm.Print_Titles" localSheetId="72">'年齢別・性別人口(0399八尾地域)'!$4:$4</definedName>
    <definedName name="_xlnm.Print_Titles" localSheetId="3">'年齢別・性別人口(03安野屋)'!$4:$4</definedName>
    <definedName name="_xlnm.Print_Titles" localSheetId="73">'年齢別・性別人口(0401速星)'!$4:$4</definedName>
    <definedName name="_xlnm.Print_Titles" localSheetId="74">'年齢別・性別人口(0402鵜坂)'!$4:$4</definedName>
    <definedName name="_xlnm.Print_Titles" localSheetId="75">'年齢別・性別人口(0403朝日)'!$4:$4</definedName>
    <definedName name="_xlnm.Print_Titles" localSheetId="76">'年齢別・性別人口(0404宮川)'!$4:$4</definedName>
    <definedName name="_xlnm.Print_Titles" localSheetId="77">'年齢別・性別人口(0405婦中熊野)'!$4:$4</definedName>
    <definedName name="_xlnm.Print_Titles" localSheetId="78">'年齢別・性別人口(0406古里)'!$4:$4</definedName>
    <definedName name="_xlnm.Print_Titles" localSheetId="79">'年齢別・性別人口(0407音川)'!$4:$4</definedName>
    <definedName name="_xlnm.Print_Titles" localSheetId="80">'年齢別・性別人口(0408神保)'!$4:$4</definedName>
    <definedName name="_xlnm.Print_Titles" localSheetId="81">'年齢別・性別人口(0499婦中地域)'!$4:$4</definedName>
    <definedName name="_xlnm.Print_Titles" localSheetId="4">'年齢別・性別人口(04八人町)'!$4:$4</definedName>
    <definedName name="_xlnm.Print_Titles" localSheetId="82">'年齢別・性別人口(0501山田南部)'!$4:$4</definedName>
    <definedName name="_xlnm.Print_Titles" localSheetId="83">'年齢別・性別人口(0502山田中部)'!$4:$4</definedName>
    <definedName name="_xlnm.Print_Titles" localSheetId="84">'年齢別・性別人口(0503山田西部)'!$4:$4</definedName>
    <definedName name="_xlnm.Print_Titles" localSheetId="85">'年齢別・性別人口(0504山田東部)'!$4:$4</definedName>
    <definedName name="_xlnm.Print_Titles" localSheetId="86">'年齢別・性別人口(0599山田地域)'!$4:$4</definedName>
    <definedName name="_xlnm.Print_Titles" localSheetId="5">'年齢別・性別人口(05五番町)'!$4:$4</definedName>
    <definedName name="_xlnm.Print_Titles" localSheetId="87">'年齢別・性別人口(0601細入北部)'!$4:$4</definedName>
    <definedName name="_xlnm.Print_Titles" localSheetId="88">'年齢別・性別人口(0602細入南部)'!$4:$4</definedName>
    <definedName name="_xlnm.Print_Titles" localSheetId="89">'年齢別・性別人口(0699細入地域)'!$4:$4</definedName>
    <definedName name="_xlnm.Print_Titles" localSheetId="6">'年齢別・性別人口(06柳町)'!$4:$4</definedName>
    <definedName name="_xlnm.Print_Titles" localSheetId="7">'年齢別・性別人口(07清水町)'!$4:$4</definedName>
    <definedName name="_xlnm.Print_Titles" localSheetId="8">'年齢別・性別人口(08星井町)'!$4:$4</definedName>
    <definedName name="_xlnm.Print_Titles" localSheetId="9">'年齢別・性別人口(09西田地方)'!$4:$4</definedName>
    <definedName name="_xlnm.Print_Titles" localSheetId="10">'年齢別・性別人口(10堀川)'!$4:$4</definedName>
    <definedName name="_xlnm.Print_Titles" localSheetId="11">'年齢別・性別人口(11堀川南)'!$4:$4</definedName>
    <definedName name="_xlnm.Print_Titles" localSheetId="12">'年齢別・性別人口(12東部)'!$4:$4</definedName>
    <definedName name="_xlnm.Print_Titles" localSheetId="13">'年齢別・性別人口(13奥田)'!$4:$4</definedName>
    <definedName name="_xlnm.Print_Titles" localSheetId="14">'年齢別・性別人口(14奥田北)'!$4:$4</definedName>
    <definedName name="_xlnm.Print_Titles" localSheetId="15">'年齢別・性別人口(15桜谷)'!$4:$4</definedName>
    <definedName name="_xlnm.Print_Titles" localSheetId="16">'年齢別・性別人口(16五福)'!$4:$4</definedName>
    <definedName name="_xlnm.Print_Titles" localSheetId="17">'年齢別・性別人口(17神明)'!$4:$4</definedName>
    <definedName name="_xlnm.Print_Titles" localSheetId="18">'年齢別・性別人口(18岩瀬)'!$4:$4</definedName>
    <definedName name="_xlnm.Print_Titles" localSheetId="19">'年齢別・性別人口(19萩浦)'!$4:$4</definedName>
    <definedName name="_xlnm.Print_Titles" localSheetId="20">'年齢別・性別人口(20大広田)'!$4:$4</definedName>
    <definedName name="_xlnm.Print_Titles" localSheetId="21">'年齢別・性別人口(21浜黒崎)'!$4:$4</definedName>
    <definedName name="_xlnm.Print_Titles" localSheetId="22">'年齢別・性別人口(22針原)'!$4:$4</definedName>
    <definedName name="_xlnm.Print_Titles" localSheetId="23">'年齢別・性別人口(23豊田)'!$4:$4</definedName>
    <definedName name="_xlnm.Print_Titles" localSheetId="24">'年齢別・性別人口(24広田)'!$4:$4</definedName>
    <definedName name="_xlnm.Print_Titles" localSheetId="25">'年齢別・性別人口(25新庄)'!$4:$4</definedName>
    <definedName name="_xlnm.Print_Titles" localSheetId="26">'年齢別・性別人口(26藤ノ木)'!$4:$4</definedName>
    <definedName name="_xlnm.Print_Titles" localSheetId="27">'年齢別・性別人口(27山室)'!$4:$4</definedName>
    <definedName name="_xlnm.Print_Titles" localSheetId="28">'年齢別・性別人口(28山室中部)'!$4:$4</definedName>
    <definedName name="_xlnm.Print_Titles" localSheetId="29">'年齢別・性別人口(29太田)'!$4:$4</definedName>
    <definedName name="_xlnm.Print_Titles" localSheetId="30">'年齢別・性別人口(30蜷川)'!$4:$4</definedName>
    <definedName name="_xlnm.Print_Titles" localSheetId="31">'年齢別・性別人口(31新保)'!$4:$4</definedName>
    <definedName name="_xlnm.Print_Titles" localSheetId="32">'年齢別・性別人口(32熊野)'!$4:$4</definedName>
    <definedName name="_xlnm.Print_Titles" localSheetId="33">'年齢別・性別人口(33月岡)'!$4:$4</definedName>
    <definedName name="_xlnm.Print_Titles" localSheetId="34">'年齢別・性別人口(34四方)'!$4:$4</definedName>
    <definedName name="_xlnm.Print_Titles" localSheetId="35">'年齢別・性別人口(35八幡)'!$4:$4</definedName>
    <definedName name="_xlnm.Print_Titles" localSheetId="36">'年齢別・性別人口(36草島)'!$4:$4</definedName>
    <definedName name="_xlnm.Print_Titles" localSheetId="37">'年齢別・性別人口(37倉垣)'!$4:$4</definedName>
    <definedName name="_xlnm.Print_Titles" localSheetId="38">'年齢別・性別人口(38呉羽)'!$4:$4</definedName>
    <definedName name="_xlnm.Print_Titles" localSheetId="39">'年齢別・性別人口(39長岡)'!$4:$4</definedName>
    <definedName name="_xlnm.Print_Titles" localSheetId="40">'年齢別・性別人口(40寒江)'!$4:$4</definedName>
    <definedName name="_xlnm.Print_Titles" localSheetId="41">'年齢別・性別人口(41古沢)'!$4:$4</definedName>
    <definedName name="_xlnm.Print_Titles" localSheetId="42">'年齢別・性別人口(42老田)'!$4:$4</definedName>
    <definedName name="_xlnm.Print_Titles" localSheetId="43">'年齢別・性別人口(43池多)'!$4:$4</definedName>
    <definedName name="_xlnm.Print_Titles" localSheetId="44">'年齢別・性別人口(44水橋中部)'!$4:$4</definedName>
    <definedName name="_xlnm.Print_Titles" localSheetId="45">'年齢別・性別人口(45水橋西部)'!$4:$4</definedName>
    <definedName name="_xlnm.Print_Titles" localSheetId="46">'年齢別・性別人口(46水橋東部)'!$4:$4</definedName>
    <definedName name="_xlnm.Print_Titles" localSheetId="47">'年齢別・性別人口(47三郷)'!$4:$4</definedName>
    <definedName name="_xlnm.Print_Titles" localSheetId="48">'年齢別・性別人口(48上条)'!$4:$4</definedName>
    <definedName name="_xlnm.Print_Titles" localSheetId="49">'年齢別・性別人口(49光陽)'!$4:$4</definedName>
    <definedName name="_xlnm.Print_Titles" localSheetId="50">'年齢別・性別人口(50新庄北）'!$4:$4</definedName>
    <definedName name="_xlnm.Print_Titles" localSheetId="52">'年齢別・性別人口0101下タ)'!$4:$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686" uniqueCount="221">
  <si>
    <t>【合計】</t>
    <rPh sb="1" eb="3">
      <t>ゴウケイ</t>
    </rPh>
    <phoneticPr fontId="2"/>
  </si>
  <si>
    <t>【65～】</t>
    <phoneticPr fontId="2"/>
  </si>
  <si>
    <t>《100～》</t>
    <phoneticPr fontId="2"/>
  </si>
  <si>
    <t>101～</t>
    <phoneticPr fontId="2"/>
  </si>
  <si>
    <t>《95～99》</t>
    <phoneticPr fontId="2"/>
  </si>
  <si>
    <t>《90～94》</t>
    <phoneticPr fontId="2"/>
  </si>
  <si>
    <t>《85～89》</t>
    <phoneticPr fontId="2"/>
  </si>
  <si>
    <t>《80～84》</t>
    <phoneticPr fontId="2"/>
  </si>
  <si>
    <t>《75～79》</t>
    <phoneticPr fontId="2"/>
  </si>
  <si>
    <t>《70～74》</t>
    <phoneticPr fontId="2"/>
  </si>
  <si>
    <t>《65～69》</t>
    <phoneticPr fontId="2"/>
  </si>
  <si>
    <t>【15～64】</t>
    <phoneticPr fontId="2"/>
  </si>
  <si>
    <t>《60～64》</t>
    <phoneticPr fontId="2"/>
  </si>
  <si>
    <t>《55～59》</t>
    <phoneticPr fontId="2"/>
  </si>
  <si>
    <t>《50～54》</t>
    <phoneticPr fontId="2"/>
  </si>
  <si>
    <t>《45～49》</t>
    <phoneticPr fontId="2"/>
  </si>
  <si>
    <t>《40～44》</t>
    <phoneticPr fontId="2"/>
  </si>
  <si>
    <t>《35～39》</t>
    <phoneticPr fontId="2"/>
  </si>
  <si>
    <t>《30～34》</t>
    <phoneticPr fontId="2"/>
  </si>
  <si>
    <t>《25～29》</t>
    <phoneticPr fontId="2"/>
  </si>
  <si>
    <t>《20～24》</t>
    <phoneticPr fontId="2"/>
  </si>
  <si>
    <t>《15～19》</t>
    <phoneticPr fontId="2"/>
  </si>
  <si>
    <t>【0～14】</t>
    <phoneticPr fontId="2"/>
  </si>
  <si>
    <t>《10～14》</t>
    <phoneticPr fontId="2"/>
  </si>
  <si>
    <t>《5～9》</t>
    <phoneticPr fontId="2"/>
  </si>
  <si>
    <t>《0～4》</t>
    <phoneticPr fontId="2"/>
  </si>
  <si>
    <t>計</t>
    <rPh sb="0" eb="1">
      <t>ケイ</t>
    </rPh>
    <phoneticPr fontId="2"/>
  </si>
  <si>
    <t>女</t>
    <rPh sb="0" eb="1">
      <t>オンナ</t>
    </rPh>
    <phoneticPr fontId="2"/>
  </si>
  <si>
    <t>男</t>
    <rPh sb="0" eb="1">
      <t>オトコ</t>
    </rPh>
    <phoneticPr fontId="2"/>
  </si>
  <si>
    <t>年齢</t>
    <rPh sb="0" eb="2">
      <t>ネンレイ</t>
    </rPh>
    <phoneticPr fontId="2"/>
  </si>
  <si>
    <t>令和5年6月末</t>
  </si>
  <si>
    <t>年齢別・性別人口（総曲輪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ソウガワ</t>
    </rPh>
    <phoneticPr fontId="2"/>
  </si>
  <si>
    <t>年齢別・性別人口（愛宕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タゴ</t>
    </rPh>
    <phoneticPr fontId="2"/>
  </si>
  <si>
    <t>年齢別・性別人口（安野屋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スノ</t>
    </rPh>
    <rPh sb="11" eb="12">
      <t>ヤ</t>
    </rPh>
    <phoneticPr fontId="2"/>
  </si>
  <si>
    <t>年齢別・性別人口（八人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ハチニンマチ</t>
    </rPh>
    <phoneticPr fontId="2"/>
  </si>
  <si>
    <t>年齢別・性別人口（五番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ゴバンマチ</t>
    </rPh>
    <phoneticPr fontId="2"/>
  </si>
  <si>
    <t>年齢別・性別人口（柳町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ナギマチ</t>
    </rPh>
    <phoneticPr fontId="2"/>
  </si>
  <si>
    <t>年齢別・性別人口（清水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シミズマチ</t>
    </rPh>
    <phoneticPr fontId="2"/>
  </si>
  <si>
    <t>年齢別・性別人口（星井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ホシイチョウ</t>
    </rPh>
    <phoneticPr fontId="2"/>
  </si>
  <si>
    <t>年齢別・性別人口（西田地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シダ</t>
    </rPh>
    <rPh sb="11" eb="13">
      <t>チホウ</t>
    </rPh>
    <phoneticPr fontId="2"/>
  </si>
  <si>
    <t>年齢別・性別人口（堀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phoneticPr fontId="2"/>
  </si>
  <si>
    <t>年齢別・性別人口（堀川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rPh sb="11" eb="12">
      <t>ミナミ</t>
    </rPh>
    <phoneticPr fontId="2"/>
  </si>
  <si>
    <t>年齢別・性別人口（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ウブ</t>
    </rPh>
    <phoneticPr fontId="2"/>
  </si>
  <si>
    <t>年齢別・性別人口（奥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phoneticPr fontId="2"/>
  </si>
  <si>
    <t>年齢別・性別人口（奥田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rPh sb="11" eb="12">
      <t>キタ</t>
    </rPh>
    <phoneticPr fontId="2"/>
  </si>
  <si>
    <t>年齢別・性別人口（桜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サクラ</t>
    </rPh>
    <rPh sb="10" eb="11">
      <t>タニ</t>
    </rPh>
    <phoneticPr fontId="2"/>
  </si>
  <si>
    <t>年齢別・性別人口（五福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ゴ</t>
    </rPh>
    <rPh sb="10" eb="11">
      <t>フク</t>
    </rPh>
    <phoneticPr fontId="2"/>
  </si>
  <si>
    <t>年齢別・性別人口（神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メイ</t>
    </rPh>
    <phoneticPr fontId="2"/>
  </si>
  <si>
    <t>年齢別・性別人口（岩瀬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イワセ</t>
    </rPh>
    <phoneticPr fontId="2"/>
  </si>
  <si>
    <t>年齢別・性別人口（萩浦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ギ</t>
    </rPh>
    <rPh sb="10" eb="11">
      <t>ウラ</t>
    </rPh>
    <phoneticPr fontId="2"/>
  </si>
  <si>
    <t>年齢別・性別人口（大広田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ヒロタ</t>
    </rPh>
    <phoneticPr fontId="2"/>
  </si>
  <si>
    <t>年齢別・性別人口（浜黒崎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マ</t>
    </rPh>
    <rPh sb="10" eb="12">
      <t>クロサキ</t>
    </rPh>
    <phoneticPr fontId="2"/>
  </si>
  <si>
    <t>年齢別・性別人口（針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リ</t>
    </rPh>
    <rPh sb="10" eb="11">
      <t>ハラ</t>
    </rPh>
    <phoneticPr fontId="2"/>
  </si>
  <si>
    <t>年齢別・性別人口（豊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ヨタ</t>
    </rPh>
    <phoneticPr fontId="2"/>
  </si>
  <si>
    <t>年齢別・性別人口（広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ヒロタ</t>
    </rPh>
    <phoneticPr fontId="2"/>
  </si>
  <si>
    <t>年齢別・性別人口（新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phoneticPr fontId="2"/>
  </si>
  <si>
    <t>年齢別・性別人口（藤ノ木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ジ</t>
    </rPh>
    <rPh sb="11" eb="12">
      <t>キ</t>
    </rPh>
    <phoneticPr fontId="2"/>
  </si>
  <si>
    <t>年齢別・性別人口（山室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phoneticPr fontId="2"/>
  </si>
  <si>
    <t>年齢別・性別人口（山室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rPh sb="11" eb="13">
      <t>チュウブ</t>
    </rPh>
    <phoneticPr fontId="2"/>
  </si>
  <si>
    <t>年齢別・性別人口（太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タ</t>
    </rPh>
    <phoneticPr fontId="2"/>
  </si>
  <si>
    <t>年齢別・性別人口（蜷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ナガワ</t>
    </rPh>
    <phoneticPr fontId="2"/>
  </si>
  <si>
    <t>年齢別・性別人口（新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ポ</t>
    </rPh>
    <phoneticPr fontId="2"/>
  </si>
  <si>
    <t>年齢別・性別人口（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マノ</t>
    </rPh>
    <phoneticPr fontId="2"/>
  </si>
  <si>
    <t>年齢別・性別人口（月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ツキオカ</t>
    </rPh>
    <phoneticPr fontId="2"/>
  </si>
  <si>
    <t>年齢別・性別人口（四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ヨカタ</t>
    </rPh>
    <phoneticPr fontId="2"/>
  </si>
  <si>
    <t>年齢別・性別人口（八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チマン</t>
    </rPh>
    <phoneticPr fontId="2"/>
  </si>
  <si>
    <t>年齢別・性別人口（草島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サジマ</t>
    </rPh>
    <phoneticPr fontId="2"/>
  </si>
  <si>
    <t>年齢別・性別人口（倉垣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ラ</t>
    </rPh>
    <rPh sb="10" eb="11">
      <t>カキ</t>
    </rPh>
    <phoneticPr fontId="2"/>
  </si>
  <si>
    <t>年齢別・性別人口（呉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レハ</t>
    </rPh>
    <phoneticPr fontId="2"/>
  </si>
  <si>
    <t>年齢別・性別人口（長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ナガオカ</t>
    </rPh>
    <phoneticPr fontId="2"/>
  </si>
  <si>
    <t>年齢別・性別人口（寒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ン</t>
    </rPh>
    <rPh sb="10" eb="11">
      <t>エ</t>
    </rPh>
    <phoneticPr fontId="2"/>
  </si>
  <si>
    <t>年齢別・性別人口（古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ワ</t>
    </rPh>
    <phoneticPr fontId="2"/>
  </si>
  <si>
    <t>年齢別・性別人口（老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イダ</t>
    </rPh>
    <phoneticPr fontId="2"/>
  </si>
  <si>
    <t>年齢別・性別人口（池多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イケ</t>
    </rPh>
    <rPh sb="10" eb="11">
      <t>タ</t>
    </rPh>
    <phoneticPr fontId="2"/>
  </si>
  <si>
    <t>年齢別・性別人口（水橋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チュウブ</t>
    </rPh>
    <phoneticPr fontId="2"/>
  </si>
  <si>
    <t>年齢別・性別人口（水橋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セイブ</t>
    </rPh>
    <phoneticPr fontId="2"/>
  </si>
  <si>
    <t>年齢別・性別人口（水橋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トウブ</t>
    </rPh>
    <phoneticPr fontId="2"/>
  </si>
  <si>
    <t>年齢別・性別人口（三郷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サンゴウ</t>
    </rPh>
    <phoneticPr fontId="2"/>
  </si>
  <si>
    <t>年齢別・性別人口（上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ョウジョウ</t>
    </rPh>
    <phoneticPr fontId="2"/>
  </si>
  <si>
    <t>年齢別・性別人口（光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コウヨウ</t>
    </rPh>
    <phoneticPr fontId="2"/>
  </si>
  <si>
    <t>年齢別・性別人口（新庄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rPh sb="11" eb="12">
      <t>キタ</t>
    </rPh>
    <phoneticPr fontId="2"/>
  </si>
  <si>
    <t>年齢別・性別人口（富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3">
      <t>チイキ</t>
    </rPh>
    <phoneticPr fontId="2"/>
  </si>
  <si>
    <t>年齢別・性別人口（下タ）</t>
    <rPh sb="0" eb="2">
      <t>ネンレイ</t>
    </rPh>
    <rPh sb="2" eb="3">
      <t>ベツ</t>
    </rPh>
    <rPh sb="4" eb="6">
      <t>セイベツ</t>
    </rPh>
    <rPh sb="6" eb="8">
      <t>ジンコウ</t>
    </rPh>
    <phoneticPr fontId="2"/>
  </si>
  <si>
    <t>年齢別・性別人口（小羽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コ</t>
    </rPh>
    <rPh sb="10" eb="11">
      <t>ハ</t>
    </rPh>
    <phoneticPr fontId="2"/>
  </si>
  <si>
    <t>年齢別・性別人口（船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ネ</t>
    </rPh>
    <rPh sb="10" eb="11">
      <t>クラ</t>
    </rPh>
    <phoneticPr fontId="2"/>
  </si>
  <si>
    <t>年齢別・性別人口（大沢野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ダイサワノ</t>
    </rPh>
    <phoneticPr fontId="2"/>
  </si>
  <si>
    <t>年齢別・性別人口（大久保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クボ</t>
    </rPh>
    <phoneticPr fontId="2"/>
  </si>
  <si>
    <t>年齢別・性別人口（大沢野地域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rPh sb="12" eb="14">
      <t>チイキ</t>
    </rPh>
    <phoneticPr fontId="2"/>
  </si>
  <si>
    <t>年齢別・性別人口（上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ミ</t>
    </rPh>
    <rPh sb="10" eb="11">
      <t>タキ</t>
    </rPh>
    <phoneticPr fontId="2"/>
  </si>
  <si>
    <t>年齢別・性別人口（大山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phoneticPr fontId="2"/>
  </si>
  <si>
    <t>年齢別・性別人口（大庄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ダイ</t>
    </rPh>
    <rPh sb="10" eb="11">
      <t>ショウ</t>
    </rPh>
    <phoneticPr fontId="2"/>
  </si>
  <si>
    <t>年齢別・性別人口（福沢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ク</t>
    </rPh>
    <rPh sb="10" eb="11">
      <t>サワ</t>
    </rPh>
    <phoneticPr fontId="2"/>
  </si>
  <si>
    <t>年齢別・性別人口（大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rPh sb="11" eb="13">
      <t>チイキ</t>
    </rPh>
    <phoneticPr fontId="2"/>
  </si>
  <si>
    <t>年齢別・性別人口（八尾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phoneticPr fontId="2"/>
  </si>
  <si>
    <t>年齢別・性別人口（保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ホ</t>
    </rPh>
    <rPh sb="10" eb="11">
      <t>ウチ</t>
    </rPh>
    <phoneticPr fontId="2"/>
  </si>
  <si>
    <t>年齢別・性別人口（杉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スギハラ</t>
    </rPh>
    <phoneticPr fontId="2"/>
  </si>
  <si>
    <t>年齢別・性別人口（卯花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ハナ</t>
    </rPh>
    <phoneticPr fontId="2"/>
  </si>
  <si>
    <t>年齢別・性別人口（室牧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ムロ</t>
    </rPh>
    <rPh sb="10" eb="11">
      <t>マキ</t>
    </rPh>
    <phoneticPr fontId="2"/>
  </si>
  <si>
    <t>年齢別・性別人口（黒瀬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ロ</t>
    </rPh>
    <rPh sb="10" eb="12">
      <t>セヤ</t>
    </rPh>
    <phoneticPr fontId="2"/>
  </si>
  <si>
    <t>年齢別・性別人口（野積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ノ</t>
    </rPh>
    <rPh sb="10" eb="11">
      <t>ツ</t>
    </rPh>
    <phoneticPr fontId="2"/>
  </si>
  <si>
    <t>年齢別・性別人口（仁歩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ジン</t>
    </rPh>
    <rPh sb="10" eb="11">
      <t>ホ</t>
    </rPh>
    <phoneticPr fontId="2"/>
  </si>
  <si>
    <t>年齢別・性別人口（大長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オ</t>
    </rPh>
    <rPh sb="10" eb="12">
      <t>ナガヤ</t>
    </rPh>
    <phoneticPr fontId="2"/>
  </si>
  <si>
    <t>年齢別・性別人口（八尾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rPh sb="11" eb="13">
      <t>チイキ</t>
    </rPh>
    <phoneticPr fontId="2"/>
  </si>
  <si>
    <t>年齢別・性別人口（速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ヤホシ</t>
    </rPh>
    <phoneticPr fontId="2"/>
  </si>
  <si>
    <t>年齢別・性別人口（鵜坂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サカ</t>
    </rPh>
    <phoneticPr fontId="2"/>
  </si>
  <si>
    <t>年齢別・性別人口（朝日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サヒ</t>
    </rPh>
    <phoneticPr fontId="2"/>
  </si>
  <si>
    <t>年齢別・性別人口（宮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ヤカワ</t>
    </rPh>
    <phoneticPr fontId="2"/>
  </si>
  <si>
    <t>年齢別・性別人口（婦中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クマノ</t>
    </rPh>
    <phoneticPr fontId="2"/>
  </si>
  <si>
    <t>年齢別・性別人口（古里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ト</t>
    </rPh>
    <phoneticPr fontId="2"/>
  </si>
  <si>
    <t>年齢別・性別人口（音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ト</t>
    </rPh>
    <rPh sb="10" eb="11">
      <t>カワ</t>
    </rPh>
    <phoneticPr fontId="2"/>
  </si>
  <si>
    <t>年齢別・性別人口（神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ンボ</t>
    </rPh>
    <phoneticPr fontId="2"/>
  </si>
  <si>
    <t>年齢別・性別人口（婦中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チイキ</t>
    </rPh>
    <phoneticPr fontId="2"/>
  </si>
  <si>
    <t>年齢別・性別人口（山田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ナン</t>
    </rPh>
    <rPh sb="12" eb="13">
      <t>ホクブ</t>
    </rPh>
    <phoneticPr fontId="2"/>
  </si>
  <si>
    <t>年齢別・性別人口（山田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チュウ</t>
    </rPh>
    <rPh sb="12" eb="13">
      <t>ホクブ</t>
    </rPh>
    <phoneticPr fontId="2"/>
  </si>
  <si>
    <t>年齢別・性別人口（山田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ニシ</t>
    </rPh>
    <rPh sb="12" eb="13">
      <t>ホクブ</t>
    </rPh>
    <phoneticPr fontId="2"/>
  </si>
  <si>
    <t>年齢別・性別人口（山田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トウブ</t>
    </rPh>
    <phoneticPr fontId="2"/>
  </si>
  <si>
    <t>年齢別・性別人口（山田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チイキ</t>
    </rPh>
    <phoneticPr fontId="2"/>
  </si>
  <si>
    <t>年齢別・性別人口（細入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キタ</t>
    </rPh>
    <rPh sb="12" eb="13">
      <t>ホクブ</t>
    </rPh>
    <phoneticPr fontId="2"/>
  </si>
  <si>
    <t>年齢別・性別人口（細入南部）</t>
    <rPh sb="0" eb="2">
      <t>ネンレイ</t>
    </rPh>
    <rPh sb="2" eb="3">
      <t>ベツ</t>
    </rPh>
    <rPh sb="4" eb="6">
      <t>セイベツ</t>
    </rPh>
    <rPh sb="6" eb="8">
      <t>ジンコウ</t>
    </rPh>
    <phoneticPr fontId="2"/>
  </si>
  <si>
    <t>年齢別・性別人口（細入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3">
      <t>チイキ</t>
    </rPh>
    <phoneticPr fontId="2"/>
  </si>
  <si>
    <t>年齢別・性別人口（地区別）</t>
    <rPh sb="0" eb="3">
      <t>ネンレイベツ</t>
    </rPh>
    <rPh sb="4" eb="6">
      <t>セイベツ</t>
    </rPh>
    <rPh sb="6" eb="8">
      <t>ジンコウ</t>
    </rPh>
    <rPh sb="9" eb="12">
      <t>チクベツ</t>
    </rPh>
    <phoneticPr fontId="2"/>
  </si>
  <si>
    <t>※御覧になりたい地区名をクリックしてください。</t>
    <rPh sb="1" eb="3">
      <t>ゴラン</t>
    </rPh>
    <rPh sb="8" eb="10">
      <t>チク</t>
    </rPh>
    <rPh sb="10" eb="11">
      <t>メイ</t>
    </rPh>
    <phoneticPr fontId="2"/>
  </si>
  <si>
    <t>富山地域</t>
    <rPh sb="0" eb="2">
      <t>トヤマ</t>
    </rPh>
    <rPh sb="2" eb="4">
      <t>チイキ</t>
    </rPh>
    <phoneticPr fontId="2"/>
  </si>
  <si>
    <t>大沢野地域</t>
    <rPh sb="0" eb="3">
      <t>オオサワノ</t>
    </rPh>
    <rPh sb="3" eb="5">
      <t>チイキ</t>
    </rPh>
    <phoneticPr fontId="2"/>
  </si>
  <si>
    <t>総曲輪</t>
    <rPh sb="0" eb="3">
      <t>ソウガワ</t>
    </rPh>
    <phoneticPr fontId="2"/>
  </si>
  <si>
    <t>下タ</t>
    <rPh sb="0" eb="1">
      <t>シタ</t>
    </rPh>
    <phoneticPr fontId="2"/>
  </si>
  <si>
    <t>愛宕</t>
    <rPh sb="0" eb="2">
      <t>アタゴ</t>
    </rPh>
    <phoneticPr fontId="2"/>
  </si>
  <si>
    <t>小羽</t>
    <rPh sb="0" eb="1">
      <t>チイ</t>
    </rPh>
    <rPh sb="1" eb="2">
      <t>ハネ</t>
    </rPh>
    <phoneticPr fontId="2"/>
  </si>
  <si>
    <t>安野屋</t>
    <rPh sb="0" eb="3">
      <t>ヤスノヤ</t>
    </rPh>
    <phoneticPr fontId="2"/>
  </si>
  <si>
    <t>船峅</t>
    <rPh sb="0" eb="2">
      <t>フナクラ</t>
    </rPh>
    <phoneticPr fontId="2"/>
  </si>
  <si>
    <t>八人町</t>
    <rPh sb="0" eb="3">
      <t>ハチニンマチ</t>
    </rPh>
    <phoneticPr fontId="2"/>
  </si>
  <si>
    <t>大沢野</t>
    <rPh sb="0" eb="3">
      <t>オオサワノ</t>
    </rPh>
    <phoneticPr fontId="2"/>
  </si>
  <si>
    <t>五番町</t>
    <rPh sb="0" eb="3">
      <t>ゴバンマチ</t>
    </rPh>
    <phoneticPr fontId="2"/>
  </si>
  <si>
    <t>大久保</t>
    <rPh sb="0" eb="3">
      <t>オオクボ</t>
    </rPh>
    <phoneticPr fontId="2"/>
  </si>
  <si>
    <t>柳町</t>
    <rPh sb="0" eb="2">
      <t>ヤナギマチ</t>
    </rPh>
    <phoneticPr fontId="2"/>
  </si>
  <si>
    <t>大沢野地域（合計）</t>
    <rPh sb="0" eb="3">
      <t>オオサワノ</t>
    </rPh>
    <rPh sb="3" eb="5">
      <t>チイキ</t>
    </rPh>
    <rPh sb="6" eb="8">
      <t>ゴウケイ</t>
    </rPh>
    <phoneticPr fontId="2"/>
  </si>
  <si>
    <t>清水町</t>
    <rPh sb="0" eb="3">
      <t>シミズマチ</t>
    </rPh>
    <phoneticPr fontId="2"/>
  </si>
  <si>
    <t>星井町</t>
    <rPh sb="0" eb="3">
      <t>ホシイマチ</t>
    </rPh>
    <phoneticPr fontId="2"/>
  </si>
  <si>
    <t>大山地域</t>
    <rPh sb="0" eb="2">
      <t>オオヤマ</t>
    </rPh>
    <rPh sb="2" eb="4">
      <t>チイキ</t>
    </rPh>
    <phoneticPr fontId="2"/>
  </si>
  <si>
    <t>西田地方</t>
    <rPh sb="0" eb="4">
      <t>ニシデンジガタ</t>
    </rPh>
    <phoneticPr fontId="2"/>
  </si>
  <si>
    <t>上滝</t>
    <rPh sb="0" eb="2">
      <t>カミダキ</t>
    </rPh>
    <phoneticPr fontId="2"/>
  </si>
  <si>
    <t>堀川</t>
    <rPh sb="0" eb="2">
      <t>ホリカワ</t>
    </rPh>
    <phoneticPr fontId="2"/>
  </si>
  <si>
    <t>大山</t>
    <rPh sb="0" eb="2">
      <t>オオヤマ</t>
    </rPh>
    <phoneticPr fontId="2"/>
  </si>
  <si>
    <t>堀川南</t>
    <rPh sb="0" eb="2">
      <t>ホリカワ</t>
    </rPh>
    <rPh sb="2" eb="3">
      <t>ミナミ</t>
    </rPh>
    <phoneticPr fontId="2"/>
  </si>
  <si>
    <t>大庄</t>
    <rPh sb="0" eb="2">
      <t>ダイショウ</t>
    </rPh>
    <phoneticPr fontId="2"/>
  </si>
  <si>
    <t>東部</t>
    <rPh sb="0" eb="2">
      <t>トウブ</t>
    </rPh>
    <phoneticPr fontId="2"/>
  </si>
  <si>
    <t>福沢</t>
    <rPh sb="0" eb="2">
      <t>フクサワ</t>
    </rPh>
    <phoneticPr fontId="2"/>
  </si>
  <si>
    <t>奥田</t>
    <rPh sb="0" eb="2">
      <t>オクダ</t>
    </rPh>
    <phoneticPr fontId="2"/>
  </si>
  <si>
    <t>大山地域（合計）</t>
    <rPh sb="0" eb="2">
      <t>オオヤマ</t>
    </rPh>
    <rPh sb="2" eb="4">
      <t>チイキ</t>
    </rPh>
    <rPh sb="5" eb="7">
      <t>ゴウケイ</t>
    </rPh>
    <phoneticPr fontId="2"/>
  </si>
  <si>
    <t>奥田北</t>
    <rPh sb="0" eb="3">
      <t>オクダキタ</t>
    </rPh>
    <phoneticPr fontId="2"/>
  </si>
  <si>
    <t>桜谷</t>
    <rPh sb="0" eb="2">
      <t>サクラタニ</t>
    </rPh>
    <phoneticPr fontId="2"/>
  </si>
  <si>
    <t>八尾地域</t>
    <rPh sb="0" eb="4">
      <t>ヤツオチイキ</t>
    </rPh>
    <phoneticPr fontId="2"/>
  </si>
  <si>
    <t>五福</t>
    <rPh sb="0" eb="2">
      <t>ゴフク</t>
    </rPh>
    <phoneticPr fontId="2"/>
  </si>
  <si>
    <t>八尾</t>
    <rPh sb="0" eb="2">
      <t>ヤツオ</t>
    </rPh>
    <phoneticPr fontId="2"/>
  </si>
  <si>
    <t>神明</t>
    <rPh sb="0" eb="2">
      <t>シンメイ</t>
    </rPh>
    <phoneticPr fontId="2"/>
  </si>
  <si>
    <t>保内</t>
    <rPh sb="0" eb="2">
      <t>ヤスウチ</t>
    </rPh>
    <phoneticPr fontId="2"/>
  </si>
  <si>
    <t>岩瀬</t>
    <rPh sb="0" eb="2">
      <t>イワセ</t>
    </rPh>
    <phoneticPr fontId="2"/>
  </si>
  <si>
    <t>杉原</t>
    <rPh sb="0" eb="2">
      <t>スギハラ</t>
    </rPh>
    <phoneticPr fontId="2"/>
  </si>
  <si>
    <t>萩浦</t>
    <rPh sb="0" eb="1">
      <t>ハギ</t>
    </rPh>
    <rPh sb="1" eb="2">
      <t>ウラ</t>
    </rPh>
    <phoneticPr fontId="2"/>
  </si>
  <si>
    <t>卯花</t>
    <rPh sb="0" eb="2">
      <t>ウノハナ</t>
    </rPh>
    <phoneticPr fontId="2"/>
  </si>
  <si>
    <t>大広田</t>
    <rPh sb="0" eb="3">
      <t>オオヒロタ</t>
    </rPh>
    <phoneticPr fontId="2"/>
  </si>
  <si>
    <t>室牧</t>
    <rPh sb="0" eb="2">
      <t>ムロマキ</t>
    </rPh>
    <phoneticPr fontId="2"/>
  </si>
  <si>
    <t>浜黒崎</t>
    <rPh sb="0" eb="3">
      <t>ハマクロサキ</t>
    </rPh>
    <phoneticPr fontId="2"/>
  </si>
  <si>
    <t>黒瀬谷</t>
    <rPh sb="0" eb="3">
      <t>クロセタニ</t>
    </rPh>
    <phoneticPr fontId="2"/>
  </si>
  <si>
    <t>針原</t>
    <rPh sb="0" eb="2">
      <t>ハリハラ</t>
    </rPh>
    <phoneticPr fontId="2"/>
  </si>
  <si>
    <t>野積</t>
    <rPh sb="0" eb="2">
      <t>ノヅ</t>
    </rPh>
    <phoneticPr fontId="2"/>
  </si>
  <si>
    <t>豊田</t>
    <rPh sb="0" eb="2">
      <t>トヨタ</t>
    </rPh>
    <phoneticPr fontId="2"/>
  </si>
  <si>
    <t>仁歩</t>
    <rPh sb="0" eb="1">
      <t>ニ</t>
    </rPh>
    <rPh sb="1" eb="2">
      <t>アル</t>
    </rPh>
    <phoneticPr fontId="2"/>
  </si>
  <si>
    <t>広田</t>
    <rPh sb="0" eb="2">
      <t>ヒロタ</t>
    </rPh>
    <phoneticPr fontId="2"/>
  </si>
  <si>
    <t>大長谷</t>
    <rPh sb="0" eb="3">
      <t>オオナガタニ</t>
    </rPh>
    <phoneticPr fontId="2"/>
  </si>
  <si>
    <t>新庄</t>
    <rPh sb="0" eb="2">
      <t>シンジョウ</t>
    </rPh>
    <phoneticPr fontId="2"/>
  </si>
  <si>
    <t>八尾地域（合計）</t>
    <rPh sb="0" eb="4">
      <t>ヤツオチイキ</t>
    </rPh>
    <rPh sb="5" eb="7">
      <t>ゴウケイ</t>
    </rPh>
    <phoneticPr fontId="2"/>
  </si>
  <si>
    <t>藤ノ木</t>
    <rPh sb="0" eb="1">
      <t>フジ</t>
    </rPh>
    <rPh sb="2" eb="3">
      <t>キ</t>
    </rPh>
    <phoneticPr fontId="2"/>
  </si>
  <si>
    <t>山室</t>
    <rPh sb="0" eb="2">
      <t>ヤマムロ</t>
    </rPh>
    <phoneticPr fontId="2"/>
  </si>
  <si>
    <t>婦中地域</t>
    <rPh sb="0" eb="2">
      <t>フチュウ</t>
    </rPh>
    <rPh sb="2" eb="4">
      <t>チイキ</t>
    </rPh>
    <phoneticPr fontId="2"/>
  </si>
  <si>
    <t>山室中部</t>
    <rPh sb="0" eb="4">
      <t>ヤマムロチュウブ</t>
    </rPh>
    <phoneticPr fontId="2"/>
  </si>
  <si>
    <t>速星</t>
    <rPh sb="0" eb="2">
      <t>ハヤホシ</t>
    </rPh>
    <phoneticPr fontId="2"/>
  </si>
  <si>
    <t>太田</t>
    <rPh sb="0" eb="2">
      <t>オオタ</t>
    </rPh>
    <phoneticPr fontId="2"/>
  </si>
  <si>
    <t>鵜坂</t>
    <rPh sb="0" eb="2">
      <t>ウサカ</t>
    </rPh>
    <phoneticPr fontId="2"/>
  </si>
  <si>
    <t>蜷川</t>
    <rPh sb="0" eb="2">
      <t>ニナガワ</t>
    </rPh>
    <phoneticPr fontId="2"/>
  </si>
  <si>
    <t>朝日</t>
    <rPh sb="0" eb="2">
      <t>アサヒ</t>
    </rPh>
    <phoneticPr fontId="2"/>
  </si>
  <si>
    <t>新保</t>
    <rPh sb="0" eb="2">
      <t>シンボ</t>
    </rPh>
    <phoneticPr fontId="2"/>
  </si>
  <si>
    <t>宮川</t>
    <rPh sb="0" eb="2">
      <t>ミヤガワ</t>
    </rPh>
    <phoneticPr fontId="2"/>
  </si>
  <si>
    <t>熊野</t>
    <rPh sb="0" eb="2">
      <t>クマノ</t>
    </rPh>
    <phoneticPr fontId="2"/>
  </si>
  <si>
    <t>婦中熊野</t>
    <rPh sb="0" eb="2">
      <t>フチュウ</t>
    </rPh>
    <rPh sb="2" eb="4">
      <t>クマノ</t>
    </rPh>
    <phoneticPr fontId="2"/>
  </si>
  <si>
    <t>月岡</t>
    <rPh sb="0" eb="2">
      <t>ツキオカ</t>
    </rPh>
    <phoneticPr fontId="2"/>
  </si>
  <si>
    <t>古里</t>
    <rPh sb="0" eb="2">
      <t>フルサト</t>
    </rPh>
    <phoneticPr fontId="2"/>
  </si>
  <si>
    <t>四方</t>
    <rPh sb="0" eb="2">
      <t>ヨカタ</t>
    </rPh>
    <phoneticPr fontId="2"/>
  </si>
  <si>
    <t>音川</t>
    <rPh sb="0" eb="2">
      <t>オトガワ</t>
    </rPh>
    <phoneticPr fontId="2"/>
  </si>
  <si>
    <t>八幡</t>
    <rPh sb="0" eb="2">
      <t>ハチマン</t>
    </rPh>
    <phoneticPr fontId="2"/>
  </si>
  <si>
    <t>神保</t>
    <rPh sb="0" eb="2">
      <t>シンボ</t>
    </rPh>
    <phoneticPr fontId="2"/>
  </si>
  <si>
    <t>草島</t>
    <rPh sb="0" eb="2">
      <t>クサジマ</t>
    </rPh>
    <phoneticPr fontId="2"/>
  </si>
  <si>
    <t>婦中地域（合計）</t>
    <rPh sb="0" eb="2">
      <t>フチュウ</t>
    </rPh>
    <rPh sb="2" eb="4">
      <t>チイキ</t>
    </rPh>
    <rPh sb="5" eb="7">
      <t>ゴウケイ</t>
    </rPh>
    <phoneticPr fontId="2"/>
  </si>
  <si>
    <t>倉垣</t>
    <rPh sb="0" eb="2">
      <t>クラガキ</t>
    </rPh>
    <phoneticPr fontId="2"/>
  </si>
  <si>
    <t>呉羽</t>
    <rPh sb="0" eb="2">
      <t>クレハ</t>
    </rPh>
    <phoneticPr fontId="2"/>
  </si>
  <si>
    <t>山田地域</t>
    <rPh sb="0" eb="4">
      <t>ヤマダチイキ</t>
    </rPh>
    <phoneticPr fontId="2"/>
  </si>
  <si>
    <t>長岡</t>
    <rPh sb="0" eb="2">
      <t>ナガオカ</t>
    </rPh>
    <phoneticPr fontId="2"/>
  </si>
  <si>
    <t>山田南部</t>
    <rPh sb="0" eb="2">
      <t>ヤマダ</t>
    </rPh>
    <rPh sb="2" eb="4">
      <t>ナンブ</t>
    </rPh>
    <phoneticPr fontId="2"/>
  </si>
  <si>
    <t>寒江</t>
    <rPh sb="0" eb="1">
      <t>サム</t>
    </rPh>
    <rPh sb="1" eb="2">
      <t>エ</t>
    </rPh>
    <phoneticPr fontId="2"/>
  </si>
  <si>
    <t>山田中部</t>
    <rPh sb="0" eb="2">
      <t>ヤマダ</t>
    </rPh>
    <rPh sb="2" eb="4">
      <t>チュウブ</t>
    </rPh>
    <phoneticPr fontId="2"/>
  </si>
  <si>
    <t>古沢</t>
    <rPh sb="0" eb="2">
      <t>フルサワ</t>
    </rPh>
    <phoneticPr fontId="2"/>
  </si>
  <si>
    <t>山田西部</t>
    <rPh sb="0" eb="2">
      <t>ヤマダ</t>
    </rPh>
    <rPh sb="2" eb="4">
      <t>セイブ</t>
    </rPh>
    <phoneticPr fontId="2"/>
  </si>
  <si>
    <t>老田</t>
    <rPh sb="0" eb="2">
      <t>オイダ</t>
    </rPh>
    <phoneticPr fontId="2"/>
  </si>
  <si>
    <t>山田東部</t>
    <rPh sb="0" eb="4">
      <t>ヤマダトウブ</t>
    </rPh>
    <phoneticPr fontId="2"/>
  </si>
  <si>
    <t>池多</t>
    <rPh sb="0" eb="2">
      <t>イケダ</t>
    </rPh>
    <phoneticPr fontId="2"/>
  </si>
  <si>
    <t>山田地域（合計）</t>
    <rPh sb="0" eb="4">
      <t>ヤマダチイキ</t>
    </rPh>
    <rPh sb="5" eb="7">
      <t>ゴウケイ</t>
    </rPh>
    <phoneticPr fontId="2"/>
  </si>
  <si>
    <t>水橋中部</t>
    <rPh sb="0" eb="2">
      <t>ミズハシ</t>
    </rPh>
    <rPh sb="2" eb="4">
      <t>チュウブ</t>
    </rPh>
    <phoneticPr fontId="2"/>
  </si>
  <si>
    <t>水橋西部</t>
    <rPh sb="0" eb="2">
      <t>ミズハシ</t>
    </rPh>
    <rPh sb="2" eb="4">
      <t>セイブ</t>
    </rPh>
    <phoneticPr fontId="2"/>
  </si>
  <si>
    <t>細入地域</t>
    <rPh sb="0" eb="2">
      <t>ホソイリ</t>
    </rPh>
    <rPh sb="2" eb="4">
      <t>チイキ</t>
    </rPh>
    <phoneticPr fontId="2"/>
  </si>
  <si>
    <t>水橋東部</t>
    <rPh sb="0" eb="2">
      <t>ミズハシ</t>
    </rPh>
    <rPh sb="2" eb="4">
      <t>トウブ</t>
    </rPh>
    <phoneticPr fontId="2"/>
  </si>
  <si>
    <t>細入北部</t>
    <rPh sb="0" eb="2">
      <t>ホソイリ</t>
    </rPh>
    <rPh sb="2" eb="4">
      <t>ホクブ</t>
    </rPh>
    <phoneticPr fontId="2"/>
  </si>
  <si>
    <t>三郷</t>
    <rPh sb="0" eb="2">
      <t>サンゴウ</t>
    </rPh>
    <phoneticPr fontId="2"/>
  </si>
  <si>
    <t>細入南部</t>
    <rPh sb="0" eb="2">
      <t>ホソイリ</t>
    </rPh>
    <rPh sb="2" eb="4">
      <t>ナンブ</t>
    </rPh>
    <phoneticPr fontId="2"/>
  </si>
  <si>
    <t>上条</t>
    <rPh sb="0" eb="1">
      <t>ウエ</t>
    </rPh>
    <rPh sb="1" eb="2">
      <t>ジョウ</t>
    </rPh>
    <phoneticPr fontId="2"/>
  </si>
  <si>
    <t>細入地域（合計）</t>
    <rPh sb="0" eb="2">
      <t>ホソイリ</t>
    </rPh>
    <rPh sb="2" eb="4">
      <t>チイキ</t>
    </rPh>
    <rPh sb="5" eb="7">
      <t>ゴウケイ</t>
    </rPh>
    <phoneticPr fontId="2"/>
  </si>
  <si>
    <t>光陽</t>
    <rPh sb="0" eb="2">
      <t>コウヨウ</t>
    </rPh>
    <phoneticPr fontId="2"/>
  </si>
  <si>
    <t>新庄北</t>
    <rPh sb="0" eb="3">
      <t>シンジョウキタ</t>
    </rPh>
    <phoneticPr fontId="2"/>
  </si>
  <si>
    <t>富山地域（合計）</t>
    <rPh sb="0" eb="4">
      <t>トヤマチイキ</t>
    </rPh>
    <rPh sb="5" eb="7">
      <t>ゴウケイ</t>
    </rPh>
    <phoneticPr fontId="2"/>
  </si>
  <si>
    <t xml:space="preserve">※世帯数が6世帯以下の校区については年齢別人口を公表しておりません。
また、7世帯以上の町丁において6世帯以下の町丁との関連で公表していないものがあります。 
人口計はすべての町丁において公表しています。   </t>
    <rPh sb="11" eb="13">
      <t>コウク</t>
    </rPh>
    <phoneticPr fontId="9"/>
  </si>
  <si>
    <t>×</t>
    <phoneticPr fontId="2"/>
  </si>
  <si>
    <t>令和5年6月末</t>
    <rPh sb="0" eb="2">
      <t>レイワ</t>
    </rPh>
    <rPh sb="3" eb="4">
      <t>ネン</t>
    </rPh>
    <rPh sb="5" eb="6">
      <t>ガツ</t>
    </rPh>
    <rPh sb="6" eb="7">
      <t>マ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14"/>
      <name val="ＭＳ 明朝"/>
      <family val="1"/>
      <charset val="128"/>
    </font>
    <font>
      <u/>
      <sz val="11"/>
      <color theme="10"/>
      <name val="ＭＳ 明朝"/>
      <family val="1"/>
      <charset val="128"/>
    </font>
    <font>
      <b/>
      <sz val="14"/>
      <name val="ＭＳ 明朝"/>
      <family val="1"/>
      <charset val="128"/>
    </font>
    <font>
      <b/>
      <sz val="11"/>
      <name val="ＭＳ 明朝"/>
      <family val="1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</fills>
  <borders count="35">
    <border>
      <left/>
      <right/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5" fillId="0" borderId="0" applyNumberFormat="0" applyFill="0" applyBorder="0" applyAlignment="0" applyProtection="0"/>
  </cellStyleXfs>
  <cellXfs count="63">
    <xf numFmtId="0" fontId="0" fillId="0" borderId="0" xfId="0"/>
    <xf numFmtId="38" fontId="0" fillId="0" borderId="1" xfId="0" applyNumberFormat="1" applyBorder="1" applyAlignment="1">
      <alignment vertical="center"/>
    </xf>
    <xf numFmtId="38" fontId="0" fillId="0" borderId="2" xfId="0" applyNumberFormat="1" applyBorder="1" applyAlignment="1">
      <alignment vertical="center"/>
    </xf>
    <xf numFmtId="38" fontId="0" fillId="0" borderId="3" xfId="0" applyNumberFormat="1" applyBorder="1" applyAlignment="1">
      <alignment vertical="center"/>
    </xf>
    <xf numFmtId="38" fontId="1" fillId="0" borderId="4" xfId="1" applyFont="1" applyBorder="1" applyAlignment="1">
      <alignment horizontal="distributed" vertical="center"/>
    </xf>
    <xf numFmtId="38" fontId="0" fillId="0" borderId="5" xfId="0" applyNumberFormat="1" applyBorder="1" applyAlignment="1">
      <alignment vertical="center"/>
    </xf>
    <xf numFmtId="38" fontId="0" fillId="0" borderId="6" xfId="0" applyNumberFormat="1" applyBorder="1" applyAlignment="1">
      <alignment vertical="center"/>
    </xf>
    <xf numFmtId="38" fontId="0" fillId="0" borderId="7" xfId="0" applyNumberFormat="1" applyBorder="1" applyAlignment="1">
      <alignment vertical="center"/>
    </xf>
    <xf numFmtId="38" fontId="1" fillId="0" borderId="8" xfId="1" applyFont="1" applyBorder="1" applyAlignment="1">
      <alignment horizontal="distributed" vertical="center"/>
    </xf>
    <xf numFmtId="38" fontId="1" fillId="0" borderId="5" xfId="1" applyBorder="1" applyAlignment="1">
      <alignment vertical="center"/>
    </xf>
    <xf numFmtId="38" fontId="1" fillId="0" borderId="6" xfId="1" applyBorder="1" applyAlignment="1">
      <alignment vertical="center"/>
    </xf>
    <xf numFmtId="38" fontId="1" fillId="0" borderId="7" xfId="1" applyBorder="1" applyAlignment="1">
      <alignment vertical="center"/>
    </xf>
    <xf numFmtId="38" fontId="1" fillId="0" borderId="5" xfId="1" applyFont="1" applyBorder="1" applyAlignment="1">
      <alignment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horizontal="center" vertical="center"/>
    </xf>
    <xf numFmtId="38" fontId="1" fillId="0" borderId="8" xfId="1" applyBorder="1" applyAlignment="1">
      <alignment horizontal="distributed"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1" xfId="1" applyBorder="1" applyAlignment="1">
      <alignment vertical="center"/>
    </xf>
    <xf numFmtId="38" fontId="1" fillId="0" borderId="12" xfId="1" applyBorder="1" applyAlignment="1">
      <alignment horizontal="distributed" vertical="center"/>
    </xf>
    <xf numFmtId="0" fontId="3" fillId="0" borderId="13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38" fontId="0" fillId="0" borderId="17" xfId="0" applyNumberFormat="1" applyBorder="1" applyAlignment="1">
      <alignment vertical="center"/>
    </xf>
    <xf numFmtId="38" fontId="0" fillId="0" borderId="18" xfId="0" applyNumberFormat="1" applyBorder="1" applyAlignment="1">
      <alignment vertical="center"/>
    </xf>
    <xf numFmtId="38" fontId="1" fillId="0" borderId="18" xfId="1" applyBorder="1" applyAlignment="1">
      <alignment vertical="center"/>
    </xf>
    <xf numFmtId="38" fontId="1" fillId="0" borderId="19" xfId="1" applyBorder="1" applyAlignment="1">
      <alignment vertical="center"/>
    </xf>
    <xf numFmtId="0" fontId="3" fillId="0" borderId="20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0" fillId="0" borderId="0" xfId="0"/>
    <xf numFmtId="38" fontId="1" fillId="0" borderId="18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12" xfId="1" applyFont="1" applyBorder="1" applyAlignment="1">
      <alignment horizontal="distributed" vertical="center"/>
    </xf>
    <xf numFmtId="38" fontId="1" fillId="0" borderId="23" xfId="1" applyFont="1" applyBorder="1" applyAlignment="1">
      <alignment vertical="center"/>
    </xf>
    <xf numFmtId="38" fontId="1" fillId="0" borderId="24" xfId="1" applyFont="1" applyBorder="1" applyAlignment="1">
      <alignment vertical="center"/>
    </xf>
    <xf numFmtId="38" fontId="1" fillId="0" borderId="25" xfId="1" applyFont="1" applyBorder="1" applyAlignment="1">
      <alignment vertical="center"/>
    </xf>
    <xf numFmtId="38" fontId="1" fillId="0" borderId="26" xfId="1" applyFont="1" applyBorder="1" applyAlignment="1">
      <alignment vertical="center"/>
    </xf>
    <xf numFmtId="38" fontId="1" fillId="0" borderId="13" xfId="1" applyFont="1" applyBorder="1" applyAlignment="1">
      <alignment vertical="center"/>
    </xf>
    <xf numFmtId="38" fontId="1" fillId="0" borderId="14" xfId="1" applyFont="1" applyBorder="1" applyAlignment="1">
      <alignment vertical="center"/>
    </xf>
    <xf numFmtId="38" fontId="1" fillId="0" borderId="27" xfId="1" applyFont="1" applyBorder="1" applyAlignment="1">
      <alignment vertical="center"/>
    </xf>
    <xf numFmtId="0" fontId="0" fillId="0" borderId="0" xfId="0" applyAlignment="1">
      <alignment horizontal="right"/>
    </xf>
    <xf numFmtId="0" fontId="7" fillId="0" borderId="0" xfId="0" applyFont="1"/>
    <xf numFmtId="0" fontId="0" fillId="0" borderId="30" xfId="0" applyBorder="1"/>
    <xf numFmtId="0" fontId="5" fillId="0" borderId="31" xfId="2" applyBorder="1"/>
    <xf numFmtId="0" fontId="0" fillId="0" borderId="32" xfId="0" applyBorder="1"/>
    <xf numFmtId="0" fontId="5" fillId="0" borderId="33" xfId="2" applyBorder="1"/>
    <xf numFmtId="38" fontId="1" fillId="0" borderId="27" xfId="1" applyFont="1" applyBorder="1" applyAlignment="1">
      <alignment horizontal="right" vertical="center"/>
    </xf>
    <xf numFmtId="0" fontId="0" fillId="2" borderId="28" xfId="0" applyFill="1" applyBorder="1" applyAlignment="1">
      <alignment horizontal="center"/>
    </xf>
    <xf numFmtId="0" fontId="0" fillId="2" borderId="29" xfId="0" applyFill="1" applyBorder="1" applyAlignment="1">
      <alignment horizontal="center"/>
    </xf>
    <xf numFmtId="0" fontId="8" fillId="0" borderId="0" xfId="0" applyFont="1" applyAlignment="1">
      <alignment horizontal="left" vertical="center" wrapText="1"/>
    </xf>
    <xf numFmtId="0" fontId="6" fillId="0" borderId="0" xfId="0" applyFont="1" applyAlignment="1">
      <alignment horizontal="center"/>
    </xf>
    <xf numFmtId="0" fontId="4" fillId="0" borderId="0" xfId="0" applyFont="1" applyAlignment="1">
      <alignment horizontal="center" vertical="center"/>
    </xf>
    <xf numFmtId="0" fontId="3" fillId="0" borderId="0" xfId="0" applyFont="1" applyAlignment="1">
      <alignment horizontal="right" vertical="center"/>
    </xf>
    <xf numFmtId="0" fontId="0" fillId="0" borderId="0" xfId="0"/>
    <xf numFmtId="0" fontId="3" fillId="0" borderId="0" xfId="0" applyFont="1" applyAlignment="1" applyProtection="1">
      <alignment horizontal="right" vertical="center"/>
      <protection locked="0"/>
    </xf>
    <xf numFmtId="38" fontId="1" fillId="0" borderId="34" xfId="1" applyFont="1" applyBorder="1" applyAlignment="1">
      <alignment horizontal="right" vertical="center"/>
    </xf>
  </cellXfs>
  <cellStyles count="3">
    <cellStyle name="ハイパーリンク" xfId="2" builtinId="8"/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87" Type="http://schemas.openxmlformats.org/officeDocument/2006/relationships/worksheet" Target="worksheets/sheet87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90" Type="http://schemas.openxmlformats.org/officeDocument/2006/relationships/worksheet" Target="worksheets/sheet90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9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A3D8E4B-3BE2-4876-BB8A-A0DB8A914E52}">
  <dimension ref="B1:H59"/>
  <sheetViews>
    <sheetView tabSelected="1" workbookViewId="0">
      <selection activeCell="B1" sqref="B1:E1"/>
    </sheetView>
  </sheetViews>
  <sheetFormatPr defaultColWidth="8.88671875" defaultRowHeight="13.2" x14ac:dyDescent="0.2"/>
  <cols>
    <col min="1" max="1" width="1.44140625" style="34" customWidth="1"/>
    <col min="2" max="2" width="4.6640625" style="34" customWidth="1"/>
    <col min="3" max="3" width="20.44140625" style="34" customWidth="1"/>
    <col min="4" max="4" width="8.88671875" style="34"/>
    <col min="5" max="5" width="4.6640625" style="34" customWidth="1"/>
    <col min="6" max="6" width="20.44140625" style="34" bestFit="1" customWidth="1"/>
    <col min="7" max="16384" width="8.88671875" style="34"/>
  </cols>
  <sheetData>
    <row r="1" spans="2:6" ht="23.4" customHeight="1" x14ac:dyDescent="0.2">
      <c r="B1" s="57" t="s">
        <v>120</v>
      </c>
      <c r="C1" s="57"/>
      <c r="D1" s="57"/>
      <c r="E1" s="57"/>
      <c r="F1" s="47" t="s">
        <v>220</v>
      </c>
    </row>
    <row r="2" spans="2:6" ht="13.8" thickBot="1" x14ac:dyDescent="0.25">
      <c r="B2" s="48"/>
      <c r="C2" s="34" t="s">
        <v>121</v>
      </c>
    </row>
    <row r="3" spans="2:6" x14ac:dyDescent="0.2">
      <c r="B3" s="54" t="s">
        <v>122</v>
      </c>
      <c r="C3" s="55"/>
      <c r="E3" s="54" t="s">
        <v>123</v>
      </c>
      <c r="F3" s="55"/>
    </row>
    <row r="4" spans="2:6" x14ac:dyDescent="0.2">
      <c r="B4" s="49">
        <v>1</v>
      </c>
      <c r="C4" s="50" t="s">
        <v>124</v>
      </c>
      <c r="E4" s="49">
        <v>101</v>
      </c>
      <c r="F4" s="50" t="s">
        <v>125</v>
      </c>
    </row>
    <row r="5" spans="2:6" x14ac:dyDescent="0.2">
      <c r="B5" s="49">
        <v>2</v>
      </c>
      <c r="C5" s="50" t="s">
        <v>126</v>
      </c>
      <c r="E5" s="49">
        <v>102</v>
      </c>
      <c r="F5" s="50" t="s">
        <v>127</v>
      </c>
    </row>
    <row r="6" spans="2:6" x14ac:dyDescent="0.2">
      <c r="B6" s="49">
        <v>3</v>
      </c>
      <c r="C6" s="50" t="s">
        <v>128</v>
      </c>
      <c r="E6" s="49">
        <v>103</v>
      </c>
      <c r="F6" s="50" t="s">
        <v>129</v>
      </c>
    </row>
    <row r="7" spans="2:6" x14ac:dyDescent="0.2">
      <c r="B7" s="49">
        <v>4</v>
      </c>
      <c r="C7" s="50" t="s">
        <v>130</v>
      </c>
      <c r="E7" s="49">
        <v>104</v>
      </c>
      <c r="F7" s="50" t="s">
        <v>131</v>
      </c>
    </row>
    <row r="8" spans="2:6" x14ac:dyDescent="0.2">
      <c r="B8" s="49">
        <v>5</v>
      </c>
      <c r="C8" s="50" t="s">
        <v>132</v>
      </c>
      <c r="E8" s="49">
        <v>105</v>
      </c>
      <c r="F8" s="50" t="s">
        <v>133</v>
      </c>
    </row>
    <row r="9" spans="2:6" ht="13.8" thickBot="1" x14ac:dyDescent="0.25">
      <c r="B9" s="49">
        <v>6</v>
      </c>
      <c r="C9" s="50" t="s">
        <v>134</v>
      </c>
      <c r="E9" s="51">
        <v>199</v>
      </c>
      <c r="F9" s="52" t="s">
        <v>135</v>
      </c>
    </row>
    <row r="10" spans="2:6" ht="13.8" thickBot="1" x14ac:dyDescent="0.25">
      <c r="B10" s="49">
        <v>7</v>
      </c>
      <c r="C10" s="50" t="s">
        <v>136</v>
      </c>
    </row>
    <row r="11" spans="2:6" x14ac:dyDescent="0.2">
      <c r="B11" s="49">
        <v>8</v>
      </c>
      <c r="C11" s="50" t="s">
        <v>137</v>
      </c>
      <c r="E11" s="54" t="s">
        <v>138</v>
      </c>
      <c r="F11" s="55"/>
    </row>
    <row r="12" spans="2:6" x14ac:dyDescent="0.2">
      <c r="B12" s="49">
        <v>9</v>
      </c>
      <c r="C12" s="50" t="s">
        <v>139</v>
      </c>
      <c r="E12" s="49">
        <v>201</v>
      </c>
      <c r="F12" s="50" t="s">
        <v>140</v>
      </c>
    </row>
    <row r="13" spans="2:6" x14ac:dyDescent="0.2">
      <c r="B13" s="49">
        <v>10</v>
      </c>
      <c r="C13" s="50" t="s">
        <v>141</v>
      </c>
      <c r="E13" s="49">
        <v>202</v>
      </c>
      <c r="F13" s="50" t="s">
        <v>142</v>
      </c>
    </row>
    <row r="14" spans="2:6" x14ac:dyDescent="0.2">
      <c r="B14" s="49">
        <v>11</v>
      </c>
      <c r="C14" s="50" t="s">
        <v>143</v>
      </c>
      <c r="E14" s="49">
        <v>203</v>
      </c>
      <c r="F14" s="50" t="s">
        <v>144</v>
      </c>
    </row>
    <row r="15" spans="2:6" x14ac:dyDescent="0.2">
      <c r="B15" s="49">
        <v>12</v>
      </c>
      <c r="C15" s="50" t="s">
        <v>145</v>
      </c>
      <c r="E15" s="49">
        <v>204</v>
      </c>
      <c r="F15" s="50" t="s">
        <v>146</v>
      </c>
    </row>
    <row r="16" spans="2:6" ht="13.8" thickBot="1" x14ac:dyDescent="0.25">
      <c r="B16" s="49">
        <v>13</v>
      </c>
      <c r="C16" s="50" t="s">
        <v>147</v>
      </c>
      <c r="E16" s="51">
        <v>299</v>
      </c>
      <c r="F16" s="52" t="s">
        <v>148</v>
      </c>
    </row>
    <row r="17" spans="2:6" ht="13.8" thickBot="1" x14ac:dyDescent="0.25">
      <c r="B17" s="49">
        <v>14</v>
      </c>
      <c r="C17" s="50" t="s">
        <v>149</v>
      </c>
    </row>
    <row r="18" spans="2:6" x14ac:dyDescent="0.2">
      <c r="B18" s="49">
        <v>15</v>
      </c>
      <c r="C18" s="50" t="s">
        <v>150</v>
      </c>
      <c r="E18" s="54" t="s">
        <v>151</v>
      </c>
      <c r="F18" s="55"/>
    </row>
    <row r="19" spans="2:6" x14ac:dyDescent="0.2">
      <c r="B19" s="49">
        <v>16</v>
      </c>
      <c r="C19" s="50" t="s">
        <v>152</v>
      </c>
      <c r="E19" s="49">
        <v>301</v>
      </c>
      <c r="F19" s="50" t="s">
        <v>153</v>
      </c>
    </row>
    <row r="20" spans="2:6" x14ac:dyDescent="0.2">
      <c r="B20" s="49">
        <v>17</v>
      </c>
      <c r="C20" s="50" t="s">
        <v>154</v>
      </c>
      <c r="E20" s="49">
        <v>302</v>
      </c>
      <c r="F20" s="50" t="s">
        <v>155</v>
      </c>
    </row>
    <row r="21" spans="2:6" x14ac:dyDescent="0.2">
      <c r="B21" s="49">
        <v>18</v>
      </c>
      <c r="C21" s="50" t="s">
        <v>156</v>
      </c>
      <c r="E21" s="49">
        <v>303</v>
      </c>
      <c r="F21" s="50" t="s">
        <v>157</v>
      </c>
    </row>
    <row r="22" spans="2:6" x14ac:dyDescent="0.2">
      <c r="B22" s="49">
        <v>19</v>
      </c>
      <c r="C22" s="50" t="s">
        <v>158</v>
      </c>
      <c r="E22" s="49">
        <v>304</v>
      </c>
      <c r="F22" s="50" t="s">
        <v>159</v>
      </c>
    </row>
    <row r="23" spans="2:6" x14ac:dyDescent="0.2">
      <c r="B23" s="49">
        <v>20</v>
      </c>
      <c r="C23" s="50" t="s">
        <v>160</v>
      </c>
      <c r="E23" s="49">
        <v>305</v>
      </c>
      <c r="F23" s="50" t="s">
        <v>161</v>
      </c>
    </row>
    <row r="24" spans="2:6" x14ac:dyDescent="0.2">
      <c r="B24" s="49">
        <v>21</v>
      </c>
      <c r="C24" s="50" t="s">
        <v>162</v>
      </c>
      <c r="E24" s="49">
        <v>306</v>
      </c>
      <c r="F24" s="50" t="s">
        <v>163</v>
      </c>
    </row>
    <row r="25" spans="2:6" x14ac:dyDescent="0.2">
      <c r="B25" s="49">
        <v>22</v>
      </c>
      <c r="C25" s="50" t="s">
        <v>164</v>
      </c>
      <c r="E25" s="49">
        <v>307</v>
      </c>
      <c r="F25" s="50" t="s">
        <v>165</v>
      </c>
    </row>
    <row r="26" spans="2:6" x14ac:dyDescent="0.2">
      <c r="B26" s="49">
        <v>23</v>
      </c>
      <c r="C26" s="50" t="s">
        <v>166</v>
      </c>
      <c r="E26" s="49">
        <v>308</v>
      </c>
      <c r="F26" s="50" t="s">
        <v>167</v>
      </c>
    </row>
    <row r="27" spans="2:6" x14ac:dyDescent="0.2">
      <c r="B27" s="49">
        <v>24</v>
      </c>
      <c r="C27" s="50" t="s">
        <v>168</v>
      </c>
      <c r="E27" s="49">
        <v>309</v>
      </c>
      <c r="F27" s="50" t="s">
        <v>169</v>
      </c>
    </row>
    <row r="28" spans="2:6" ht="13.8" thickBot="1" x14ac:dyDescent="0.25">
      <c r="B28" s="49">
        <v>25</v>
      </c>
      <c r="C28" s="50" t="s">
        <v>170</v>
      </c>
      <c r="E28" s="51">
        <v>399</v>
      </c>
      <c r="F28" s="52" t="s">
        <v>171</v>
      </c>
    </row>
    <row r="29" spans="2:6" ht="13.8" thickBot="1" x14ac:dyDescent="0.25">
      <c r="B29" s="49">
        <v>26</v>
      </c>
      <c r="C29" s="50" t="s">
        <v>172</v>
      </c>
    </row>
    <row r="30" spans="2:6" x14ac:dyDescent="0.2">
      <c r="B30" s="49">
        <v>27</v>
      </c>
      <c r="C30" s="50" t="s">
        <v>173</v>
      </c>
      <c r="E30" s="54" t="s">
        <v>174</v>
      </c>
      <c r="F30" s="55"/>
    </row>
    <row r="31" spans="2:6" x14ac:dyDescent="0.2">
      <c r="B31" s="49">
        <v>28</v>
      </c>
      <c r="C31" s="50" t="s">
        <v>175</v>
      </c>
      <c r="E31" s="49">
        <v>401</v>
      </c>
      <c r="F31" s="50" t="s">
        <v>176</v>
      </c>
    </row>
    <row r="32" spans="2:6" x14ac:dyDescent="0.2">
      <c r="B32" s="49">
        <v>29</v>
      </c>
      <c r="C32" s="50" t="s">
        <v>177</v>
      </c>
      <c r="E32" s="49">
        <v>402</v>
      </c>
      <c r="F32" s="50" t="s">
        <v>178</v>
      </c>
    </row>
    <row r="33" spans="2:6" x14ac:dyDescent="0.2">
      <c r="B33" s="49">
        <v>30</v>
      </c>
      <c r="C33" s="50" t="s">
        <v>179</v>
      </c>
      <c r="E33" s="49">
        <v>403</v>
      </c>
      <c r="F33" s="50" t="s">
        <v>180</v>
      </c>
    </row>
    <row r="34" spans="2:6" x14ac:dyDescent="0.2">
      <c r="B34" s="49">
        <v>31</v>
      </c>
      <c r="C34" s="50" t="s">
        <v>181</v>
      </c>
      <c r="E34" s="49">
        <v>404</v>
      </c>
      <c r="F34" s="50" t="s">
        <v>182</v>
      </c>
    </row>
    <row r="35" spans="2:6" x14ac:dyDescent="0.2">
      <c r="B35" s="49">
        <v>32</v>
      </c>
      <c r="C35" s="50" t="s">
        <v>183</v>
      </c>
      <c r="E35" s="49">
        <v>405</v>
      </c>
      <c r="F35" s="50" t="s">
        <v>184</v>
      </c>
    </row>
    <row r="36" spans="2:6" x14ac:dyDescent="0.2">
      <c r="B36" s="49">
        <v>33</v>
      </c>
      <c r="C36" s="50" t="s">
        <v>185</v>
      </c>
      <c r="E36" s="49">
        <v>406</v>
      </c>
      <c r="F36" s="50" t="s">
        <v>186</v>
      </c>
    </row>
    <row r="37" spans="2:6" x14ac:dyDescent="0.2">
      <c r="B37" s="49">
        <v>34</v>
      </c>
      <c r="C37" s="50" t="s">
        <v>187</v>
      </c>
      <c r="E37" s="49">
        <v>407</v>
      </c>
      <c r="F37" s="50" t="s">
        <v>188</v>
      </c>
    </row>
    <row r="38" spans="2:6" x14ac:dyDescent="0.2">
      <c r="B38" s="49">
        <v>35</v>
      </c>
      <c r="C38" s="50" t="s">
        <v>189</v>
      </c>
      <c r="E38" s="49">
        <v>408</v>
      </c>
      <c r="F38" s="50" t="s">
        <v>190</v>
      </c>
    </row>
    <row r="39" spans="2:6" ht="13.8" thickBot="1" x14ac:dyDescent="0.25">
      <c r="B39" s="49">
        <v>36</v>
      </c>
      <c r="C39" s="50" t="s">
        <v>191</v>
      </c>
      <c r="E39" s="51">
        <v>499</v>
      </c>
      <c r="F39" s="52" t="s">
        <v>192</v>
      </c>
    </row>
    <row r="40" spans="2:6" ht="13.8" thickBot="1" x14ac:dyDescent="0.25">
      <c r="B40" s="49">
        <v>37</v>
      </c>
      <c r="C40" s="50" t="s">
        <v>193</v>
      </c>
    </row>
    <row r="41" spans="2:6" x14ac:dyDescent="0.2">
      <c r="B41" s="49">
        <v>38</v>
      </c>
      <c r="C41" s="50" t="s">
        <v>194</v>
      </c>
      <c r="E41" s="54" t="s">
        <v>195</v>
      </c>
      <c r="F41" s="55"/>
    </row>
    <row r="42" spans="2:6" x14ac:dyDescent="0.2">
      <c r="B42" s="49">
        <v>39</v>
      </c>
      <c r="C42" s="50" t="s">
        <v>196</v>
      </c>
      <c r="E42" s="49">
        <v>501</v>
      </c>
      <c r="F42" s="50" t="s">
        <v>197</v>
      </c>
    </row>
    <row r="43" spans="2:6" x14ac:dyDescent="0.2">
      <c r="B43" s="49">
        <v>40</v>
      </c>
      <c r="C43" s="50" t="s">
        <v>198</v>
      </c>
      <c r="E43" s="49">
        <v>502</v>
      </c>
      <c r="F43" s="50" t="s">
        <v>199</v>
      </c>
    </row>
    <row r="44" spans="2:6" x14ac:dyDescent="0.2">
      <c r="B44" s="49">
        <v>41</v>
      </c>
      <c r="C44" s="50" t="s">
        <v>200</v>
      </c>
      <c r="E44" s="49">
        <v>503</v>
      </c>
      <c r="F44" s="50" t="s">
        <v>201</v>
      </c>
    </row>
    <row r="45" spans="2:6" x14ac:dyDescent="0.2">
      <c r="B45" s="49">
        <v>42</v>
      </c>
      <c r="C45" s="50" t="s">
        <v>202</v>
      </c>
      <c r="E45" s="49">
        <v>504</v>
      </c>
      <c r="F45" s="50" t="s">
        <v>203</v>
      </c>
    </row>
    <row r="46" spans="2:6" ht="13.8" thickBot="1" x14ac:dyDescent="0.25">
      <c r="B46" s="49">
        <v>43</v>
      </c>
      <c r="C46" s="50" t="s">
        <v>204</v>
      </c>
      <c r="E46" s="51">
        <v>599</v>
      </c>
      <c r="F46" s="52" t="s">
        <v>205</v>
      </c>
    </row>
    <row r="47" spans="2:6" ht="13.8" thickBot="1" x14ac:dyDescent="0.25">
      <c r="B47" s="49">
        <v>44</v>
      </c>
      <c r="C47" s="50" t="s">
        <v>206</v>
      </c>
    </row>
    <row r="48" spans="2:6" x14ac:dyDescent="0.2">
      <c r="B48" s="49">
        <v>45</v>
      </c>
      <c r="C48" s="50" t="s">
        <v>207</v>
      </c>
      <c r="E48" s="54" t="s">
        <v>208</v>
      </c>
      <c r="F48" s="55"/>
    </row>
    <row r="49" spans="2:8" x14ac:dyDescent="0.2">
      <c r="B49" s="49">
        <v>46</v>
      </c>
      <c r="C49" s="50" t="s">
        <v>209</v>
      </c>
      <c r="E49" s="49">
        <v>601</v>
      </c>
      <c r="F49" s="50" t="s">
        <v>210</v>
      </c>
    </row>
    <row r="50" spans="2:8" x14ac:dyDescent="0.2">
      <c r="B50" s="49">
        <v>47</v>
      </c>
      <c r="C50" s="50" t="s">
        <v>211</v>
      </c>
      <c r="E50" s="49">
        <v>602</v>
      </c>
      <c r="F50" s="50" t="s">
        <v>212</v>
      </c>
    </row>
    <row r="51" spans="2:8" ht="13.8" thickBot="1" x14ac:dyDescent="0.25">
      <c r="B51" s="49">
        <v>48</v>
      </c>
      <c r="C51" s="50" t="s">
        <v>213</v>
      </c>
      <c r="E51" s="51">
        <v>699</v>
      </c>
      <c r="F51" s="52" t="s">
        <v>214</v>
      </c>
    </row>
    <row r="52" spans="2:8" x14ac:dyDescent="0.2">
      <c r="B52" s="49">
        <v>49</v>
      </c>
      <c r="C52" s="50" t="s">
        <v>215</v>
      </c>
    </row>
    <row r="53" spans="2:8" x14ac:dyDescent="0.2">
      <c r="B53" s="49">
        <v>50</v>
      </c>
      <c r="C53" s="50" t="s">
        <v>216</v>
      </c>
    </row>
    <row r="54" spans="2:8" ht="13.8" thickBot="1" x14ac:dyDescent="0.25">
      <c r="B54" s="51">
        <v>99</v>
      </c>
      <c r="C54" s="52" t="s">
        <v>217</v>
      </c>
    </row>
    <row r="57" spans="2:8" x14ac:dyDescent="0.2">
      <c r="B57" s="56" t="s">
        <v>218</v>
      </c>
      <c r="C57" s="56"/>
      <c r="D57" s="56"/>
      <c r="E57" s="56"/>
      <c r="F57" s="56"/>
      <c r="G57" s="56"/>
      <c r="H57" s="56"/>
    </row>
    <row r="58" spans="2:8" x14ac:dyDescent="0.2">
      <c r="B58" s="56"/>
      <c r="C58" s="56"/>
      <c r="D58" s="56"/>
      <c r="E58" s="56"/>
      <c r="F58" s="56"/>
      <c r="G58" s="56"/>
      <c r="H58" s="56"/>
    </row>
    <row r="59" spans="2:8" x14ac:dyDescent="0.2">
      <c r="B59" s="56"/>
      <c r="C59" s="56"/>
      <c r="D59" s="56"/>
      <c r="E59" s="56"/>
      <c r="F59" s="56"/>
      <c r="G59" s="56"/>
      <c r="H59" s="56"/>
    </row>
  </sheetData>
  <mergeCells count="9">
    <mergeCell ref="E41:F41"/>
    <mergeCell ref="E48:F48"/>
    <mergeCell ref="B57:H59"/>
    <mergeCell ref="B1:E1"/>
    <mergeCell ref="B3:C3"/>
    <mergeCell ref="E3:F3"/>
    <mergeCell ref="E11:F11"/>
    <mergeCell ref="E18:F18"/>
    <mergeCell ref="E30:F30"/>
  </mergeCells>
  <phoneticPr fontId="2"/>
  <hyperlinks>
    <hyperlink ref="C5" location="'年齢別・性別人口(02愛宕)'!A1" display="愛宕" xr:uid="{3288A4D3-F7CF-42A9-BA2C-8DD928478229}"/>
    <hyperlink ref="C6" location="'年齢別・性別人口(03安野屋)'!A1" display="安野屋" xr:uid="{2C8F5E87-AB35-4D10-B4CD-CDF02B868BCA}"/>
    <hyperlink ref="C7" location="'年齢別・性別人口(04八人町)'!A1" display="八人町" xr:uid="{0CF512A1-324F-494F-92A3-491411B02F4C}"/>
    <hyperlink ref="C8" location="'年齢別・性別人口(05五番町)'!A1" display="五番町" xr:uid="{730367DB-3A36-483E-91D6-B05D4BC9E3FD}"/>
    <hyperlink ref="C9" location="'年齢別・性別人口(06柳町)'!A1" display="柳町" xr:uid="{43E72D3A-D1F0-40F4-924B-FE3D00142DDC}"/>
    <hyperlink ref="C10" location="'年齢別・性別人口(07清水町)'!A1" display="清水町" xr:uid="{F55EF69A-2151-40E1-A0AA-D2B60515FC68}"/>
    <hyperlink ref="C11" location="'年齢別・性別人口(08星井町)'!A1" display="星井町" xr:uid="{6E526D91-D4D6-4996-A905-2CBD96BAFF0E}"/>
    <hyperlink ref="C12" location="'年齢別・性別人口(09西田地方)'!A1" display="西田地方" xr:uid="{D2228EDD-C261-4657-A09F-15C98ED8A537}"/>
    <hyperlink ref="C13" location="'年齢別・性別人口(10堀川)'!A1" display="堀川" xr:uid="{95EA782B-5F37-4338-8280-7F41E3E58DFA}"/>
    <hyperlink ref="C14" location="'年齢別・性別人口(11堀川南)'!A1" display="堀川南" xr:uid="{D2B0B73A-5167-4C27-A3F2-AA5CF2D463FE}"/>
    <hyperlink ref="C15" location="'年齢別・性別人口(12東部)'!A1" display="東部" xr:uid="{18524D78-9EA1-4E98-8B17-2ED21AE1D6D8}"/>
    <hyperlink ref="C16" location="'年齢別・性別人口(13奥田)'!A1" display="奥田" xr:uid="{6E503FCA-6451-47F3-850B-004AC1144FF8}"/>
    <hyperlink ref="C17" location="'年齢別・性別人口(14奥田北)'!A1" display="奥田北" xr:uid="{60D5A0ED-9220-4151-BDF7-5DE6195B2850}"/>
    <hyperlink ref="C19" location="'年齢別・性別人口(16五福)'!A1" display="五福" xr:uid="{AC3777C5-A4FB-4BFA-9ACC-D66D1C444782}"/>
    <hyperlink ref="C20" location="'年齢別・性別人口(17神明)'!A1" display="神明" xr:uid="{70212BDB-0CDA-44AF-A028-8EBDC3E3530D}"/>
    <hyperlink ref="C21" location="'年齢別・性別人口(18岩瀬)'!A1" display="岩瀬" xr:uid="{C26A0FAA-E427-455F-A022-504CF51EE028}"/>
    <hyperlink ref="C22" location="'年齢別・性別人口(19萩浦)'!A1" display="荻浦" xr:uid="{C11502C5-DA18-4E59-8E98-7877677F70AF}"/>
    <hyperlink ref="C23" location="'年齢別・性別人口(20大広田)'!A1" display="大広田" xr:uid="{56D8F18A-8FE2-44F8-91D5-B6404B5A8912}"/>
    <hyperlink ref="C24" location="'年齢別・性別人口(21浜黒崎)'!A1" display="浜黒崎" xr:uid="{CD35570D-6158-4A0C-8D65-E5C8830B3063}"/>
    <hyperlink ref="C25" location="'年齢別・性別人口(22針原)'!A1" display="針原" xr:uid="{2D6B8A67-4093-4012-A26B-CC250CA5EC9D}"/>
    <hyperlink ref="C26" location="'年齢別・性別人口(23豊田)'!A1" display="豊田" xr:uid="{9F89761C-B7DC-4298-9985-876BDED5AA66}"/>
    <hyperlink ref="C27" location="'年齢別・性別人口(24広田)'!A1" display="広田" xr:uid="{DF56D822-17BE-4AAF-8C6C-6545FF44BF64}"/>
    <hyperlink ref="C28" location="'年齢別・性別人口(25新庄)'!A1" display="新庄" xr:uid="{76981FCB-2386-40EE-AF89-7B32A3EC8484}"/>
    <hyperlink ref="C29" location="'年齢別・性別人口(26藤ノ木)'!A1" display="藤ノ木" xr:uid="{67BBC043-323B-483D-8C15-811A703C6132}"/>
    <hyperlink ref="C30" location="'年齢別・性別人口(27山室)'!A1" display="山室" xr:uid="{6282A541-4FD7-456D-86DD-237FA506481F}"/>
    <hyperlink ref="C31" location="'年齢別・性別人口(28山室中部)'!A1" display="山室中部" xr:uid="{81309C36-A887-47B5-A290-7531A3ED9D84}"/>
    <hyperlink ref="C32" location="'年齢別・性別人口(29太田)'!A1" display="太田" xr:uid="{C340A17F-24B7-45E6-B434-CC9F7B9EABEC}"/>
    <hyperlink ref="C33" location="'年齢別・性別人口(30蜷川)'!A1" display="蜷川" xr:uid="{21419AC7-39B4-4A01-A3E3-05F8AA513CD3}"/>
    <hyperlink ref="C34" location="'年齢別・性別人口(31新保)'!A1" display="新保" xr:uid="{5A10C3EF-CB77-4279-8B6A-B8D89ECE6FCE}"/>
    <hyperlink ref="C35" location="'年齢別・性別人口(32熊野)'!A1" display="熊野" xr:uid="{1BA2C5FD-EBB0-4F38-AA63-4E46072622D9}"/>
    <hyperlink ref="C36" location="'年齢別・性別人口(33月岡)'!A1" display="月岡" xr:uid="{DC763618-F30F-4FF6-A46F-B346497B585D}"/>
    <hyperlink ref="C37" location="'年齢別・性別人口(34四方)'!A1" display="四方" xr:uid="{129FF4D2-FB36-45E5-B7A9-25CB03D09EF7}"/>
    <hyperlink ref="C38" location="'年齢別・性別人口(35八幡)'!A1" display="八幡" xr:uid="{33334B68-0978-42E0-A82D-44CDA1320473}"/>
    <hyperlink ref="C39" location="'年齢別・性別人口(36草島)'!A1" display="草島" xr:uid="{838393AE-335D-4CAD-A6DF-67496C6E4002}"/>
    <hyperlink ref="C40" location="'年齢別・性別人口(37倉垣)'!A1" display="倉垣" xr:uid="{2A0375FB-F1E4-4B0B-9C39-038E26283831}"/>
    <hyperlink ref="C41" location="'年齢別・性別人口(38呉羽)'!A1" display="呉羽" xr:uid="{34DC93CB-8BDA-45E1-88B9-C52A1CD667A8}"/>
    <hyperlink ref="C42" location="'年齢別・性別人口(39長岡)'!A1" display="長岡" xr:uid="{6C76B036-6672-4207-8875-9DCC6E72B6B5}"/>
    <hyperlink ref="C43" location="'年齢別・性別人口(40寒江)'!A1" display="寒江" xr:uid="{352D1A7B-0120-4E9A-92FE-7632795C1AF7}"/>
    <hyperlink ref="C44" location="'年齢別・性別人口(41古沢)'!A1" display="古沢" xr:uid="{A59D3AED-1B78-4F96-BD9D-FB30C8E10576}"/>
    <hyperlink ref="C45" location="'年齢別・性別人口(42老田)'!A1" display="老田" xr:uid="{A9BF610C-E820-4D9C-8A49-34C63563EF07}"/>
    <hyperlink ref="C46" location="'年齢別・性別人口(43池多)'!A1" display="池多" xr:uid="{6E67A2EE-50DC-4473-B443-949FB2BE110B}"/>
    <hyperlink ref="C47" location="'年齢別・性別人口(44水橋中部)'!A1" display="水橋中部" xr:uid="{EB8BC128-5153-4FE3-AE23-6C4E3A91B0FA}"/>
    <hyperlink ref="C48" location="'年齢別・性別人口(45水橋西部)'!A1" display="水橋西部" xr:uid="{0C401000-9FE5-4D70-9CE5-4DCF3E8652DD}"/>
    <hyperlink ref="C49" location="'年齢別・性別人口(46水橋東部)'!A1" display="水橋東部" xr:uid="{084573B5-ECAB-4E7B-A939-211677B1C703}"/>
    <hyperlink ref="C50" location="'年齢別・性別人口(47三郷)'!A1" display="三郷" xr:uid="{6132E9FB-4153-4B5A-8BA4-A188FB3D2B19}"/>
    <hyperlink ref="C51" location="'年齢別・性別人口(48上条)'!A1" display="上条" xr:uid="{D86134DC-C67A-4BB3-85B1-023E286CFB19}"/>
    <hyperlink ref="C52" location="'年齢別・性別人口(49光陽)'!A1" display="光陽" xr:uid="{FC72CDF8-50F8-4F85-95B3-5BC8778E34B0}"/>
    <hyperlink ref="C53" location="'年齢別・性別人口(50新庄北）'!A1" display="新庄北" xr:uid="{6CF46BE2-DD4C-4382-A5FC-8645375EC902}"/>
    <hyperlink ref="C54" location="'年齢別・性別人口(0099富山地域)'!A1" display="富山地域（合計）" xr:uid="{F7088B1F-49C2-4AB6-9462-759BB7AC748F}"/>
    <hyperlink ref="F4" location="'年齢別・性別人口0101下タ)'!A1" display="下タ" xr:uid="{224545AF-0430-46FC-94E9-228A00431306}"/>
    <hyperlink ref="F5" location="'年齢別・性別人口(0102小羽)'!A1" display="小羽" xr:uid="{64BF4309-A0A0-4931-82B8-4028AD4907C3}"/>
    <hyperlink ref="F6" location="'年齢別・性別人口(0103船峅)'!A1" display="船峅" xr:uid="{8E443C5B-24CE-49FB-9959-B852B9B0F53C}"/>
    <hyperlink ref="F7" location="'年齢別・性別人口(0104大沢野)'!A1" display="大沢野" xr:uid="{9E487409-7F9E-4723-A7EB-6774AA8B4CA1}"/>
    <hyperlink ref="F8" location="'年齢別・性別人口(0105大久保)'!A1" display="大久保" xr:uid="{3711C9F4-404D-4C77-8352-6AE55830883F}"/>
    <hyperlink ref="F9" location="'年齢別・性別人口(0199大沢野地域)'!A1" display="大沢野地域（合計）" xr:uid="{47EBC60D-4E49-4C3A-8FEF-271D5DBCCD7E}"/>
    <hyperlink ref="F12" location="'年齢別・性別人口(0201上滝)'!A1" display="上滝" xr:uid="{C650B504-F266-433D-B7D3-370A2EC21C67}"/>
    <hyperlink ref="F13" location="'年齢別・性別人口(0202大山)'!A1" display="大山" xr:uid="{D813C1B5-3554-4EA1-B49D-E984AE364BD0}"/>
    <hyperlink ref="F14" location="'年齢別・性別人口(0203大庄)'!A1" display="大庄" xr:uid="{90DEBFAE-7732-4A1B-8CB3-CC3B49674622}"/>
    <hyperlink ref="F15" location="'年齢別・性別人口(0204福沢)'!A1" display="福沢" xr:uid="{AE564AAA-5FF5-48E3-817C-8498BB0F4EA6}"/>
    <hyperlink ref="F16" location="'年齢別・性別人口(0299大山地域)'!A1" display="大山地域（合計）" xr:uid="{CB43BCF9-9679-44D9-BAEB-7EFC9A320344}"/>
    <hyperlink ref="F19" location="'年齢別・性別人口(0301八尾)'!A1" display="八尾" xr:uid="{2C73CC9C-354C-43AF-BDA1-88B2B20C1858}"/>
    <hyperlink ref="F20" location="'年齢別・性別人口(0302保内)'!A1" display="保内" xr:uid="{720D059E-3BB7-4F31-BA48-F0D50A8F438B}"/>
    <hyperlink ref="F21" location="'年齢別・性別人口(0303杉原)'!A1" display="杉原" xr:uid="{BFB3C984-3A9E-46E6-8FE2-F980F286B97E}"/>
    <hyperlink ref="F22" location="'年齢別・性別人口(0304卯花)'!A1" display="卯花" xr:uid="{0343E628-3655-4255-98CA-320F7D515D5B}"/>
    <hyperlink ref="F23" location="'年齢別・性別人口(0305室牧)'!A1" display="室牧" xr:uid="{D89B4154-BF47-4C18-8709-66003B433227}"/>
    <hyperlink ref="F24" location="'年齢別・性別人口(0306黒瀬谷)'!A1" display="黒瀬谷" xr:uid="{EBD476EF-A6F2-4EE0-99BA-4B9444016998}"/>
    <hyperlink ref="F25" location="'年齢別・性別人口(0307野積)'!A1" display="野積" xr:uid="{D067C680-E5F3-4560-A897-281E4D5C6CF9}"/>
    <hyperlink ref="F26" location="'年齢別・性別人口(0308仁歩)'!A1" display="仁歩" xr:uid="{DD0F26C4-9CEE-4535-85DD-B1FCE2974AFA}"/>
    <hyperlink ref="F27" location="'年齢別・性別人口(0309大長谷)'!A1" display="大長谷" xr:uid="{F54C51F0-5420-431B-9B74-A8AEA3CE82F5}"/>
    <hyperlink ref="F28" location="'年齢別・性別人口(0399八尾地域)'!A1" display="八尾地域（合計）" xr:uid="{8D57039A-52E6-4C8A-ADCC-FFBE1E1D9759}"/>
    <hyperlink ref="F31" location="'年齢別・性別人口(0401速星)'!A1" display="速星" xr:uid="{D65AD262-57A6-4A47-AD38-9B8AA49B442F}"/>
    <hyperlink ref="F32" location="'年齢別・性別人口(0402鵜坂)'!A1" display="鵜坂" xr:uid="{60CE6883-82EE-4AE8-BA3D-CA15F6BF6E3D}"/>
    <hyperlink ref="F33" location="'年齢別・性別人口(0403朝日)'!A1" display="朝日" xr:uid="{BF3AEC57-DD8F-4F6F-B15E-65A086171A97}"/>
    <hyperlink ref="F34" location="'年齢別・性別人口(0404宮川)'!A1" display="宮川" xr:uid="{3470646A-1EB7-4315-8B7F-C9BD3FCDBF38}"/>
    <hyperlink ref="F35" location="'年齢別・性別人口(0405婦中熊野)'!A1" display="婦中熊野" xr:uid="{680BB76B-7D3C-4C69-B01B-3D8885140728}"/>
    <hyperlink ref="F36" location="'年齢別・性別人口(0406古里)'!A1" display="古里" xr:uid="{2AEB6F0C-0C40-4E46-B057-118DFD5B89CB}"/>
    <hyperlink ref="F37" location="'年齢別・性別人口(0407音川)'!A1" display="音川" xr:uid="{66F8E83F-AA41-497E-A983-7BB48CBB697C}"/>
    <hyperlink ref="F38" location="'年齢別・性別人口(0408神保)'!A1" display="神保" xr:uid="{22390CC7-8400-4572-AD66-3E1030718D75}"/>
    <hyperlink ref="F39" location="'年齢別・性別人口(0499婦中地域)'!A1" display="婦中地域（合計）" xr:uid="{486D4B94-6EE0-4EDE-8F8F-246D7BE3206D}"/>
    <hyperlink ref="F42" location="'年齢別・性別人口(0501山田南部)'!A1" display="山田南部" xr:uid="{FFD62835-127E-472F-9EDD-764D0C73E76E}"/>
    <hyperlink ref="F43" location="'年齢別・性別人口(0502山田中部)'!A1" display="山田中部" xr:uid="{BA3FEF0F-7786-4CCA-B007-A8DA0419AFA5}"/>
    <hyperlink ref="F44" location="'年齢別・性別人口(0503山田西部)'!A1" display="山田西部" xr:uid="{7C4D1A7A-9E40-457F-8CC9-ACAF7B402962}"/>
    <hyperlink ref="F45" location="'年齢別・性別人口(0504山田東部)'!A1" display="山田東部" xr:uid="{1F160909-3427-4579-AF34-BE24BCCBCAD6}"/>
    <hyperlink ref="F46" location="'年齢別・性別人口(0599山田地域)'!A1" display="山田地域（合計）" xr:uid="{A8C416BD-BA00-4513-BC70-32BBF8E37101}"/>
    <hyperlink ref="F49" location="'年齢別・性別人口(0601細入北部)'!A1" display="細入北部" xr:uid="{AC24CA0F-D13A-40AE-A969-25098E6F22FB}"/>
    <hyperlink ref="F50" location="'年齢別・性別人口(0602細入南部)'!A1" display="細入南部" xr:uid="{95B78CFF-A0B7-44FC-A001-1CAA2B7C7211}"/>
    <hyperlink ref="F51" location="'年齢別・性別人口(0699細入地域)'!A1" display="細入地域（合計）" xr:uid="{F596BB63-27E9-448D-B76C-6722A0E57D2B}"/>
    <hyperlink ref="C18" location="'年齢別・性別人口(15桜谷)'!A1" display="桜谷" xr:uid="{7819B3D6-4DEB-46FF-A55D-FA133F18C75E}"/>
    <hyperlink ref="C4" location="'年齢別・性別人口(01総曲輪)'!A1" display="総曲輪" xr:uid="{16B9153A-CF3C-4410-AFA9-F6CB91D188F8}"/>
  </hyperlink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2631387-839F-477D-8839-D509D439DD20}">
  <sheetPr codeName="Sheet2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39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27</v>
      </c>
      <c r="C5" s="18">
        <v>18</v>
      </c>
      <c r="D5" s="17">
        <v>45</v>
      </c>
    </row>
    <row r="6" spans="1:4" ht="18" customHeight="1" x14ac:dyDescent="0.2">
      <c r="A6" s="16">
        <v>1</v>
      </c>
      <c r="B6" s="29">
        <v>16</v>
      </c>
      <c r="C6" s="10">
        <v>19</v>
      </c>
      <c r="D6" s="9">
        <v>35</v>
      </c>
    </row>
    <row r="7" spans="1:4" ht="18" customHeight="1" x14ac:dyDescent="0.2">
      <c r="A7" s="16">
        <v>2</v>
      </c>
      <c r="B7" s="29">
        <v>25</v>
      </c>
      <c r="C7" s="10">
        <v>17</v>
      </c>
      <c r="D7" s="9">
        <v>42</v>
      </c>
    </row>
    <row r="8" spans="1:4" ht="18" customHeight="1" x14ac:dyDescent="0.2">
      <c r="A8" s="16">
        <v>3</v>
      </c>
      <c r="B8" s="29">
        <v>28</v>
      </c>
      <c r="C8" s="10">
        <v>24</v>
      </c>
      <c r="D8" s="9">
        <v>52</v>
      </c>
    </row>
    <row r="9" spans="1:4" ht="18" customHeight="1" x14ac:dyDescent="0.2">
      <c r="A9" s="16">
        <v>4</v>
      </c>
      <c r="B9" s="29">
        <v>24</v>
      </c>
      <c r="C9" s="10">
        <v>20</v>
      </c>
      <c r="D9" s="9">
        <v>44</v>
      </c>
    </row>
    <row r="10" spans="1:4" ht="18" customHeight="1" x14ac:dyDescent="0.2">
      <c r="A10" s="8" t="s">
        <v>25</v>
      </c>
      <c r="B10" s="29">
        <v>120</v>
      </c>
      <c r="C10" s="10">
        <v>98</v>
      </c>
      <c r="D10" s="9">
        <v>218</v>
      </c>
    </row>
    <row r="11" spans="1:4" ht="18" customHeight="1" x14ac:dyDescent="0.2">
      <c r="A11" s="16">
        <v>5</v>
      </c>
      <c r="B11" s="29">
        <v>32</v>
      </c>
      <c r="C11" s="10">
        <v>20</v>
      </c>
      <c r="D11" s="9">
        <v>52</v>
      </c>
    </row>
    <row r="12" spans="1:4" ht="18" customHeight="1" x14ac:dyDescent="0.2">
      <c r="A12" s="16">
        <v>6</v>
      </c>
      <c r="B12" s="29">
        <v>22</v>
      </c>
      <c r="C12" s="10">
        <v>26</v>
      </c>
      <c r="D12" s="9">
        <v>48</v>
      </c>
    </row>
    <row r="13" spans="1:4" ht="18" customHeight="1" x14ac:dyDescent="0.2">
      <c r="A13" s="16">
        <v>7</v>
      </c>
      <c r="B13" s="29">
        <v>29</v>
      </c>
      <c r="C13" s="10">
        <v>30</v>
      </c>
      <c r="D13" s="9">
        <v>59</v>
      </c>
    </row>
    <row r="14" spans="1:4" ht="18" customHeight="1" x14ac:dyDescent="0.2">
      <c r="A14" s="16">
        <v>8</v>
      </c>
      <c r="B14" s="29">
        <v>29</v>
      </c>
      <c r="C14" s="10">
        <v>26</v>
      </c>
      <c r="D14" s="9">
        <v>55</v>
      </c>
    </row>
    <row r="15" spans="1:4" ht="18" customHeight="1" x14ac:dyDescent="0.2">
      <c r="A15" s="16">
        <v>9</v>
      </c>
      <c r="B15" s="29">
        <v>22</v>
      </c>
      <c r="C15" s="10">
        <v>34</v>
      </c>
      <c r="D15" s="9">
        <v>56</v>
      </c>
    </row>
    <row r="16" spans="1:4" ht="18" customHeight="1" x14ac:dyDescent="0.2">
      <c r="A16" s="8" t="s">
        <v>24</v>
      </c>
      <c r="B16" s="29">
        <v>134</v>
      </c>
      <c r="C16" s="10">
        <v>136</v>
      </c>
      <c r="D16" s="9">
        <v>270</v>
      </c>
    </row>
    <row r="17" spans="1:4" ht="18" customHeight="1" x14ac:dyDescent="0.2">
      <c r="A17" s="16">
        <v>10</v>
      </c>
      <c r="B17" s="29">
        <v>30</v>
      </c>
      <c r="C17" s="10">
        <v>22</v>
      </c>
      <c r="D17" s="9">
        <v>52</v>
      </c>
    </row>
    <row r="18" spans="1:4" ht="18" customHeight="1" x14ac:dyDescent="0.2">
      <c r="A18" s="16">
        <v>11</v>
      </c>
      <c r="B18" s="29">
        <v>28</v>
      </c>
      <c r="C18" s="10">
        <v>38</v>
      </c>
      <c r="D18" s="9">
        <v>66</v>
      </c>
    </row>
    <row r="19" spans="1:4" ht="18" customHeight="1" x14ac:dyDescent="0.2">
      <c r="A19" s="16">
        <v>12</v>
      </c>
      <c r="B19" s="29">
        <v>28</v>
      </c>
      <c r="C19" s="10">
        <v>29</v>
      </c>
      <c r="D19" s="9">
        <v>57</v>
      </c>
    </row>
    <row r="20" spans="1:4" ht="18" customHeight="1" x14ac:dyDescent="0.2">
      <c r="A20" s="16">
        <v>13</v>
      </c>
      <c r="B20" s="29">
        <v>31</v>
      </c>
      <c r="C20" s="10">
        <v>17</v>
      </c>
      <c r="D20" s="9">
        <v>48</v>
      </c>
    </row>
    <row r="21" spans="1:4" ht="18" customHeight="1" x14ac:dyDescent="0.2">
      <c r="A21" s="16">
        <v>14</v>
      </c>
      <c r="B21" s="29">
        <v>32</v>
      </c>
      <c r="C21" s="10">
        <v>36</v>
      </c>
      <c r="D21" s="9">
        <v>68</v>
      </c>
    </row>
    <row r="22" spans="1:4" ht="18" customHeight="1" x14ac:dyDescent="0.2">
      <c r="A22" s="8" t="s">
        <v>23</v>
      </c>
      <c r="B22" s="29">
        <v>149</v>
      </c>
      <c r="C22" s="10">
        <v>142</v>
      </c>
      <c r="D22" s="9">
        <v>291</v>
      </c>
    </row>
    <row r="23" spans="1:4" ht="18" customHeight="1" x14ac:dyDescent="0.2">
      <c r="A23" s="8" t="s">
        <v>22</v>
      </c>
      <c r="B23" s="29">
        <v>403</v>
      </c>
      <c r="C23" s="10">
        <v>376</v>
      </c>
      <c r="D23" s="9">
        <v>779</v>
      </c>
    </row>
    <row r="24" spans="1:4" ht="18" customHeight="1" x14ac:dyDescent="0.2">
      <c r="A24" s="16">
        <v>15</v>
      </c>
      <c r="B24" s="29">
        <v>28</v>
      </c>
      <c r="C24" s="10">
        <v>38</v>
      </c>
      <c r="D24" s="9">
        <v>66</v>
      </c>
    </row>
    <row r="25" spans="1:4" ht="18" customHeight="1" x14ac:dyDescent="0.2">
      <c r="A25" s="16">
        <v>16</v>
      </c>
      <c r="B25" s="29">
        <v>26</v>
      </c>
      <c r="C25" s="10">
        <v>25</v>
      </c>
      <c r="D25" s="9">
        <v>51</v>
      </c>
    </row>
    <row r="26" spans="1:4" ht="18" customHeight="1" x14ac:dyDescent="0.2">
      <c r="A26" s="16">
        <v>17</v>
      </c>
      <c r="B26" s="29">
        <v>24</v>
      </c>
      <c r="C26" s="10">
        <v>27</v>
      </c>
      <c r="D26" s="9">
        <v>51</v>
      </c>
    </row>
    <row r="27" spans="1:4" ht="18" customHeight="1" x14ac:dyDescent="0.2">
      <c r="A27" s="16">
        <v>18</v>
      </c>
      <c r="B27" s="29">
        <v>14</v>
      </c>
      <c r="C27" s="10">
        <v>29</v>
      </c>
      <c r="D27" s="9">
        <v>43</v>
      </c>
    </row>
    <row r="28" spans="1:4" ht="18" customHeight="1" x14ac:dyDescent="0.2">
      <c r="A28" s="16">
        <v>19</v>
      </c>
      <c r="B28" s="29">
        <v>27</v>
      </c>
      <c r="C28" s="10">
        <v>25</v>
      </c>
      <c r="D28" s="9">
        <v>52</v>
      </c>
    </row>
    <row r="29" spans="1:4" ht="18" customHeight="1" x14ac:dyDescent="0.2">
      <c r="A29" s="8" t="s">
        <v>21</v>
      </c>
      <c r="B29" s="29">
        <v>119</v>
      </c>
      <c r="C29" s="10">
        <v>144</v>
      </c>
      <c r="D29" s="9">
        <v>263</v>
      </c>
    </row>
    <row r="30" spans="1:4" ht="18" customHeight="1" x14ac:dyDescent="0.2">
      <c r="A30" s="16">
        <v>20</v>
      </c>
      <c r="B30" s="29">
        <v>26</v>
      </c>
      <c r="C30" s="10">
        <v>25</v>
      </c>
      <c r="D30" s="9">
        <v>51</v>
      </c>
    </row>
    <row r="31" spans="1:4" ht="18" customHeight="1" x14ac:dyDescent="0.2">
      <c r="A31" s="16">
        <v>21</v>
      </c>
      <c r="B31" s="29">
        <v>21</v>
      </c>
      <c r="C31" s="10">
        <v>23</v>
      </c>
      <c r="D31" s="9">
        <v>44</v>
      </c>
    </row>
    <row r="32" spans="1:4" ht="18" customHeight="1" x14ac:dyDescent="0.2">
      <c r="A32" s="16">
        <v>22</v>
      </c>
      <c r="B32" s="29">
        <v>19</v>
      </c>
      <c r="C32" s="10">
        <v>22</v>
      </c>
      <c r="D32" s="9">
        <v>41</v>
      </c>
    </row>
    <row r="33" spans="1:4" ht="18" customHeight="1" x14ac:dyDescent="0.2">
      <c r="A33" s="16">
        <v>23</v>
      </c>
      <c r="B33" s="29">
        <v>27</v>
      </c>
      <c r="C33" s="10">
        <v>19</v>
      </c>
      <c r="D33" s="9">
        <v>46</v>
      </c>
    </row>
    <row r="34" spans="1:4" ht="18" customHeight="1" x14ac:dyDescent="0.2">
      <c r="A34" s="16">
        <v>24</v>
      </c>
      <c r="B34" s="29">
        <v>27</v>
      </c>
      <c r="C34" s="10">
        <v>22</v>
      </c>
      <c r="D34" s="9">
        <v>49</v>
      </c>
    </row>
    <row r="35" spans="1:4" ht="18" customHeight="1" x14ac:dyDescent="0.2">
      <c r="A35" s="8" t="s">
        <v>20</v>
      </c>
      <c r="B35" s="29">
        <v>120</v>
      </c>
      <c r="C35" s="10">
        <v>111</v>
      </c>
      <c r="D35" s="9">
        <v>231</v>
      </c>
    </row>
    <row r="36" spans="1:4" ht="18" customHeight="1" x14ac:dyDescent="0.2">
      <c r="A36" s="16">
        <v>25</v>
      </c>
      <c r="B36" s="29">
        <v>27</v>
      </c>
      <c r="C36" s="10">
        <v>26</v>
      </c>
      <c r="D36" s="9">
        <v>53</v>
      </c>
    </row>
    <row r="37" spans="1:4" ht="18" customHeight="1" x14ac:dyDescent="0.2">
      <c r="A37" s="16">
        <v>26</v>
      </c>
      <c r="B37" s="29">
        <v>27</v>
      </c>
      <c r="C37" s="10">
        <v>34</v>
      </c>
      <c r="D37" s="9">
        <v>61</v>
      </c>
    </row>
    <row r="38" spans="1:4" ht="18" customHeight="1" x14ac:dyDescent="0.2">
      <c r="A38" s="16">
        <v>27</v>
      </c>
      <c r="B38" s="29">
        <v>31</v>
      </c>
      <c r="C38" s="10">
        <v>15</v>
      </c>
      <c r="D38" s="9">
        <v>46</v>
      </c>
    </row>
    <row r="39" spans="1:4" ht="18" customHeight="1" x14ac:dyDescent="0.2">
      <c r="A39" s="16">
        <v>28</v>
      </c>
      <c r="B39" s="29">
        <v>35</v>
      </c>
      <c r="C39" s="10">
        <v>38</v>
      </c>
      <c r="D39" s="9">
        <v>73</v>
      </c>
    </row>
    <row r="40" spans="1:4" ht="18" customHeight="1" x14ac:dyDescent="0.2">
      <c r="A40" s="16">
        <v>29</v>
      </c>
      <c r="B40" s="29">
        <v>52</v>
      </c>
      <c r="C40" s="10">
        <v>25</v>
      </c>
      <c r="D40" s="9">
        <v>77</v>
      </c>
    </row>
    <row r="41" spans="1:4" ht="18" customHeight="1" x14ac:dyDescent="0.2">
      <c r="A41" s="8" t="s">
        <v>19</v>
      </c>
      <c r="B41" s="29">
        <v>172</v>
      </c>
      <c r="C41" s="10">
        <v>138</v>
      </c>
      <c r="D41" s="9">
        <v>310</v>
      </c>
    </row>
    <row r="42" spans="1:4" ht="18" customHeight="1" x14ac:dyDescent="0.2">
      <c r="A42" s="16">
        <v>30</v>
      </c>
      <c r="B42" s="29">
        <v>21</v>
      </c>
      <c r="C42" s="10">
        <v>21</v>
      </c>
      <c r="D42" s="9">
        <v>42</v>
      </c>
    </row>
    <row r="43" spans="1:4" ht="18" customHeight="1" x14ac:dyDescent="0.2">
      <c r="A43" s="16">
        <v>31</v>
      </c>
      <c r="B43" s="29">
        <v>39</v>
      </c>
      <c r="C43" s="10">
        <v>32</v>
      </c>
      <c r="D43" s="9">
        <v>71</v>
      </c>
    </row>
    <row r="44" spans="1:4" ht="18" customHeight="1" x14ac:dyDescent="0.2">
      <c r="A44" s="16">
        <v>32</v>
      </c>
      <c r="B44" s="29">
        <v>32</v>
      </c>
      <c r="C44" s="10">
        <v>23</v>
      </c>
      <c r="D44" s="9">
        <v>55</v>
      </c>
    </row>
    <row r="45" spans="1:4" ht="18" customHeight="1" x14ac:dyDescent="0.2">
      <c r="A45" s="16">
        <v>33</v>
      </c>
      <c r="B45" s="29">
        <v>28</v>
      </c>
      <c r="C45" s="10">
        <v>27</v>
      </c>
      <c r="D45" s="9">
        <v>55</v>
      </c>
    </row>
    <row r="46" spans="1:4" ht="18" customHeight="1" x14ac:dyDescent="0.2">
      <c r="A46" s="16">
        <v>34</v>
      </c>
      <c r="B46" s="29">
        <v>36</v>
      </c>
      <c r="C46" s="10">
        <v>33</v>
      </c>
      <c r="D46" s="9">
        <v>69</v>
      </c>
    </row>
    <row r="47" spans="1:4" ht="18" customHeight="1" x14ac:dyDescent="0.2">
      <c r="A47" s="8" t="s">
        <v>18</v>
      </c>
      <c r="B47" s="29">
        <v>156</v>
      </c>
      <c r="C47" s="10">
        <v>136</v>
      </c>
      <c r="D47" s="9">
        <v>292</v>
      </c>
    </row>
    <row r="48" spans="1:4" ht="18" customHeight="1" x14ac:dyDescent="0.2">
      <c r="A48" s="16">
        <v>35</v>
      </c>
      <c r="B48" s="29">
        <v>34</v>
      </c>
      <c r="C48" s="10">
        <v>40</v>
      </c>
      <c r="D48" s="9">
        <v>74</v>
      </c>
    </row>
    <row r="49" spans="1:4" ht="18" customHeight="1" x14ac:dyDescent="0.2">
      <c r="A49" s="16">
        <v>36</v>
      </c>
      <c r="B49" s="29">
        <v>46</v>
      </c>
      <c r="C49" s="10">
        <v>46</v>
      </c>
      <c r="D49" s="9">
        <v>92</v>
      </c>
    </row>
    <row r="50" spans="1:4" ht="18" customHeight="1" x14ac:dyDescent="0.2">
      <c r="A50" s="16">
        <v>37</v>
      </c>
      <c r="B50" s="29">
        <v>42</v>
      </c>
      <c r="C50" s="10">
        <v>35</v>
      </c>
      <c r="D50" s="9">
        <v>77</v>
      </c>
    </row>
    <row r="51" spans="1:4" ht="18" customHeight="1" x14ac:dyDescent="0.2">
      <c r="A51" s="16">
        <v>38</v>
      </c>
      <c r="B51" s="29">
        <v>44</v>
      </c>
      <c r="C51" s="10">
        <v>43</v>
      </c>
      <c r="D51" s="9">
        <v>87</v>
      </c>
    </row>
    <row r="52" spans="1:4" ht="18" customHeight="1" x14ac:dyDescent="0.2">
      <c r="A52" s="16">
        <v>39</v>
      </c>
      <c r="B52" s="29">
        <v>48</v>
      </c>
      <c r="C52" s="10">
        <v>32</v>
      </c>
      <c r="D52" s="9">
        <v>80</v>
      </c>
    </row>
    <row r="53" spans="1:4" ht="18" customHeight="1" x14ac:dyDescent="0.2">
      <c r="A53" s="8" t="s">
        <v>17</v>
      </c>
      <c r="B53" s="29">
        <v>214</v>
      </c>
      <c r="C53" s="10">
        <v>196</v>
      </c>
      <c r="D53" s="9">
        <v>410</v>
      </c>
    </row>
    <row r="54" spans="1:4" ht="18" customHeight="1" x14ac:dyDescent="0.2">
      <c r="A54" s="16">
        <v>40</v>
      </c>
      <c r="B54" s="29">
        <v>40</v>
      </c>
      <c r="C54" s="10">
        <v>29</v>
      </c>
      <c r="D54" s="9">
        <v>69</v>
      </c>
    </row>
    <row r="55" spans="1:4" ht="18" customHeight="1" x14ac:dyDescent="0.2">
      <c r="A55" s="16">
        <v>41</v>
      </c>
      <c r="B55" s="29">
        <v>43</v>
      </c>
      <c r="C55" s="10">
        <v>42</v>
      </c>
      <c r="D55" s="9">
        <v>85</v>
      </c>
    </row>
    <row r="56" spans="1:4" ht="18" customHeight="1" x14ac:dyDescent="0.2">
      <c r="A56" s="16">
        <v>42</v>
      </c>
      <c r="B56" s="29">
        <v>38</v>
      </c>
      <c r="C56" s="10">
        <v>29</v>
      </c>
      <c r="D56" s="9">
        <v>67</v>
      </c>
    </row>
    <row r="57" spans="1:4" ht="18" customHeight="1" x14ac:dyDescent="0.2">
      <c r="A57" s="16">
        <v>43</v>
      </c>
      <c r="B57" s="29">
        <v>47</v>
      </c>
      <c r="C57" s="10">
        <v>40</v>
      </c>
      <c r="D57" s="9">
        <v>87</v>
      </c>
    </row>
    <row r="58" spans="1:4" ht="18" customHeight="1" x14ac:dyDescent="0.2">
      <c r="A58" s="16">
        <v>44</v>
      </c>
      <c r="B58" s="29">
        <v>41</v>
      </c>
      <c r="C58" s="10">
        <v>33</v>
      </c>
      <c r="D58" s="9">
        <v>74</v>
      </c>
    </row>
    <row r="59" spans="1:4" ht="18" customHeight="1" x14ac:dyDescent="0.2">
      <c r="A59" s="8" t="s">
        <v>16</v>
      </c>
      <c r="B59" s="29">
        <v>209</v>
      </c>
      <c r="C59" s="10">
        <v>173</v>
      </c>
      <c r="D59" s="9">
        <v>382</v>
      </c>
    </row>
    <row r="60" spans="1:4" ht="18" customHeight="1" x14ac:dyDescent="0.2">
      <c r="A60" s="16">
        <v>45</v>
      </c>
      <c r="B60" s="29">
        <v>46</v>
      </c>
      <c r="C60" s="10">
        <v>49</v>
      </c>
      <c r="D60" s="9">
        <v>95</v>
      </c>
    </row>
    <row r="61" spans="1:4" ht="18" customHeight="1" x14ac:dyDescent="0.2">
      <c r="A61" s="16">
        <v>46</v>
      </c>
      <c r="B61" s="29">
        <v>41</v>
      </c>
      <c r="C61" s="10">
        <v>41</v>
      </c>
      <c r="D61" s="9">
        <v>82</v>
      </c>
    </row>
    <row r="62" spans="1:4" ht="18" customHeight="1" x14ac:dyDescent="0.2">
      <c r="A62" s="16">
        <v>47</v>
      </c>
      <c r="B62" s="29">
        <v>43</v>
      </c>
      <c r="C62" s="10">
        <v>47</v>
      </c>
      <c r="D62" s="9">
        <v>90</v>
      </c>
    </row>
    <row r="63" spans="1:4" ht="18" customHeight="1" x14ac:dyDescent="0.2">
      <c r="A63" s="16">
        <v>48</v>
      </c>
      <c r="B63" s="29">
        <v>42</v>
      </c>
      <c r="C63" s="10">
        <v>59</v>
      </c>
      <c r="D63" s="9">
        <v>101</v>
      </c>
    </row>
    <row r="64" spans="1:4" ht="18" customHeight="1" x14ac:dyDescent="0.2">
      <c r="A64" s="16">
        <v>49</v>
      </c>
      <c r="B64" s="29">
        <v>72</v>
      </c>
      <c r="C64" s="10">
        <v>67</v>
      </c>
      <c r="D64" s="9">
        <v>139</v>
      </c>
    </row>
    <row r="65" spans="1:4" ht="18" customHeight="1" x14ac:dyDescent="0.2">
      <c r="A65" s="8" t="s">
        <v>15</v>
      </c>
      <c r="B65" s="29">
        <v>244</v>
      </c>
      <c r="C65" s="10">
        <v>263</v>
      </c>
      <c r="D65" s="9">
        <v>507</v>
      </c>
    </row>
    <row r="66" spans="1:4" ht="18" customHeight="1" x14ac:dyDescent="0.2">
      <c r="A66" s="16">
        <v>50</v>
      </c>
      <c r="B66" s="29">
        <v>62</v>
      </c>
      <c r="C66" s="10">
        <v>61</v>
      </c>
      <c r="D66" s="9">
        <v>123</v>
      </c>
    </row>
    <row r="67" spans="1:4" ht="18" customHeight="1" x14ac:dyDescent="0.2">
      <c r="A67" s="16">
        <v>51</v>
      </c>
      <c r="B67" s="29">
        <v>61</v>
      </c>
      <c r="C67" s="10">
        <v>62</v>
      </c>
      <c r="D67" s="9">
        <v>123</v>
      </c>
    </row>
    <row r="68" spans="1:4" ht="18" customHeight="1" x14ac:dyDescent="0.2">
      <c r="A68" s="16">
        <v>52</v>
      </c>
      <c r="B68" s="29">
        <v>56</v>
      </c>
      <c r="C68" s="10">
        <v>54</v>
      </c>
      <c r="D68" s="9">
        <v>110</v>
      </c>
    </row>
    <row r="69" spans="1:4" ht="18" customHeight="1" x14ac:dyDescent="0.2">
      <c r="A69" s="16">
        <v>53</v>
      </c>
      <c r="B69" s="29">
        <v>55</v>
      </c>
      <c r="C69" s="10">
        <v>44</v>
      </c>
      <c r="D69" s="9">
        <v>99</v>
      </c>
    </row>
    <row r="70" spans="1:4" ht="18" customHeight="1" x14ac:dyDescent="0.2">
      <c r="A70" s="16">
        <v>54</v>
      </c>
      <c r="B70" s="29">
        <v>62</v>
      </c>
      <c r="C70" s="10">
        <v>44</v>
      </c>
      <c r="D70" s="9">
        <v>106</v>
      </c>
    </row>
    <row r="71" spans="1:4" ht="18" customHeight="1" x14ac:dyDescent="0.2">
      <c r="A71" s="8" t="s">
        <v>14</v>
      </c>
      <c r="B71" s="29">
        <v>296</v>
      </c>
      <c r="C71" s="10">
        <v>265</v>
      </c>
      <c r="D71" s="9">
        <v>561</v>
      </c>
    </row>
    <row r="72" spans="1:4" ht="18" customHeight="1" x14ac:dyDescent="0.2">
      <c r="A72" s="16">
        <v>55</v>
      </c>
      <c r="B72" s="29">
        <v>59</v>
      </c>
      <c r="C72" s="10">
        <v>44</v>
      </c>
      <c r="D72" s="9">
        <v>103</v>
      </c>
    </row>
    <row r="73" spans="1:4" ht="18" customHeight="1" x14ac:dyDescent="0.2">
      <c r="A73" s="16">
        <v>56</v>
      </c>
      <c r="B73" s="29">
        <v>46</v>
      </c>
      <c r="C73" s="10">
        <v>40</v>
      </c>
      <c r="D73" s="9">
        <v>86</v>
      </c>
    </row>
    <row r="74" spans="1:4" ht="18" customHeight="1" x14ac:dyDescent="0.2">
      <c r="A74" s="16">
        <v>57</v>
      </c>
      <c r="B74" s="29">
        <v>23</v>
      </c>
      <c r="C74" s="10">
        <v>42</v>
      </c>
      <c r="D74" s="9">
        <v>65</v>
      </c>
    </row>
    <row r="75" spans="1:4" ht="18" customHeight="1" x14ac:dyDescent="0.2">
      <c r="A75" s="16">
        <v>58</v>
      </c>
      <c r="B75" s="29">
        <v>39</v>
      </c>
      <c r="C75" s="10">
        <v>45</v>
      </c>
      <c r="D75" s="9">
        <v>84</v>
      </c>
    </row>
    <row r="76" spans="1:4" ht="18" customHeight="1" x14ac:dyDescent="0.2">
      <c r="A76" s="16">
        <v>59</v>
      </c>
      <c r="B76" s="29">
        <v>37</v>
      </c>
      <c r="C76" s="10">
        <v>33</v>
      </c>
      <c r="D76" s="9">
        <v>70</v>
      </c>
    </row>
    <row r="77" spans="1:4" ht="18" customHeight="1" x14ac:dyDescent="0.2">
      <c r="A77" s="8" t="s">
        <v>13</v>
      </c>
      <c r="B77" s="29">
        <v>204</v>
      </c>
      <c r="C77" s="10">
        <v>204</v>
      </c>
      <c r="D77" s="9">
        <v>408</v>
      </c>
    </row>
    <row r="78" spans="1:4" ht="18" customHeight="1" x14ac:dyDescent="0.2">
      <c r="A78" s="16">
        <v>60</v>
      </c>
      <c r="B78" s="29">
        <v>41</v>
      </c>
      <c r="C78" s="10">
        <v>41</v>
      </c>
      <c r="D78" s="9">
        <v>82</v>
      </c>
    </row>
    <row r="79" spans="1:4" ht="18" customHeight="1" x14ac:dyDescent="0.2">
      <c r="A79" s="16">
        <v>61</v>
      </c>
      <c r="B79" s="29">
        <v>38</v>
      </c>
      <c r="C79" s="10">
        <v>33</v>
      </c>
      <c r="D79" s="9">
        <v>71</v>
      </c>
    </row>
    <row r="80" spans="1:4" ht="18" customHeight="1" x14ac:dyDescent="0.2">
      <c r="A80" s="16">
        <v>62</v>
      </c>
      <c r="B80" s="29">
        <v>41</v>
      </c>
      <c r="C80" s="10">
        <v>42</v>
      </c>
      <c r="D80" s="9">
        <v>83</v>
      </c>
    </row>
    <row r="81" spans="1:4" ht="18" customHeight="1" x14ac:dyDescent="0.2">
      <c r="A81" s="16">
        <v>63</v>
      </c>
      <c r="B81" s="29">
        <v>30</v>
      </c>
      <c r="C81" s="10">
        <v>40</v>
      </c>
      <c r="D81" s="9">
        <v>70</v>
      </c>
    </row>
    <row r="82" spans="1:4" ht="18" customHeight="1" x14ac:dyDescent="0.2">
      <c r="A82" s="16">
        <v>64</v>
      </c>
      <c r="B82" s="29">
        <v>35</v>
      </c>
      <c r="C82" s="10">
        <v>39</v>
      </c>
      <c r="D82" s="9">
        <v>74</v>
      </c>
    </row>
    <row r="83" spans="1:4" ht="18" customHeight="1" x14ac:dyDescent="0.2">
      <c r="A83" s="8" t="s">
        <v>12</v>
      </c>
      <c r="B83" s="29">
        <v>185</v>
      </c>
      <c r="C83" s="10">
        <v>195</v>
      </c>
      <c r="D83" s="9">
        <v>380</v>
      </c>
    </row>
    <row r="84" spans="1:4" ht="18" customHeight="1" x14ac:dyDescent="0.2">
      <c r="A84" s="8" t="s">
        <v>11</v>
      </c>
      <c r="B84" s="29">
        <v>1919</v>
      </c>
      <c r="C84" s="10">
        <v>1825</v>
      </c>
      <c r="D84" s="9">
        <v>3744</v>
      </c>
    </row>
    <row r="85" spans="1:4" ht="18" customHeight="1" x14ac:dyDescent="0.2">
      <c r="A85" s="16">
        <v>65</v>
      </c>
      <c r="B85" s="29">
        <v>45</v>
      </c>
      <c r="C85" s="10">
        <v>39</v>
      </c>
      <c r="D85" s="9">
        <v>84</v>
      </c>
    </row>
    <row r="86" spans="1:4" ht="18" customHeight="1" x14ac:dyDescent="0.2">
      <c r="A86" s="16">
        <v>66</v>
      </c>
      <c r="B86" s="29">
        <v>40</v>
      </c>
      <c r="C86" s="10">
        <v>33</v>
      </c>
      <c r="D86" s="9">
        <v>73</v>
      </c>
    </row>
    <row r="87" spans="1:4" ht="18" customHeight="1" x14ac:dyDescent="0.2">
      <c r="A87" s="16">
        <v>67</v>
      </c>
      <c r="B87" s="29">
        <v>32</v>
      </c>
      <c r="C87" s="10">
        <v>32</v>
      </c>
      <c r="D87" s="9">
        <v>64</v>
      </c>
    </row>
    <row r="88" spans="1:4" ht="18" customHeight="1" x14ac:dyDescent="0.2">
      <c r="A88" s="16">
        <v>68</v>
      </c>
      <c r="B88" s="29">
        <v>27</v>
      </c>
      <c r="C88" s="10">
        <v>37</v>
      </c>
      <c r="D88" s="9">
        <v>64</v>
      </c>
    </row>
    <row r="89" spans="1:4" ht="18" customHeight="1" x14ac:dyDescent="0.2">
      <c r="A89" s="16">
        <v>69</v>
      </c>
      <c r="B89" s="29">
        <v>51</v>
      </c>
      <c r="C89" s="10">
        <v>42</v>
      </c>
      <c r="D89" s="9">
        <v>93</v>
      </c>
    </row>
    <row r="90" spans="1:4" ht="18" customHeight="1" x14ac:dyDescent="0.2">
      <c r="A90" s="8" t="s">
        <v>10</v>
      </c>
      <c r="B90" s="29">
        <v>195</v>
      </c>
      <c r="C90" s="10">
        <v>183</v>
      </c>
      <c r="D90" s="9">
        <v>378</v>
      </c>
    </row>
    <row r="91" spans="1:4" ht="18" customHeight="1" x14ac:dyDescent="0.2">
      <c r="A91" s="16">
        <v>70</v>
      </c>
      <c r="B91" s="29">
        <v>32</v>
      </c>
      <c r="C91" s="10">
        <v>40</v>
      </c>
      <c r="D91" s="9">
        <v>72</v>
      </c>
    </row>
    <row r="92" spans="1:4" ht="18" customHeight="1" x14ac:dyDescent="0.2">
      <c r="A92" s="16">
        <v>71</v>
      </c>
      <c r="B92" s="29">
        <v>29</v>
      </c>
      <c r="C92" s="10">
        <v>41</v>
      </c>
      <c r="D92" s="9">
        <v>70</v>
      </c>
    </row>
    <row r="93" spans="1:4" ht="18" customHeight="1" x14ac:dyDescent="0.2">
      <c r="A93" s="16">
        <v>72</v>
      </c>
      <c r="B93" s="29">
        <v>43</v>
      </c>
      <c r="C93" s="10">
        <v>45</v>
      </c>
      <c r="D93" s="9">
        <v>88</v>
      </c>
    </row>
    <row r="94" spans="1:4" ht="18" customHeight="1" x14ac:dyDescent="0.2">
      <c r="A94" s="16">
        <v>73</v>
      </c>
      <c r="B94" s="29">
        <v>44</v>
      </c>
      <c r="C94" s="10">
        <v>52</v>
      </c>
      <c r="D94" s="9">
        <v>96</v>
      </c>
    </row>
    <row r="95" spans="1:4" ht="18" customHeight="1" x14ac:dyDescent="0.2">
      <c r="A95" s="16">
        <v>74</v>
      </c>
      <c r="B95" s="29">
        <v>39</v>
      </c>
      <c r="C95" s="10">
        <v>47</v>
      </c>
      <c r="D95" s="9">
        <v>86</v>
      </c>
    </row>
    <row r="96" spans="1:4" ht="18" customHeight="1" x14ac:dyDescent="0.2">
      <c r="A96" s="8" t="s">
        <v>9</v>
      </c>
      <c r="B96" s="29">
        <v>187</v>
      </c>
      <c r="C96" s="10">
        <v>225</v>
      </c>
      <c r="D96" s="9">
        <v>412</v>
      </c>
    </row>
    <row r="97" spans="1:4" ht="18" customHeight="1" x14ac:dyDescent="0.2">
      <c r="A97" s="16">
        <v>75</v>
      </c>
      <c r="B97" s="29">
        <v>40</v>
      </c>
      <c r="C97" s="10">
        <v>66</v>
      </c>
      <c r="D97" s="9">
        <v>106</v>
      </c>
    </row>
    <row r="98" spans="1:4" ht="18" customHeight="1" x14ac:dyDescent="0.2">
      <c r="A98" s="16">
        <v>76</v>
      </c>
      <c r="B98" s="29">
        <v>43</v>
      </c>
      <c r="C98" s="10">
        <v>62</v>
      </c>
      <c r="D98" s="9">
        <v>105</v>
      </c>
    </row>
    <row r="99" spans="1:4" ht="18" customHeight="1" x14ac:dyDescent="0.2">
      <c r="A99" s="16">
        <v>77</v>
      </c>
      <c r="B99" s="29">
        <v>22</v>
      </c>
      <c r="C99" s="10">
        <v>29</v>
      </c>
      <c r="D99" s="9">
        <v>51</v>
      </c>
    </row>
    <row r="100" spans="1:4" ht="18" customHeight="1" x14ac:dyDescent="0.2">
      <c r="A100" s="16">
        <v>78</v>
      </c>
      <c r="B100" s="29">
        <v>32</v>
      </c>
      <c r="C100" s="10">
        <v>34</v>
      </c>
      <c r="D100" s="9">
        <v>66</v>
      </c>
    </row>
    <row r="101" spans="1:4" ht="18" customHeight="1" x14ac:dyDescent="0.2">
      <c r="A101" s="16">
        <v>79</v>
      </c>
      <c r="B101" s="29">
        <v>36</v>
      </c>
      <c r="C101" s="10">
        <v>47</v>
      </c>
      <c r="D101" s="9">
        <v>83</v>
      </c>
    </row>
    <row r="102" spans="1:4" ht="18" customHeight="1" x14ac:dyDescent="0.2">
      <c r="A102" s="8" t="s">
        <v>8</v>
      </c>
      <c r="B102" s="29">
        <v>173</v>
      </c>
      <c r="C102" s="10">
        <v>238</v>
      </c>
      <c r="D102" s="9">
        <v>411</v>
      </c>
    </row>
    <row r="103" spans="1:4" ht="18" customHeight="1" x14ac:dyDescent="0.2">
      <c r="A103" s="16">
        <v>80</v>
      </c>
      <c r="B103" s="29">
        <v>24</v>
      </c>
      <c r="C103" s="10">
        <v>32</v>
      </c>
      <c r="D103" s="9">
        <v>56</v>
      </c>
    </row>
    <row r="104" spans="1:4" ht="18" customHeight="1" x14ac:dyDescent="0.2">
      <c r="A104" s="16">
        <v>81</v>
      </c>
      <c r="B104" s="29">
        <v>28</v>
      </c>
      <c r="C104" s="10">
        <v>60</v>
      </c>
      <c r="D104" s="9">
        <v>88</v>
      </c>
    </row>
    <row r="105" spans="1:4" ht="18" customHeight="1" x14ac:dyDescent="0.2">
      <c r="A105" s="16">
        <v>82</v>
      </c>
      <c r="B105" s="29">
        <v>27</v>
      </c>
      <c r="C105" s="10">
        <v>51</v>
      </c>
      <c r="D105" s="9">
        <v>78</v>
      </c>
    </row>
    <row r="106" spans="1:4" ht="18" customHeight="1" x14ac:dyDescent="0.2">
      <c r="A106" s="16">
        <v>83</v>
      </c>
      <c r="B106" s="29">
        <v>26</v>
      </c>
      <c r="C106" s="10">
        <v>31</v>
      </c>
      <c r="D106" s="9">
        <v>57</v>
      </c>
    </row>
    <row r="107" spans="1:4" ht="18" customHeight="1" x14ac:dyDescent="0.2">
      <c r="A107" s="16">
        <v>84</v>
      </c>
      <c r="B107" s="29">
        <v>18</v>
      </c>
      <c r="C107" s="10">
        <v>34</v>
      </c>
      <c r="D107" s="9">
        <v>52</v>
      </c>
    </row>
    <row r="108" spans="1:4" ht="18" customHeight="1" x14ac:dyDescent="0.2">
      <c r="A108" s="8" t="s">
        <v>7</v>
      </c>
      <c r="B108" s="29">
        <v>123</v>
      </c>
      <c r="C108" s="10">
        <v>208</v>
      </c>
      <c r="D108" s="9">
        <v>331</v>
      </c>
    </row>
    <row r="109" spans="1:4" ht="18" customHeight="1" x14ac:dyDescent="0.2">
      <c r="A109" s="16">
        <v>85</v>
      </c>
      <c r="B109" s="29">
        <v>24</v>
      </c>
      <c r="C109" s="10">
        <v>41</v>
      </c>
      <c r="D109" s="9">
        <v>65</v>
      </c>
    </row>
    <row r="110" spans="1:4" ht="18" customHeight="1" x14ac:dyDescent="0.2">
      <c r="A110" s="16">
        <v>86</v>
      </c>
      <c r="B110" s="29">
        <v>10</v>
      </c>
      <c r="C110" s="10">
        <v>36</v>
      </c>
      <c r="D110" s="9">
        <v>46</v>
      </c>
    </row>
    <row r="111" spans="1:4" ht="18" customHeight="1" x14ac:dyDescent="0.2">
      <c r="A111" s="16">
        <v>87</v>
      </c>
      <c r="B111" s="29">
        <v>12</v>
      </c>
      <c r="C111" s="10">
        <v>38</v>
      </c>
      <c r="D111" s="9">
        <v>50</v>
      </c>
    </row>
    <row r="112" spans="1:4" ht="18" customHeight="1" x14ac:dyDescent="0.2">
      <c r="A112" s="16">
        <v>88</v>
      </c>
      <c r="B112" s="29">
        <v>12</v>
      </c>
      <c r="C112" s="10">
        <v>29</v>
      </c>
      <c r="D112" s="9">
        <v>41</v>
      </c>
    </row>
    <row r="113" spans="1:4" ht="18" customHeight="1" x14ac:dyDescent="0.2">
      <c r="A113" s="16">
        <v>89</v>
      </c>
      <c r="B113" s="29">
        <v>16</v>
      </c>
      <c r="C113" s="10">
        <v>22</v>
      </c>
      <c r="D113" s="9">
        <v>38</v>
      </c>
    </row>
    <row r="114" spans="1:4" ht="18" customHeight="1" x14ac:dyDescent="0.2">
      <c r="A114" s="8" t="s">
        <v>6</v>
      </c>
      <c r="B114" s="29">
        <v>74</v>
      </c>
      <c r="C114" s="10">
        <v>166</v>
      </c>
      <c r="D114" s="9">
        <v>240</v>
      </c>
    </row>
    <row r="115" spans="1:4" ht="18" customHeight="1" x14ac:dyDescent="0.2">
      <c r="A115" s="16">
        <v>90</v>
      </c>
      <c r="B115" s="29">
        <v>9</v>
      </c>
      <c r="C115" s="10">
        <v>38</v>
      </c>
      <c r="D115" s="9">
        <v>47</v>
      </c>
    </row>
    <row r="116" spans="1:4" ht="18" customHeight="1" x14ac:dyDescent="0.2">
      <c r="A116" s="16">
        <v>91</v>
      </c>
      <c r="B116" s="29">
        <v>9</v>
      </c>
      <c r="C116" s="10">
        <v>24</v>
      </c>
      <c r="D116" s="9">
        <v>33</v>
      </c>
    </row>
    <row r="117" spans="1:4" ht="18" customHeight="1" x14ac:dyDescent="0.2">
      <c r="A117" s="16">
        <v>92</v>
      </c>
      <c r="B117" s="29">
        <v>5</v>
      </c>
      <c r="C117" s="10">
        <v>18</v>
      </c>
      <c r="D117" s="9">
        <v>23</v>
      </c>
    </row>
    <row r="118" spans="1:4" ht="18" customHeight="1" x14ac:dyDescent="0.2">
      <c r="A118" s="16">
        <v>93</v>
      </c>
      <c r="B118" s="29">
        <v>4</v>
      </c>
      <c r="C118" s="10">
        <v>17</v>
      </c>
      <c r="D118" s="9">
        <v>21</v>
      </c>
    </row>
    <row r="119" spans="1:4" ht="18" customHeight="1" x14ac:dyDescent="0.2">
      <c r="A119" s="16">
        <v>94</v>
      </c>
      <c r="B119" s="29">
        <v>3</v>
      </c>
      <c r="C119" s="10">
        <v>19</v>
      </c>
      <c r="D119" s="9">
        <v>22</v>
      </c>
    </row>
    <row r="120" spans="1:4" ht="18" customHeight="1" x14ac:dyDescent="0.2">
      <c r="A120" s="8" t="s">
        <v>5</v>
      </c>
      <c r="B120" s="29">
        <v>30</v>
      </c>
      <c r="C120" s="10">
        <v>116</v>
      </c>
      <c r="D120" s="9">
        <v>146</v>
      </c>
    </row>
    <row r="121" spans="1:4" ht="18" customHeight="1" x14ac:dyDescent="0.2">
      <c r="A121" s="16">
        <v>95</v>
      </c>
      <c r="B121" s="29">
        <v>5</v>
      </c>
      <c r="C121" s="10">
        <v>12</v>
      </c>
      <c r="D121" s="9">
        <v>17</v>
      </c>
    </row>
    <row r="122" spans="1:4" ht="18" customHeight="1" x14ac:dyDescent="0.2">
      <c r="A122" s="16">
        <v>96</v>
      </c>
      <c r="B122" s="29">
        <v>6</v>
      </c>
      <c r="C122" s="10">
        <v>14</v>
      </c>
      <c r="D122" s="9">
        <v>20</v>
      </c>
    </row>
    <row r="123" spans="1:4" ht="18" customHeight="1" x14ac:dyDescent="0.2">
      <c r="A123" s="16">
        <v>97</v>
      </c>
      <c r="B123" s="29">
        <v>3</v>
      </c>
      <c r="C123" s="10">
        <v>7</v>
      </c>
      <c r="D123" s="9">
        <v>10</v>
      </c>
    </row>
    <row r="124" spans="1:4" ht="18" customHeight="1" x14ac:dyDescent="0.2">
      <c r="A124" s="16">
        <v>98</v>
      </c>
      <c r="B124" s="29">
        <v>1</v>
      </c>
      <c r="C124" s="10">
        <v>5</v>
      </c>
      <c r="D124" s="9">
        <v>6</v>
      </c>
    </row>
    <row r="125" spans="1:4" ht="18" customHeight="1" x14ac:dyDescent="0.2">
      <c r="A125" s="16">
        <v>99</v>
      </c>
      <c r="B125" s="29">
        <v>1</v>
      </c>
      <c r="C125" s="10">
        <v>7</v>
      </c>
      <c r="D125" s="9">
        <v>8</v>
      </c>
    </row>
    <row r="126" spans="1:4" ht="18" customHeight="1" x14ac:dyDescent="0.2">
      <c r="A126" s="8" t="s">
        <v>4</v>
      </c>
      <c r="B126" s="29">
        <v>16</v>
      </c>
      <c r="C126" s="10">
        <v>45</v>
      </c>
      <c r="D126" s="9">
        <v>61</v>
      </c>
    </row>
    <row r="127" spans="1:4" ht="18" customHeight="1" x14ac:dyDescent="0.2">
      <c r="A127" s="16">
        <v>100</v>
      </c>
      <c r="B127" s="29">
        <v>0</v>
      </c>
      <c r="C127" s="10">
        <v>3</v>
      </c>
      <c r="D127" s="9">
        <v>3</v>
      </c>
    </row>
    <row r="128" spans="1:4" ht="18" customHeight="1" x14ac:dyDescent="0.2">
      <c r="A128" s="15" t="s">
        <v>3</v>
      </c>
      <c r="B128" s="29">
        <v>0</v>
      </c>
      <c r="C128" s="10">
        <v>3</v>
      </c>
      <c r="D128" s="9">
        <v>3</v>
      </c>
    </row>
    <row r="129" spans="1:4" ht="18" customHeight="1" x14ac:dyDescent="0.2">
      <c r="A129" s="8" t="s">
        <v>2</v>
      </c>
      <c r="B129" s="29">
        <v>0</v>
      </c>
      <c r="C129" s="10">
        <v>6</v>
      </c>
      <c r="D129" s="9">
        <v>6</v>
      </c>
    </row>
    <row r="130" spans="1:4" ht="18" customHeight="1" x14ac:dyDescent="0.2">
      <c r="A130" s="8" t="s">
        <v>1</v>
      </c>
      <c r="B130" s="28">
        <v>798</v>
      </c>
      <c r="C130" s="6">
        <v>1187</v>
      </c>
      <c r="D130" s="5">
        <v>1985</v>
      </c>
    </row>
    <row r="131" spans="1:4" ht="18" customHeight="1" x14ac:dyDescent="0.2">
      <c r="A131" s="4" t="s">
        <v>0</v>
      </c>
      <c r="B131" s="27">
        <v>3120</v>
      </c>
      <c r="C131" s="2">
        <v>3388</v>
      </c>
      <c r="D131" s="1">
        <v>6508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DE98014-F7CE-49D6-8427-68757C2B7374}">
  <sheetPr codeName="Sheet2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40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45</v>
      </c>
      <c r="C5" s="18">
        <v>36</v>
      </c>
      <c r="D5" s="17">
        <v>81</v>
      </c>
    </row>
    <row r="6" spans="1:4" ht="18" customHeight="1" x14ac:dyDescent="0.2">
      <c r="A6" s="16">
        <v>1</v>
      </c>
      <c r="B6" s="29">
        <v>35</v>
      </c>
      <c r="C6" s="10">
        <v>25</v>
      </c>
      <c r="D6" s="9">
        <v>60</v>
      </c>
    </row>
    <row r="7" spans="1:4" ht="18" customHeight="1" x14ac:dyDescent="0.2">
      <c r="A7" s="16">
        <v>2</v>
      </c>
      <c r="B7" s="29">
        <v>49</v>
      </c>
      <c r="C7" s="10">
        <v>33</v>
      </c>
      <c r="D7" s="9">
        <v>82</v>
      </c>
    </row>
    <row r="8" spans="1:4" ht="18" customHeight="1" x14ac:dyDescent="0.2">
      <c r="A8" s="16">
        <v>3</v>
      </c>
      <c r="B8" s="29">
        <v>46</v>
      </c>
      <c r="C8" s="10">
        <v>37</v>
      </c>
      <c r="D8" s="9">
        <v>83</v>
      </c>
    </row>
    <row r="9" spans="1:4" ht="18" customHeight="1" x14ac:dyDescent="0.2">
      <c r="A9" s="16">
        <v>4</v>
      </c>
      <c r="B9" s="29">
        <v>49</v>
      </c>
      <c r="C9" s="10">
        <v>36</v>
      </c>
      <c r="D9" s="9">
        <v>85</v>
      </c>
    </row>
    <row r="10" spans="1:4" ht="18" customHeight="1" x14ac:dyDescent="0.2">
      <c r="A10" s="8" t="s">
        <v>25</v>
      </c>
      <c r="B10" s="29">
        <v>224</v>
      </c>
      <c r="C10" s="10">
        <v>167</v>
      </c>
      <c r="D10" s="9">
        <v>391</v>
      </c>
    </row>
    <row r="11" spans="1:4" ht="18" customHeight="1" x14ac:dyDescent="0.2">
      <c r="A11" s="16">
        <v>5</v>
      </c>
      <c r="B11" s="29">
        <v>49</v>
      </c>
      <c r="C11" s="10">
        <v>44</v>
      </c>
      <c r="D11" s="9">
        <v>93</v>
      </c>
    </row>
    <row r="12" spans="1:4" ht="18" customHeight="1" x14ac:dyDescent="0.2">
      <c r="A12" s="16">
        <v>6</v>
      </c>
      <c r="B12" s="29">
        <v>46</v>
      </c>
      <c r="C12" s="10">
        <v>41</v>
      </c>
      <c r="D12" s="9">
        <v>87</v>
      </c>
    </row>
    <row r="13" spans="1:4" ht="18" customHeight="1" x14ac:dyDescent="0.2">
      <c r="A13" s="16">
        <v>7</v>
      </c>
      <c r="B13" s="29">
        <v>52</v>
      </c>
      <c r="C13" s="10">
        <v>50</v>
      </c>
      <c r="D13" s="9">
        <v>102</v>
      </c>
    </row>
    <row r="14" spans="1:4" ht="18" customHeight="1" x14ac:dyDescent="0.2">
      <c r="A14" s="16">
        <v>8</v>
      </c>
      <c r="B14" s="29">
        <v>48</v>
      </c>
      <c r="C14" s="10">
        <v>41</v>
      </c>
      <c r="D14" s="9">
        <v>89</v>
      </c>
    </row>
    <row r="15" spans="1:4" ht="18" customHeight="1" x14ac:dyDescent="0.2">
      <c r="A15" s="16">
        <v>9</v>
      </c>
      <c r="B15" s="29">
        <v>48</v>
      </c>
      <c r="C15" s="10">
        <v>59</v>
      </c>
      <c r="D15" s="9">
        <v>107</v>
      </c>
    </row>
    <row r="16" spans="1:4" ht="18" customHeight="1" x14ac:dyDescent="0.2">
      <c r="A16" s="8" t="s">
        <v>24</v>
      </c>
      <c r="B16" s="29">
        <v>243</v>
      </c>
      <c r="C16" s="10">
        <v>235</v>
      </c>
      <c r="D16" s="9">
        <v>478</v>
      </c>
    </row>
    <row r="17" spans="1:4" ht="18" customHeight="1" x14ac:dyDescent="0.2">
      <c r="A17" s="16">
        <v>10</v>
      </c>
      <c r="B17" s="29">
        <v>54</v>
      </c>
      <c r="C17" s="10">
        <v>43</v>
      </c>
      <c r="D17" s="9">
        <v>97</v>
      </c>
    </row>
    <row r="18" spans="1:4" ht="18" customHeight="1" x14ac:dyDescent="0.2">
      <c r="A18" s="16">
        <v>11</v>
      </c>
      <c r="B18" s="29">
        <v>49</v>
      </c>
      <c r="C18" s="10">
        <v>59</v>
      </c>
      <c r="D18" s="9">
        <v>108</v>
      </c>
    </row>
    <row r="19" spans="1:4" ht="18" customHeight="1" x14ac:dyDescent="0.2">
      <c r="A19" s="16">
        <v>12</v>
      </c>
      <c r="B19" s="29">
        <v>67</v>
      </c>
      <c r="C19" s="10">
        <v>47</v>
      </c>
      <c r="D19" s="9">
        <v>114</v>
      </c>
    </row>
    <row r="20" spans="1:4" ht="18" customHeight="1" x14ac:dyDescent="0.2">
      <c r="A20" s="16">
        <v>13</v>
      </c>
      <c r="B20" s="29">
        <v>53</v>
      </c>
      <c r="C20" s="10">
        <v>39</v>
      </c>
      <c r="D20" s="9">
        <v>92</v>
      </c>
    </row>
    <row r="21" spans="1:4" ht="18" customHeight="1" x14ac:dyDescent="0.2">
      <c r="A21" s="16">
        <v>14</v>
      </c>
      <c r="B21" s="29">
        <v>43</v>
      </c>
      <c r="C21" s="10">
        <v>41</v>
      </c>
      <c r="D21" s="9">
        <v>84</v>
      </c>
    </row>
    <row r="22" spans="1:4" ht="18" customHeight="1" x14ac:dyDescent="0.2">
      <c r="A22" s="8" t="s">
        <v>23</v>
      </c>
      <c r="B22" s="29">
        <v>266</v>
      </c>
      <c r="C22" s="10">
        <v>229</v>
      </c>
      <c r="D22" s="9">
        <v>495</v>
      </c>
    </row>
    <row r="23" spans="1:4" ht="18" customHeight="1" x14ac:dyDescent="0.2">
      <c r="A23" s="8" t="s">
        <v>22</v>
      </c>
      <c r="B23" s="29">
        <v>733</v>
      </c>
      <c r="C23" s="10">
        <v>631</v>
      </c>
      <c r="D23" s="9">
        <v>1364</v>
      </c>
    </row>
    <row r="24" spans="1:4" ht="18" customHeight="1" x14ac:dyDescent="0.2">
      <c r="A24" s="16">
        <v>15</v>
      </c>
      <c r="B24" s="29">
        <v>37</v>
      </c>
      <c r="C24" s="10">
        <v>65</v>
      </c>
      <c r="D24" s="9">
        <v>102</v>
      </c>
    </row>
    <row r="25" spans="1:4" ht="18" customHeight="1" x14ac:dyDescent="0.2">
      <c r="A25" s="16">
        <v>16</v>
      </c>
      <c r="B25" s="29">
        <v>57</v>
      </c>
      <c r="C25" s="10">
        <v>51</v>
      </c>
      <c r="D25" s="9">
        <v>108</v>
      </c>
    </row>
    <row r="26" spans="1:4" ht="18" customHeight="1" x14ac:dyDescent="0.2">
      <c r="A26" s="16">
        <v>17</v>
      </c>
      <c r="B26" s="29">
        <v>52</v>
      </c>
      <c r="C26" s="10">
        <v>36</v>
      </c>
      <c r="D26" s="9">
        <v>88</v>
      </c>
    </row>
    <row r="27" spans="1:4" ht="18" customHeight="1" x14ac:dyDescent="0.2">
      <c r="A27" s="16">
        <v>18</v>
      </c>
      <c r="B27" s="29">
        <v>50</v>
      </c>
      <c r="C27" s="10">
        <v>52</v>
      </c>
      <c r="D27" s="9">
        <v>102</v>
      </c>
    </row>
    <row r="28" spans="1:4" ht="18" customHeight="1" x14ac:dyDescent="0.2">
      <c r="A28" s="16">
        <v>19</v>
      </c>
      <c r="B28" s="29">
        <v>41</v>
      </c>
      <c r="C28" s="10">
        <v>41</v>
      </c>
      <c r="D28" s="9">
        <v>82</v>
      </c>
    </row>
    <row r="29" spans="1:4" ht="18" customHeight="1" x14ac:dyDescent="0.2">
      <c r="A29" s="8" t="s">
        <v>21</v>
      </c>
      <c r="B29" s="29">
        <v>237</v>
      </c>
      <c r="C29" s="10">
        <v>245</v>
      </c>
      <c r="D29" s="9">
        <v>482</v>
      </c>
    </row>
    <row r="30" spans="1:4" ht="18" customHeight="1" x14ac:dyDescent="0.2">
      <c r="A30" s="16">
        <v>20</v>
      </c>
      <c r="B30" s="29">
        <v>48</v>
      </c>
      <c r="C30" s="10">
        <v>36</v>
      </c>
      <c r="D30" s="9">
        <v>84</v>
      </c>
    </row>
    <row r="31" spans="1:4" ht="18" customHeight="1" x14ac:dyDescent="0.2">
      <c r="A31" s="16">
        <v>21</v>
      </c>
      <c r="B31" s="29">
        <v>57</v>
      </c>
      <c r="C31" s="10">
        <v>46</v>
      </c>
      <c r="D31" s="9">
        <v>103</v>
      </c>
    </row>
    <row r="32" spans="1:4" ht="18" customHeight="1" x14ac:dyDescent="0.2">
      <c r="A32" s="16">
        <v>22</v>
      </c>
      <c r="B32" s="29">
        <v>65</v>
      </c>
      <c r="C32" s="10">
        <v>38</v>
      </c>
      <c r="D32" s="9">
        <v>103</v>
      </c>
    </row>
    <row r="33" spans="1:4" ht="18" customHeight="1" x14ac:dyDescent="0.2">
      <c r="A33" s="16">
        <v>23</v>
      </c>
      <c r="B33" s="29">
        <v>61</v>
      </c>
      <c r="C33" s="10">
        <v>46</v>
      </c>
      <c r="D33" s="9">
        <v>107</v>
      </c>
    </row>
    <row r="34" spans="1:4" ht="18" customHeight="1" x14ac:dyDescent="0.2">
      <c r="A34" s="16">
        <v>24</v>
      </c>
      <c r="B34" s="29">
        <v>55</v>
      </c>
      <c r="C34" s="10">
        <v>50</v>
      </c>
      <c r="D34" s="9">
        <v>105</v>
      </c>
    </row>
    <row r="35" spans="1:4" ht="18" customHeight="1" x14ac:dyDescent="0.2">
      <c r="A35" s="8" t="s">
        <v>20</v>
      </c>
      <c r="B35" s="29">
        <v>286</v>
      </c>
      <c r="C35" s="10">
        <v>216</v>
      </c>
      <c r="D35" s="9">
        <v>502</v>
      </c>
    </row>
    <row r="36" spans="1:4" ht="18" customHeight="1" x14ac:dyDescent="0.2">
      <c r="A36" s="16">
        <v>25</v>
      </c>
      <c r="B36" s="29">
        <v>56</v>
      </c>
      <c r="C36" s="10">
        <v>56</v>
      </c>
      <c r="D36" s="9">
        <v>112</v>
      </c>
    </row>
    <row r="37" spans="1:4" ht="18" customHeight="1" x14ac:dyDescent="0.2">
      <c r="A37" s="16">
        <v>26</v>
      </c>
      <c r="B37" s="29">
        <v>56</v>
      </c>
      <c r="C37" s="10">
        <v>59</v>
      </c>
      <c r="D37" s="9">
        <v>115</v>
      </c>
    </row>
    <row r="38" spans="1:4" ht="18" customHeight="1" x14ac:dyDescent="0.2">
      <c r="A38" s="16">
        <v>27</v>
      </c>
      <c r="B38" s="29">
        <v>58</v>
      </c>
      <c r="C38" s="10">
        <v>53</v>
      </c>
      <c r="D38" s="9">
        <v>111</v>
      </c>
    </row>
    <row r="39" spans="1:4" ht="18" customHeight="1" x14ac:dyDescent="0.2">
      <c r="A39" s="16">
        <v>28</v>
      </c>
      <c r="B39" s="29">
        <v>52</v>
      </c>
      <c r="C39" s="10">
        <v>42</v>
      </c>
      <c r="D39" s="9">
        <v>94</v>
      </c>
    </row>
    <row r="40" spans="1:4" ht="18" customHeight="1" x14ac:dyDescent="0.2">
      <c r="A40" s="16">
        <v>29</v>
      </c>
      <c r="B40" s="29">
        <v>61</v>
      </c>
      <c r="C40" s="10">
        <v>61</v>
      </c>
      <c r="D40" s="9">
        <v>122</v>
      </c>
    </row>
    <row r="41" spans="1:4" ht="18" customHeight="1" x14ac:dyDescent="0.2">
      <c r="A41" s="8" t="s">
        <v>19</v>
      </c>
      <c r="B41" s="29">
        <v>283</v>
      </c>
      <c r="C41" s="10">
        <v>271</v>
      </c>
      <c r="D41" s="9">
        <v>554</v>
      </c>
    </row>
    <row r="42" spans="1:4" ht="18" customHeight="1" x14ac:dyDescent="0.2">
      <c r="A42" s="16">
        <v>30</v>
      </c>
      <c r="B42" s="29">
        <v>70</v>
      </c>
      <c r="C42" s="10">
        <v>51</v>
      </c>
      <c r="D42" s="9">
        <v>121</v>
      </c>
    </row>
    <row r="43" spans="1:4" ht="18" customHeight="1" x14ac:dyDescent="0.2">
      <c r="A43" s="16">
        <v>31</v>
      </c>
      <c r="B43" s="29">
        <v>53</v>
      </c>
      <c r="C43" s="10">
        <v>60</v>
      </c>
      <c r="D43" s="9">
        <v>113</v>
      </c>
    </row>
    <row r="44" spans="1:4" ht="18" customHeight="1" x14ac:dyDescent="0.2">
      <c r="A44" s="16">
        <v>32</v>
      </c>
      <c r="B44" s="29">
        <v>47</v>
      </c>
      <c r="C44" s="10">
        <v>54</v>
      </c>
      <c r="D44" s="9">
        <v>101</v>
      </c>
    </row>
    <row r="45" spans="1:4" ht="18" customHeight="1" x14ac:dyDescent="0.2">
      <c r="A45" s="16">
        <v>33</v>
      </c>
      <c r="B45" s="29">
        <v>61</v>
      </c>
      <c r="C45" s="10">
        <v>49</v>
      </c>
      <c r="D45" s="9">
        <v>110</v>
      </c>
    </row>
    <row r="46" spans="1:4" ht="18" customHeight="1" x14ac:dyDescent="0.2">
      <c r="A46" s="16">
        <v>34</v>
      </c>
      <c r="B46" s="29">
        <v>70</v>
      </c>
      <c r="C46" s="10">
        <v>58</v>
      </c>
      <c r="D46" s="9">
        <v>128</v>
      </c>
    </row>
    <row r="47" spans="1:4" ht="18" customHeight="1" x14ac:dyDescent="0.2">
      <c r="A47" s="8" t="s">
        <v>18</v>
      </c>
      <c r="B47" s="29">
        <v>301</v>
      </c>
      <c r="C47" s="10">
        <v>272</v>
      </c>
      <c r="D47" s="9">
        <v>573</v>
      </c>
    </row>
    <row r="48" spans="1:4" ht="18" customHeight="1" x14ac:dyDescent="0.2">
      <c r="A48" s="16">
        <v>35</v>
      </c>
      <c r="B48" s="29">
        <v>59</v>
      </c>
      <c r="C48" s="10">
        <v>43</v>
      </c>
      <c r="D48" s="9">
        <v>102</v>
      </c>
    </row>
    <row r="49" spans="1:4" ht="18" customHeight="1" x14ac:dyDescent="0.2">
      <c r="A49" s="16">
        <v>36</v>
      </c>
      <c r="B49" s="29">
        <v>62</v>
      </c>
      <c r="C49" s="10">
        <v>60</v>
      </c>
      <c r="D49" s="9">
        <v>122</v>
      </c>
    </row>
    <row r="50" spans="1:4" ht="18" customHeight="1" x14ac:dyDescent="0.2">
      <c r="A50" s="16">
        <v>37</v>
      </c>
      <c r="B50" s="29">
        <v>62</v>
      </c>
      <c r="C50" s="10">
        <v>64</v>
      </c>
      <c r="D50" s="9">
        <v>126</v>
      </c>
    </row>
    <row r="51" spans="1:4" ht="18" customHeight="1" x14ac:dyDescent="0.2">
      <c r="A51" s="16">
        <v>38</v>
      </c>
      <c r="B51" s="29">
        <v>68</v>
      </c>
      <c r="C51" s="10">
        <v>58</v>
      </c>
      <c r="D51" s="9">
        <v>126</v>
      </c>
    </row>
    <row r="52" spans="1:4" ht="18" customHeight="1" x14ac:dyDescent="0.2">
      <c r="A52" s="16">
        <v>39</v>
      </c>
      <c r="B52" s="29">
        <v>68</v>
      </c>
      <c r="C52" s="10">
        <v>71</v>
      </c>
      <c r="D52" s="9">
        <v>139</v>
      </c>
    </row>
    <row r="53" spans="1:4" ht="18" customHeight="1" x14ac:dyDescent="0.2">
      <c r="A53" s="8" t="s">
        <v>17</v>
      </c>
      <c r="B53" s="29">
        <v>319</v>
      </c>
      <c r="C53" s="10">
        <v>296</v>
      </c>
      <c r="D53" s="9">
        <v>615</v>
      </c>
    </row>
    <row r="54" spans="1:4" ht="18" customHeight="1" x14ac:dyDescent="0.2">
      <c r="A54" s="16">
        <v>40</v>
      </c>
      <c r="B54" s="29">
        <v>69</v>
      </c>
      <c r="C54" s="10">
        <v>70</v>
      </c>
      <c r="D54" s="9">
        <v>139</v>
      </c>
    </row>
    <row r="55" spans="1:4" ht="18" customHeight="1" x14ac:dyDescent="0.2">
      <c r="A55" s="16">
        <v>41</v>
      </c>
      <c r="B55" s="29">
        <v>62</v>
      </c>
      <c r="C55" s="10">
        <v>82</v>
      </c>
      <c r="D55" s="9">
        <v>144</v>
      </c>
    </row>
    <row r="56" spans="1:4" ht="18" customHeight="1" x14ac:dyDescent="0.2">
      <c r="A56" s="16">
        <v>42</v>
      </c>
      <c r="B56" s="29">
        <v>66</v>
      </c>
      <c r="C56" s="10">
        <v>72</v>
      </c>
      <c r="D56" s="9">
        <v>138</v>
      </c>
    </row>
    <row r="57" spans="1:4" ht="18" customHeight="1" x14ac:dyDescent="0.2">
      <c r="A57" s="16">
        <v>43</v>
      </c>
      <c r="B57" s="29">
        <v>80</v>
      </c>
      <c r="C57" s="10">
        <v>69</v>
      </c>
      <c r="D57" s="9">
        <v>149</v>
      </c>
    </row>
    <row r="58" spans="1:4" ht="18" customHeight="1" x14ac:dyDescent="0.2">
      <c r="A58" s="16">
        <v>44</v>
      </c>
      <c r="B58" s="29">
        <v>62</v>
      </c>
      <c r="C58" s="10">
        <v>80</v>
      </c>
      <c r="D58" s="9">
        <v>142</v>
      </c>
    </row>
    <row r="59" spans="1:4" ht="18" customHeight="1" x14ac:dyDescent="0.2">
      <c r="A59" s="8" t="s">
        <v>16</v>
      </c>
      <c r="B59" s="29">
        <v>339</v>
      </c>
      <c r="C59" s="10">
        <v>373</v>
      </c>
      <c r="D59" s="9">
        <v>712</v>
      </c>
    </row>
    <row r="60" spans="1:4" ht="18" customHeight="1" x14ac:dyDescent="0.2">
      <c r="A60" s="16">
        <v>45</v>
      </c>
      <c r="B60" s="29">
        <v>71</v>
      </c>
      <c r="C60" s="10">
        <v>71</v>
      </c>
      <c r="D60" s="9">
        <v>142</v>
      </c>
    </row>
    <row r="61" spans="1:4" ht="18" customHeight="1" x14ac:dyDescent="0.2">
      <c r="A61" s="16">
        <v>46</v>
      </c>
      <c r="B61" s="29">
        <v>91</v>
      </c>
      <c r="C61" s="10">
        <v>82</v>
      </c>
      <c r="D61" s="9">
        <v>173</v>
      </c>
    </row>
    <row r="62" spans="1:4" ht="18" customHeight="1" x14ac:dyDescent="0.2">
      <c r="A62" s="16">
        <v>47</v>
      </c>
      <c r="B62" s="29">
        <v>76</v>
      </c>
      <c r="C62" s="10">
        <v>91</v>
      </c>
      <c r="D62" s="9">
        <v>167</v>
      </c>
    </row>
    <row r="63" spans="1:4" ht="18" customHeight="1" x14ac:dyDescent="0.2">
      <c r="A63" s="16">
        <v>48</v>
      </c>
      <c r="B63" s="29">
        <v>86</v>
      </c>
      <c r="C63" s="10">
        <v>101</v>
      </c>
      <c r="D63" s="9">
        <v>187</v>
      </c>
    </row>
    <row r="64" spans="1:4" ht="18" customHeight="1" x14ac:dyDescent="0.2">
      <c r="A64" s="16">
        <v>49</v>
      </c>
      <c r="B64" s="29">
        <v>99</v>
      </c>
      <c r="C64" s="10">
        <v>106</v>
      </c>
      <c r="D64" s="9">
        <v>205</v>
      </c>
    </row>
    <row r="65" spans="1:4" ht="18" customHeight="1" x14ac:dyDescent="0.2">
      <c r="A65" s="8" t="s">
        <v>15</v>
      </c>
      <c r="B65" s="29">
        <v>423</v>
      </c>
      <c r="C65" s="10">
        <v>451</v>
      </c>
      <c r="D65" s="9">
        <v>874</v>
      </c>
    </row>
    <row r="66" spans="1:4" ht="18" customHeight="1" x14ac:dyDescent="0.2">
      <c r="A66" s="16">
        <v>50</v>
      </c>
      <c r="B66" s="29">
        <v>109</v>
      </c>
      <c r="C66" s="10">
        <v>98</v>
      </c>
      <c r="D66" s="9">
        <v>207</v>
      </c>
    </row>
    <row r="67" spans="1:4" ht="18" customHeight="1" x14ac:dyDescent="0.2">
      <c r="A67" s="16">
        <v>51</v>
      </c>
      <c r="B67" s="29">
        <v>123</v>
      </c>
      <c r="C67" s="10">
        <v>116</v>
      </c>
      <c r="D67" s="9">
        <v>239</v>
      </c>
    </row>
    <row r="68" spans="1:4" ht="18" customHeight="1" x14ac:dyDescent="0.2">
      <c r="A68" s="16">
        <v>52</v>
      </c>
      <c r="B68" s="29">
        <v>109</v>
      </c>
      <c r="C68" s="10">
        <v>105</v>
      </c>
      <c r="D68" s="9">
        <v>214</v>
      </c>
    </row>
    <row r="69" spans="1:4" ht="18" customHeight="1" x14ac:dyDescent="0.2">
      <c r="A69" s="16">
        <v>53</v>
      </c>
      <c r="B69" s="29">
        <v>94</v>
      </c>
      <c r="C69" s="10">
        <v>112</v>
      </c>
      <c r="D69" s="9">
        <v>206</v>
      </c>
    </row>
    <row r="70" spans="1:4" ht="18" customHeight="1" x14ac:dyDescent="0.2">
      <c r="A70" s="16">
        <v>54</v>
      </c>
      <c r="B70" s="29">
        <v>86</v>
      </c>
      <c r="C70" s="10">
        <v>97</v>
      </c>
      <c r="D70" s="9">
        <v>183</v>
      </c>
    </row>
    <row r="71" spans="1:4" ht="18" customHeight="1" x14ac:dyDescent="0.2">
      <c r="A71" s="8" t="s">
        <v>14</v>
      </c>
      <c r="B71" s="29">
        <v>521</v>
      </c>
      <c r="C71" s="10">
        <v>528</v>
      </c>
      <c r="D71" s="9">
        <v>1049</v>
      </c>
    </row>
    <row r="72" spans="1:4" ht="18" customHeight="1" x14ac:dyDescent="0.2">
      <c r="A72" s="16">
        <v>55</v>
      </c>
      <c r="B72" s="29">
        <v>90</v>
      </c>
      <c r="C72" s="10">
        <v>95</v>
      </c>
      <c r="D72" s="9">
        <v>185</v>
      </c>
    </row>
    <row r="73" spans="1:4" ht="18" customHeight="1" x14ac:dyDescent="0.2">
      <c r="A73" s="16">
        <v>56</v>
      </c>
      <c r="B73" s="29">
        <v>92</v>
      </c>
      <c r="C73" s="10">
        <v>88</v>
      </c>
      <c r="D73" s="9">
        <v>180</v>
      </c>
    </row>
    <row r="74" spans="1:4" ht="18" customHeight="1" x14ac:dyDescent="0.2">
      <c r="A74" s="16">
        <v>57</v>
      </c>
      <c r="B74" s="29">
        <v>65</v>
      </c>
      <c r="C74" s="10">
        <v>81</v>
      </c>
      <c r="D74" s="9">
        <v>146</v>
      </c>
    </row>
    <row r="75" spans="1:4" ht="18" customHeight="1" x14ac:dyDescent="0.2">
      <c r="A75" s="16">
        <v>58</v>
      </c>
      <c r="B75" s="29">
        <v>87</v>
      </c>
      <c r="C75" s="10">
        <v>84</v>
      </c>
      <c r="D75" s="9">
        <v>171</v>
      </c>
    </row>
    <row r="76" spans="1:4" ht="18" customHeight="1" x14ac:dyDescent="0.2">
      <c r="A76" s="16">
        <v>59</v>
      </c>
      <c r="B76" s="29">
        <v>86</v>
      </c>
      <c r="C76" s="10">
        <v>93</v>
      </c>
      <c r="D76" s="9">
        <v>179</v>
      </c>
    </row>
    <row r="77" spans="1:4" ht="18" customHeight="1" x14ac:dyDescent="0.2">
      <c r="A77" s="8" t="s">
        <v>13</v>
      </c>
      <c r="B77" s="29">
        <v>420</v>
      </c>
      <c r="C77" s="10">
        <v>441</v>
      </c>
      <c r="D77" s="9">
        <v>861</v>
      </c>
    </row>
    <row r="78" spans="1:4" ht="18" customHeight="1" x14ac:dyDescent="0.2">
      <c r="A78" s="16">
        <v>60</v>
      </c>
      <c r="B78" s="29">
        <v>80</v>
      </c>
      <c r="C78" s="10">
        <v>76</v>
      </c>
      <c r="D78" s="9">
        <v>156</v>
      </c>
    </row>
    <row r="79" spans="1:4" ht="18" customHeight="1" x14ac:dyDescent="0.2">
      <c r="A79" s="16">
        <v>61</v>
      </c>
      <c r="B79" s="29">
        <v>86</v>
      </c>
      <c r="C79" s="10">
        <v>77</v>
      </c>
      <c r="D79" s="9">
        <v>163</v>
      </c>
    </row>
    <row r="80" spans="1:4" ht="18" customHeight="1" x14ac:dyDescent="0.2">
      <c r="A80" s="16">
        <v>62</v>
      </c>
      <c r="B80" s="29">
        <v>76</v>
      </c>
      <c r="C80" s="10">
        <v>74</v>
      </c>
      <c r="D80" s="9">
        <v>150</v>
      </c>
    </row>
    <row r="81" spans="1:4" ht="18" customHeight="1" x14ac:dyDescent="0.2">
      <c r="A81" s="16">
        <v>63</v>
      </c>
      <c r="B81" s="29">
        <v>83</v>
      </c>
      <c r="C81" s="10">
        <v>72</v>
      </c>
      <c r="D81" s="9">
        <v>155</v>
      </c>
    </row>
    <row r="82" spans="1:4" ht="18" customHeight="1" x14ac:dyDescent="0.2">
      <c r="A82" s="16">
        <v>64</v>
      </c>
      <c r="B82" s="29">
        <v>72</v>
      </c>
      <c r="C82" s="10">
        <v>80</v>
      </c>
      <c r="D82" s="9">
        <v>152</v>
      </c>
    </row>
    <row r="83" spans="1:4" ht="18" customHeight="1" x14ac:dyDescent="0.2">
      <c r="A83" s="8" t="s">
        <v>12</v>
      </c>
      <c r="B83" s="29">
        <v>397</v>
      </c>
      <c r="C83" s="10">
        <v>379</v>
      </c>
      <c r="D83" s="9">
        <v>776</v>
      </c>
    </row>
    <row r="84" spans="1:4" ht="18" customHeight="1" x14ac:dyDescent="0.2">
      <c r="A84" s="8" t="s">
        <v>11</v>
      </c>
      <c r="B84" s="29">
        <v>3526</v>
      </c>
      <c r="C84" s="10">
        <v>3472</v>
      </c>
      <c r="D84" s="9">
        <v>6998</v>
      </c>
    </row>
    <row r="85" spans="1:4" ht="18" customHeight="1" x14ac:dyDescent="0.2">
      <c r="A85" s="16">
        <v>65</v>
      </c>
      <c r="B85" s="29">
        <v>60</v>
      </c>
      <c r="C85" s="10">
        <v>63</v>
      </c>
      <c r="D85" s="9">
        <v>123</v>
      </c>
    </row>
    <row r="86" spans="1:4" ht="18" customHeight="1" x14ac:dyDescent="0.2">
      <c r="A86" s="16">
        <v>66</v>
      </c>
      <c r="B86" s="29">
        <v>67</v>
      </c>
      <c r="C86" s="10">
        <v>66</v>
      </c>
      <c r="D86" s="9">
        <v>133</v>
      </c>
    </row>
    <row r="87" spans="1:4" ht="18" customHeight="1" x14ac:dyDescent="0.2">
      <c r="A87" s="16">
        <v>67</v>
      </c>
      <c r="B87" s="29">
        <v>63</v>
      </c>
      <c r="C87" s="10">
        <v>70</v>
      </c>
      <c r="D87" s="9">
        <v>133</v>
      </c>
    </row>
    <row r="88" spans="1:4" ht="18" customHeight="1" x14ac:dyDescent="0.2">
      <c r="A88" s="16">
        <v>68</v>
      </c>
      <c r="B88" s="29">
        <v>73</v>
      </c>
      <c r="C88" s="10">
        <v>64</v>
      </c>
      <c r="D88" s="9">
        <v>137</v>
      </c>
    </row>
    <row r="89" spans="1:4" ht="18" customHeight="1" x14ac:dyDescent="0.2">
      <c r="A89" s="16">
        <v>69</v>
      </c>
      <c r="B89" s="29">
        <v>60</v>
      </c>
      <c r="C89" s="10">
        <v>63</v>
      </c>
      <c r="D89" s="9">
        <v>123</v>
      </c>
    </row>
    <row r="90" spans="1:4" ht="18" customHeight="1" x14ac:dyDescent="0.2">
      <c r="A90" s="8" t="s">
        <v>10</v>
      </c>
      <c r="B90" s="29">
        <v>323</v>
      </c>
      <c r="C90" s="10">
        <v>326</v>
      </c>
      <c r="D90" s="9">
        <v>649</v>
      </c>
    </row>
    <row r="91" spans="1:4" ht="18" customHeight="1" x14ac:dyDescent="0.2">
      <c r="A91" s="16">
        <v>70</v>
      </c>
      <c r="B91" s="29">
        <v>67</v>
      </c>
      <c r="C91" s="10">
        <v>67</v>
      </c>
      <c r="D91" s="9">
        <v>134</v>
      </c>
    </row>
    <row r="92" spans="1:4" ht="18" customHeight="1" x14ac:dyDescent="0.2">
      <c r="A92" s="16">
        <v>71</v>
      </c>
      <c r="B92" s="29">
        <v>58</v>
      </c>
      <c r="C92" s="10">
        <v>66</v>
      </c>
      <c r="D92" s="9">
        <v>124</v>
      </c>
    </row>
    <row r="93" spans="1:4" ht="18" customHeight="1" x14ac:dyDescent="0.2">
      <c r="A93" s="16">
        <v>72</v>
      </c>
      <c r="B93" s="29">
        <v>62</v>
      </c>
      <c r="C93" s="10">
        <v>78</v>
      </c>
      <c r="D93" s="9">
        <v>140</v>
      </c>
    </row>
    <row r="94" spans="1:4" ht="18" customHeight="1" x14ac:dyDescent="0.2">
      <c r="A94" s="16">
        <v>73</v>
      </c>
      <c r="B94" s="29">
        <v>77</v>
      </c>
      <c r="C94" s="10">
        <v>85</v>
      </c>
      <c r="D94" s="9">
        <v>162</v>
      </c>
    </row>
    <row r="95" spans="1:4" ht="18" customHeight="1" x14ac:dyDescent="0.2">
      <c r="A95" s="16">
        <v>74</v>
      </c>
      <c r="B95" s="29">
        <v>86</v>
      </c>
      <c r="C95" s="10">
        <v>110</v>
      </c>
      <c r="D95" s="9">
        <v>196</v>
      </c>
    </row>
    <row r="96" spans="1:4" ht="18" customHeight="1" x14ac:dyDescent="0.2">
      <c r="A96" s="8" t="s">
        <v>9</v>
      </c>
      <c r="B96" s="29">
        <v>350</v>
      </c>
      <c r="C96" s="10">
        <v>406</v>
      </c>
      <c r="D96" s="9">
        <v>756</v>
      </c>
    </row>
    <row r="97" spans="1:4" ht="18" customHeight="1" x14ac:dyDescent="0.2">
      <c r="A97" s="16">
        <v>75</v>
      </c>
      <c r="B97" s="29">
        <v>87</v>
      </c>
      <c r="C97" s="10">
        <v>80</v>
      </c>
      <c r="D97" s="9">
        <v>167</v>
      </c>
    </row>
    <row r="98" spans="1:4" ht="18" customHeight="1" x14ac:dyDescent="0.2">
      <c r="A98" s="16">
        <v>76</v>
      </c>
      <c r="B98" s="29">
        <v>58</v>
      </c>
      <c r="C98" s="10">
        <v>94</v>
      </c>
      <c r="D98" s="9">
        <v>152</v>
      </c>
    </row>
    <row r="99" spans="1:4" ht="18" customHeight="1" x14ac:dyDescent="0.2">
      <c r="A99" s="16">
        <v>77</v>
      </c>
      <c r="B99" s="29">
        <v>42</v>
      </c>
      <c r="C99" s="10">
        <v>43</v>
      </c>
      <c r="D99" s="9">
        <v>85</v>
      </c>
    </row>
    <row r="100" spans="1:4" ht="18" customHeight="1" x14ac:dyDescent="0.2">
      <c r="A100" s="16">
        <v>78</v>
      </c>
      <c r="B100" s="29">
        <v>40</v>
      </c>
      <c r="C100" s="10">
        <v>60</v>
      </c>
      <c r="D100" s="9">
        <v>100</v>
      </c>
    </row>
    <row r="101" spans="1:4" ht="18" customHeight="1" x14ac:dyDescent="0.2">
      <c r="A101" s="16">
        <v>79</v>
      </c>
      <c r="B101" s="29">
        <v>60</v>
      </c>
      <c r="C101" s="10">
        <v>93</v>
      </c>
      <c r="D101" s="9">
        <v>153</v>
      </c>
    </row>
    <row r="102" spans="1:4" ht="18" customHeight="1" x14ac:dyDescent="0.2">
      <c r="A102" s="8" t="s">
        <v>8</v>
      </c>
      <c r="B102" s="29">
        <v>287</v>
      </c>
      <c r="C102" s="10">
        <v>370</v>
      </c>
      <c r="D102" s="9">
        <v>657</v>
      </c>
    </row>
    <row r="103" spans="1:4" ht="18" customHeight="1" x14ac:dyDescent="0.2">
      <c r="A103" s="16">
        <v>80</v>
      </c>
      <c r="B103" s="29">
        <v>62</v>
      </c>
      <c r="C103" s="10">
        <v>63</v>
      </c>
      <c r="D103" s="9">
        <v>125</v>
      </c>
    </row>
    <row r="104" spans="1:4" ht="18" customHeight="1" x14ac:dyDescent="0.2">
      <c r="A104" s="16">
        <v>81</v>
      </c>
      <c r="B104" s="29">
        <v>48</v>
      </c>
      <c r="C104" s="10">
        <v>102</v>
      </c>
      <c r="D104" s="9">
        <v>150</v>
      </c>
    </row>
    <row r="105" spans="1:4" ht="18" customHeight="1" x14ac:dyDescent="0.2">
      <c r="A105" s="16">
        <v>82</v>
      </c>
      <c r="B105" s="29">
        <v>29</v>
      </c>
      <c r="C105" s="10">
        <v>69</v>
      </c>
      <c r="D105" s="9">
        <v>98</v>
      </c>
    </row>
    <row r="106" spans="1:4" ht="18" customHeight="1" x14ac:dyDescent="0.2">
      <c r="A106" s="16">
        <v>83</v>
      </c>
      <c r="B106" s="29">
        <v>32</v>
      </c>
      <c r="C106" s="10">
        <v>64</v>
      </c>
      <c r="D106" s="9">
        <v>96</v>
      </c>
    </row>
    <row r="107" spans="1:4" ht="18" customHeight="1" x14ac:dyDescent="0.2">
      <c r="A107" s="16">
        <v>84</v>
      </c>
      <c r="B107" s="29">
        <v>39</v>
      </c>
      <c r="C107" s="10">
        <v>54</v>
      </c>
      <c r="D107" s="9">
        <v>93</v>
      </c>
    </row>
    <row r="108" spans="1:4" ht="18" customHeight="1" x14ac:dyDescent="0.2">
      <c r="A108" s="8" t="s">
        <v>7</v>
      </c>
      <c r="B108" s="29">
        <v>210</v>
      </c>
      <c r="C108" s="10">
        <v>352</v>
      </c>
      <c r="D108" s="9">
        <v>562</v>
      </c>
    </row>
    <row r="109" spans="1:4" ht="18" customHeight="1" x14ac:dyDescent="0.2">
      <c r="A109" s="16">
        <v>85</v>
      </c>
      <c r="B109" s="29">
        <v>24</v>
      </c>
      <c r="C109" s="10">
        <v>46</v>
      </c>
      <c r="D109" s="9">
        <v>70</v>
      </c>
    </row>
    <row r="110" spans="1:4" ht="18" customHeight="1" x14ac:dyDescent="0.2">
      <c r="A110" s="16">
        <v>86</v>
      </c>
      <c r="B110" s="29">
        <v>33</v>
      </c>
      <c r="C110" s="10">
        <v>73</v>
      </c>
      <c r="D110" s="9">
        <v>106</v>
      </c>
    </row>
    <row r="111" spans="1:4" ht="18" customHeight="1" x14ac:dyDescent="0.2">
      <c r="A111" s="16">
        <v>87</v>
      </c>
      <c r="B111" s="29">
        <v>29</v>
      </c>
      <c r="C111" s="10">
        <v>71</v>
      </c>
      <c r="D111" s="9">
        <v>100</v>
      </c>
    </row>
    <row r="112" spans="1:4" ht="18" customHeight="1" x14ac:dyDescent="0.2">
      <c r="A112" s="16">
        <v>88</v>
      </c>
      <c r="B112" s="29">
        <v>19</v>
      </c>
      <c r="C112" s="10">
        <v>44</v>
      </c>
      <c r="D112" s="9">
        <v>63</v>
      </c>
    </row>
    <row r="113" spans="1:4" ht="18" customHeight="1" x14ac:dyDescent="0.2">
      <c r="A113" s="16">
        <v>89</v>
      </c>
      <c r="B113" s="29">
        <v>26</v>
      </c>
      <c r="C113" s="10">
        <v>60</v>
      </c>
      <c r="D113" s="9">
        <v>86</v>
      </c>
    </row>
    <row r="114" spans="1:4" ht="18" customHeight="1" x14ac:dyDescent="0.2">
      <c r="A114" s="8" t="s">
        <v>6</v>
      </c>
      <c r="B114" s="29">
        <v>131</v>
      </c>
      <c r="C114" s="10">
        <v>294</v>
      </c>
      <c r="D114" s="9">
        <v>425</v>
      </c>
    </row>
    <row r="115" spans="1:4" ht="18" customHeight="1" x14ac:dyDescent="0.2">
      <c r="A115" s="16">
        <v>90</v>
      </c>
      <c r="B115" s="29">
        <v>20</v>
      </c>
      <c r="C115" s="10">
        <v>50</v>
      </c>
      <c r="D115" s="9">
        <v>70</v>
      </c>
    </row>
    <row r="116" spans="1:4" ht="18" customHeight="1" x14ac:dyDescent="0.2">
      <c r="A116" s="16">
        <v>91</v>
      </c>
      <c r="B116" s="29">
        <v>15</v>
      </c>
      <c r="C116" s="10">
        <v>49</v>
      </c>
      <c r="D116" s="9">
        <v>64</v>
      </c>
    </row>
    <row r="117" spans="1:4" ht="18" customHeight="1" x14ac:dyDescent="0.2">
      <c r="A117" s="16">
        <v>92</v>
      </c>
      <c r="B117" s="29">
        <v>11</v>
      </c>
      <c r="C117" s="10">
        <v>34</v>
      </c>
      <c r="D117" s="9">
        <v>45</v>
      </c>
    </row>
    <row r="118" spans="1:4" ht="18" customHeight="1" x14ac:dyDescent="0.2">
      <c r="A118" s="16">
        <v>93</v>
      </c>
      <c r="B118" s="29">
        <v>13</v>
      </c>
      <c r="C118" s="10">
        <v>27</v>
      </c>
      <c r="D118" s="9">
        <v>40</v>
      </c>
    </row>
    <row r="119" spans="1:4" ht="18" customHeight="1" x14ac:dyDescent="0.2">
      <c r="A119" s="16">
        <v>94</v>
      </c>
      <c r="B119" s="29">
        <v>3</v>
      </c>
      <c r="C119" s="10">
        <v>30</v>
      </c>
      <c r="D119" s="9">
        <v>33</v>
      </c>
    </row>
    <row r="120" spans="1:4" ht="18" customHeight="1" x14ac:dyDescent="0.2">
      <c r="A120" s="8" t="s">
        <v>5</v>
      </c>
      <c r="B120" s="29">
        <v>62</v>
      </c>
      <c r="C120" s="10">
        <v>190</v>
      </c>
      <c r="D120" s="9">
        <v>252</v>
      </c>
    </row>
    <row r="121" spans="1:4" ht="18" customHeight="1" x14ac:dyDescent="0.2">
      <c r="A121" s="16">
        <v>95</v>
      </c>
      <c r="B121" s="29">
        <v>9</v>
      </c>
      <c r="C121" s="10">
        <v>15</v>
      </c>
      <c r="D121" s="9">
        <v>24</v>
      </c>
    </row>
    <row r="122" spans="1:4" ht="18" customHeight="1" x14ac:dyDescent="0.2">
      <c r="A122" s="16">
        <v>96</v>
      </c>
      <c r="B122" s="29">
        <v>6</v>
      </c>
      <c r="C122" s="10">
        <v>23</v>
      </c>
      <c r="D122" s="9">
        <v>29</v>
      </c>
    </row>
    <row r="123" spans="1:4" ht="18" customHeight="1" x14ac:dyDescent="0.2">
      <c r="A123" s="16">
        <v>97</v>
      </c>
      <c r="B123" s="29">
        <v>5</v>
      </c>
      <c r="C123" s="10">
        <v>18</v>
      </c>
      <c r="D123" s="9">
        <v>23</v>
      </c>
    </row>
    <row r="124" spans="1:4" ht="18" customHeight="1" x14ac:dyDescent="0.2">
      <c r="A124" s="16">
        <v>98</v>
      </c>
      <c r="B124" s="29">
        <v>1</v>
      </c>
      <c r="C124" s="10">
        <v>6</v>
      </c>
      <c r="D124" s="9">
        <v>7</v>
      </c>
    </row>
    <row r="125" spans="1:4" ht="18" customHeight="1" x14ac:dyDescent="0.2">
      <c r="A125" s="16">
        <v>99</v>
      </c>
      <c r="B125" s="29">
        <v>1</v>
      </c>
      <c r="C125" s="10">
        <v>7</v>
      </c>
      <c r="D125" s="9">
        <v>8</v>
      </c>
    </row>
    <row r="126" spans="1:4" ht="18" customHeight="1" x14ac:dyDescent="0.2">
      <c r="A126" s="8" t="s">
        <v>4</v>
      </c>
      <c r="B126" s="29">
        <v>22</v>
      </c>
      <c r="C126" s="10">
        <v>69</v>
      </c>
      <c r="D126" s="9">
        <v>91</v>
      </c>
    </row>
    <row r="127" spans="1:4" ht="18" customHeight="1" x14ac:dyDescent="0.2">
      <c r="A127" s="16">
        <v>100</v>
      </c>
      <c r="B127" s="29">
        <v>2</v>
      </c>
      <c r="C127" s="10">
        <v>5</v>
      </c>
      <c r="D127" s="9">
        <v>7</v>
      </c>
    </row>
    <row r="128" spans="1:4" ht="18" customHeight="1" x14ac:dyDescent="0.2">
      <c r="A128" s="15" t="s">
        <v>3</v>
      </c>
      <c r="B128" s="29">
        <v>2</v>
      </c>
      <c r="C128" s="10">
        <v>10</v>
      </c>
      <c r="D128" s="9">
        <v>12</v>
      </c>
    </row>
    <row r="129" spans="1:4" ht="18" customHeight="1" x14ac:dyDescent="0.2">
      <c r="A129" s="8" t="s">
        <v>2</v>
      </c>
      <c r="B129" s="29">
        <v>4</v>
      </c>
      <c r="C129" s="10">
        <v>15</v>
      </c>
      <c r="D129" s="9">
        <v>19</v>
      </c>
    </row>
    <row r="130" spans="1:4" ht="18" customHeight="1" x14ac:dyDescent="0.2">
      <c r="A130" s="8" t="s">
        <v>1</v>
      </c>
      <c r="B130" s="28">
        <v>1389</v>
      </c>
      <c r="C130" s="6">
        <v>2022</v>
      </c>
      <c r="D130" s="5">
        <v>3411</v>
      </c>
    </row>
    <row r="131" spans="1:4" ht="18" customHeight="1" x14ac:dyDescent="0.2">
      <c r="A131" s="4" t="s">
        <v>0</v>
      </c>
      <c r="B131" s="27">
        <v>5648</v>
      </c>
      <c r="C131" s="2">
        <v>6125</v>
      </c>
      <c r="D131" s="1">
        <v>11773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229CB1C-72E2-44E5-8C53-FC2A90338A3F}">
  <sheetPr codeName="Sheet2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41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63</v>
      </c>
      <c r="C5" s="18">
        <v>45</v>
      </c>
      <c r="D5" s="17">
        <v>108</v>
      </c>
    </row>
    <row r="6" spans="1:4" ht="18" customHeight="1" x14ac:dyDescent="0.2">
      <c r="A6" s="16">
        <v>1</v>
      </c>
      <c r="B6" s="29">
        <v>77</v>
      </c>
      <c r="C6" s="10">
        <v>59</v>
      </c>
      <c r="D6" s="9">
        <v>136</v>
      </c>
    </row>
    <row r="7" spans="1:4" ht="18" customHeight="1" x14ac:dyDescent="0.2">
      <c r="A7" s="16">
        <v>2</v>
      </c>
      <c r="B7" s="29">
        <v>61</v>
      </c>
      <c r="C7" s="10">
        <v>69</v>
      </c>
      <c r="D7" s="9">
        <v>130</v>
      </c>
    </row>
    <row r="8" spans="1:4" ht="18" customHeight="1" x14ac:dyDescent="0.2">
      <c r="A8" s="16">
        <v>3</v>
      </c>
      <c r="B8" s="29">
        <v>74</v>
      </c>
      <c r="C8" s="10">
        <v>58</v>
      </c>
      <c r="D8" s="9">
        <v>132</v>
      </c>
    </row>
    <row r="9" spans="1:4" ht="18" customHeight="1" x14ac:dyDescent="0.2">
      <c r="A9" s="16">
        <v>4</v>
      </c>
      <c r="B9" s="29">
        <v>57</v>
      </c>
      <c r="C9" s="10">
        <v>71</v>
      </c>
      <c r="D9" s="9">
        <v>128</v>
      </c>
    </row>
    <row r="10" spans="1:4" ht="18" customHeight="1" x14ac:dyDescent="0.2">
      <c r="A10" s="8" t="s">
        <v>25</v>
      </c>
      <c r="B10" s="29">
        <v>332</v>
      </c>
      <c r="C10" s="10">
        <v>302</v>
      </c>
      <c r="D10" s="9">
        <v>634</v>
      </c>
    </row>
    <row r="11" spans="1:4" ht="18" customHeight="1" x14ac:dyDescent="0.2">
      <c r="A11" s="16">
        <v>5</v>
      </c>
      <c r="B11" s="29">
        <v>73</v>
      </c>
      <c r="C11" s="10">
        <v>62</v>
      </c>
      <c r="D11" s="9">
        <v>135</v>
      </c>
    </row>
    <row r="12" spans="1:4" ht="18" customHeight="1" x14ac:dyDescent="0.2">
      <c r="A12" s="16">
        <v>6</v>
      </c>
      <c r="B12" s="29">
        <v>83</v>
      </c>
      <c r="C12" s="10">
        <v>68</v>
      </c>
      <c r="D12" s="9">
        <v>151</v>
      </c>
    </row>
    <row r="13" spans="1:4" ht="18" customHeight="1" x14ac:dyDescent="0.2">
      <c r="A13" s="16">
        <v>7</v>
      </c>
      <c r="B13" s="29">
        <v>75</v>
      </c>
      <c r="C13" s="10">
        <v>71</v>
      </c>
      <c r="D13" s="9">
        <v>146</v>
      </c>
    </row>
    <row r="14" spans="1:4" ht="18" customHeight="1" x14ac:dyDescent="0.2">
      <c r="A14" s="16">
        <v>8</v>
      </c>
      <c r="B14" s="29">
        <v>69</v>
      </c>
      <c r="C14" s="10">
        <v>70</v>
      </c>
      <c r="D14" s="9">
        <v>139</v>
      </c>
    </row>
    <row r="15" spans="1:4" ht="18" customHeight="1" x14ac:dyDescent="0.2">
      <c r="A15" s="16">
        <v>9</v>
      </c>
      <c r="B15" s="29">
        <v>84</v>
      </c>
      <c r="C15" s="10">
        <v>72</v>
      </c>
      <c r="D15" s="9">
        <v>156</v>
      </c>
    </row>
    <row r="16" spans="1:4" ht="18" customHeight="1" x14ac:dyDescent="0.2">
      <c r="A16" s="8" t="s">
        <v>24</v>
      </c>
      <c r="B16" s="29">
        <v>384</v>
      </c>
      <c r="C16" s="10">
        <v>343</v>
      </c>
      <c r="D16" s="9">
        <v>727</v>
      </c>
    </row>
    <row r="17" spans="1:4" ht="18" customHeight="1" x14ac:dyDescent="0.2">
      <c r="A17" s="16">
        <v>10</v>
      </c>
      <c r="B17" s="29">
        <v>80</v>
      </c>
      <c r="C17" s="10">
        <v>59</v>
      </c>
      <c r="D17" s="9">
        <v>139</v>
      </c>
    </row>
    <row r="18" spans="1:4" ht="18" customHeight="1" x14ac:dyDescent="0.2">
      <c r="A18" s="16">
        <v>11</v>
      </c>
      <c r="B18" s="29">
        <v>66</v>
      </c>
      <c r="C18" s="10">
        <v>74</v>
      </c>
      <c r="D18" s="9">
        <v>140</v>
      </c>
    </row>
    <row r="19" spans="1:4" ht="18" customHeight="1" x14ac:dyDescent="0.2">
      <c r="A19" s="16">
        <v>12</v>
      </c>
      <c r="B19" s="29">
        <v>72</v>
      </c>
      <c r="C19" s="10">
        <v>78</v>
      </c>
      <c r="D19" s="9">
        <v>150</v>
      </c>
    </row>
    <row r="20" spans="1:4" ht="18" customHeight="1" x14ac:dyDescent="0.2">
      <c r="A20" s="16">
        <v>13</v>
      </c>
      <c r="B20" s="29">
        <v>78</v>
      </c>
      <c r="C20" s="10">
        <v>70</v>
      </c>
      <c r="D20" s="9">
        <v>148</v>
      </c>
    </row>
    <row r="21" spans="1:4" ht="18" customHeight="1" x14ac:dyDescent="0.2">
      <c r="A21" s="16">
        <v>14</v>
      </c>
      <c r="B21" s="29">
        <v>72</v>
      </c>
      <c r="C21" s="10">
        <v>61</v>
      </c>
      <c r="D21" s="9">
        <v>133</v>
      </c>
    </row>
    <row r="22" spans="1:4" ht="18" customHeight="1" x14ac:dyDescent="0.2">
      <c r="A22" s="8" t="s">
        <v>23</v>
      </c>
      <c r="B22" s="29">
        <v>368</v>
      </c>
      <c r="C22" s="10">
        <v>342</v>
      </c>
      <c r="D22" s="9">
        <v>710</v>
      </c>
    </row>
    <row r="23" spans="1:4" ht="18" customHeight="1" x14ac:dyDescent="0.2">
      <c r="A23" s="8" t="s">
        <v>22</v>
      </c>
      <c r="B23" s="29">
        <v>1084</v>
      </c>
      <c r="C23" s="10">
        <v>987</v>
      </c>
      <c r="D23" s="9">
        <v>2071</v>
      </c>
    </row>
    <row r="24" spans="1:4" ht="18" customHeight="1" x14ac:dyDescent="0.2">
      <c r="A24" s="16">
        <v>15</v>
      </c>
      <c r="B24" s="29">
        <v>63</v>
      </c>
      <c r="C24" s="10">
        <v>83</v>
      </c>
      <c r="D24" s="9">
        <v>146</v>
      </c>
    </row>
    <row r="25" spans="1:4" ht="18" customHeight="1" x14ac:dyDescent="0.2">
      <c r="A25" s="16">
        <v>16</v>
      </c>
      <c r="B25" s="29">
        <v>86</v>
      </c>
      <c r="C25" s="10">
        <v>71</v>
      </c>
      <c r="D25" s="9">
        <v>157</v>
      </c>
    </row>
    <row r="26" spans="1:4" ht="18" customHeight="1" x14ac:dyDescent="0.2">
      <c r="A26" s="16">
        <v>17</v>
      </c>
      <c r="B26" s="29">
        <v>82</v>
      </c>
      <c r="C26" s="10">
        <v>62</v>
      </c>
      <c r="D26" s="9">
        <v>144</v>
      </c>
    </row>
    <row r="27" spans="1:4" ht="18" customHeight="1" x14ac:dyDescent="0.2">
      <c r="A27" s="16">
        <v>18</v>
      </c>
      <c r="B27" s="29">
        <v>66</v>
      </c>
      <c r="C27" s="10">
        <v>67</v>
      </c>
      <c r="D27" s="9">
        <v>133</v>
      </c>
    </row>
    <row r="28" spans="1:4" ht="18" customHeight="1" x14ac:dyDescent="0.2">
      <c r="A28" s="16">
        <v>19</v>
      </c>
      <c r="B28" s="29">
        <v>60</v>
      </c>
      <c r="C28" s="10">
        <v>69</v>
      </c>
      <c r="D28" s="9">
        <v>129</v>
      </c>
    </row>
    <row r="29" spans="1:4" ht="18" customHeight="1" x14ac:dyDescent="0.2">
      <c r="A29" s="8" t="s">
        <v>21</v>
      </c>
      <c r="B29" s="29">
        <v>357</v>
      </c>
      <c r="C29" s="10">
        <v>352</v>
      </c>
      <c r="D29" s="9">
        <v>709</v>
      </c>
    </row>
    <row r="30" spans="1:4" ht="18" customHeight="1" x14ac:dyDescent="0.2">
      <c r="A30" s="16">
        <v>20</v>
      </c>
      <c r="B30" s="29">
        <v>55</v>
      </c>
      <c r="C30" s="10">
        <v>74</v>
      </c>
      <c r="D30" s="9">
        <v>129</v>
      </c>
    </row>
    <row r="31" spans="1:4" ht="18" customHeight="1" x14ac:dyDescent="0.2">
      <c r="A31" s="16">
        <v>21</v>
      </c>
      <c r="B31" s="29">
        <v>70</v>
      </c>
      <c r="C31" s="10">
        <v>63</v>
      </c>
      <c r="D31" s="9">
        <v>133</v>
      </c>
    </row>
    <row r="32" spans="1:4" ht="18" customHeight="1" x14ac:dyDescent="0.2">
      <c r="A32" s="16">
        <v>22</v>
      </c>
      <c r="B32" s="29">
        <v>55</v>
      </c>
      <c r="C32" s="10">
        <v>60</v>
      </c>
      <c r="D32" s="9">
        <v>115</v>
      </c>
    </row>
    <row r="33" spans="1:4" ht="18" customHeight="1" x14ac:dyDescent="0.2">
      <c r="A33" s="16">
        <v>23</v>
      </c>
      <c r="B33" s="29">
        <v>74</v>
      </c>
      <c r="C33" s="10">
        <v>62</v>
      </c>
      <c r="D33" s="9">
        <v>136</v>
      </c>
    </row>
    <row r="34" spans="1:4" ht="18" customHeight="1" x14ac:dyDescent="0.2">
      <c r="A34" s="16">
        <v>24</v>
      </c>
      <c r="B34" s="29">
        <v>70</v>
      </c>
      <c r="C34" s="10">
        <v>59</v>
      </c>
      <c r="D34" s="9">
        <v>129</v>
      </c>
    </row>
    <row r="35" spans="1:4" ht="18" customHeight="1" x14ac:dyDescent="0.2">
      <c r="A35" s="8" t="s">
        <v>20</v>
      </c>
      <c r="B35" s="29">
        <v>324</v>
      </c>
      <c r="C35" s="10">
        <v>318</v>
      </c>
      <c r="D35" s="9">
        <v>642</v>
      </c>
    </row>
    <row r="36" spans="1:4" ht="18" customHeight="1" x14ac:dyDescent="0.2">
      <c r="A36" s="16">
        <v>25</v>
      </c>
      <c r="B36" s="29">
        <v>70</v>
      </c>
      <c r="C36" s="10">
        <v>68</v>
      </c>
      <c r="D36" s="9">
        <v>138</v>
      </c>
    </row>
    <row r="37" spans="1:4" ht="18" customHeight="1" x14ac:dyDescent="0.2">
      <c r="A37" s="16">
        <v>26</v>
      </c>
      <c r="B37" s="29">
        <v>79</v>
      </c>
      <c r="C37" s="10">
        <v>92</v>
      </c>
      <c r="D37" s="9">
        <v>171</v>
      </c>
    </row>
    <row r="38" spans="1:4" ht="18" customHeight="1" x14ac:dyDescent="0.2">
      <c r="A38" s="16">
        <v>27</v>
      </c>
      <c r="B38" s="29">
        <v>80</v>
      </c>
      <c r="C38" s="10">
        <v>88</v>
      </c>
      <c r="D38" s="9">
        <v>168</v>
      </c>
    </row>
    <row r="39" spans="1:4" ht="18" customHeight="1" x14ac:dyDescent="0.2">
      <c r="A39" s="16">
        <v>28</v>
      </c>
      <c r="B39" s="29">
        <v>71</v>
      </c>
      <c r="C39" s="10">
        <v>71</v>
      </c>
      <c r="D39" s="9">
        <v>142</v>
      </c>
    </row>
    <row r="40" spans="1:4" ht="18" customHeight="1" x14ac:dyDescent="0.2">
      <c r="A40" s="16">
        <v>29</v>
      </c>
      <c r="B40" s="29">
        <v>83</v>
      </c>
      <c r="C40" s="10">
        <v>76</v>
      </c>
      <c r="D40" s="9">
        <v>159</v>
      </c>
    </row>
    <row r="41" spans="1:4" ht="18" customHeight="1" x14ac:dyDescent="0.2">
      <c r="A41" s="8" t="s">
        <v>19</v>
      </c>
      <c r="B41" s="29">
        <v>383</v>
      </c>
      <c r="C41" s="10">
        <v>395</v>
      </c>
      <c r="D41" s="9">
        <v>778</v>
      </c>
    </row>
    <row r="42" spans="1:4" ht="18" customHeight="1" x14ac:dyDescent="0.2">
      <c r="A42" s="16">
        <v>30</v>
      </c>
      <c r="B42" s="29">
        <v>69</v>
      </c>
      <c r="C42" s="10">
        <v>102</v>
      </c>
      <c r="D42" s="9">
        <v>171</v>
      </c>
    </row>
    <row r="43" spans="1:4" ht="18" customHeight="1" x14ac:dyDescent="0.2">
      <c r="A43" s="16">
        <v>31</v>
      </c>
      <c r="B43" s="29">
        <v>78</v>
      </c>
      <c r="C43" s="10">
        <v>64</v>
      </c>
      <c r="D43" s="9">
        <v>142</v>
      </c>
    </row>
    <row r="44" spans="1:4" ht="18" customHeight="1" x14ac:dyDescent="0.2">
      <c r="A44" s="16">
        <v>32</v>
      </c>
      <c r="B44" s="29">
        <v>84</v>
      </c>
      <c r="C44" s="10">
        <v>86</v>
      </c>
      <c r="D44" s="9">
        <v>170</v>
      </c>
    </row>
    <row r="45" spans="1:4" ht="18" customHeight="1" x14ac:dyDescent="0.2">
      <c r="A45" s="16">
        <v>33</v>
      </c>
      <c r="B45" s="29">
        <v>97</v>
      </c>
      <c r="C45" s="10">
        <v>105</v>
      </c>
      <c r="D45" s="9">
        <v>202</v>
      </c>
    </row>
    <row r="46" spans="1:4" ht="18" customHeight="1" x14ac:dyDescent="0.2">
      <c r="A46" s="16">
        <v>34</v>
      </c>
      <c r="B46" s="29">
        <v>76</v>
      </c>
      <c r="C46" s="10">
        <v>85</v>
      </c>
      <c r="D46" s="9">
        <v>161</v>
      </c>
    </row>
    <row r="47" spans="1:4" ht="18" customHeight="1" x14ac:dyDescent="0.2">
      <c r="A47" s="8" t="s">
        <v>18</v>
      </c>
      <c r="B47" s="29">
        <v>404</v>
      </c>
      <c r="C47" s="10">
        <v>442</v>
      </c>
      <c r="D47" s="9">
        <v>846</v>
      </c>
    </row>
    <row r="48" spans="1:4" ht="18" customHeight="1" x14ac:dyDescent="0.2">
      <c r="A48" s="16">
        <v>35</v>
      </c>
      <c r="B48" s="29">
        <v>98</v>
      </c>
      <c r="C48" s="10">
        <v>75</v>
      </c>
      <c r="D48" s="9">
        <v>173</v>
      </c>
    </row>
    <row r="49" spans="1:4" ht="18" customHeight="1" x14ac:dyDescent="0.2">
      <c r="A49" s="16">
        <v>36</v>
      </c>
      <c r="B49" s="29">
        <v>82</v>
      </c>
      <c r="C49" s="10">
        <v>86</v>
      </c>
      <c r="D49" s="9">
        <v>168</v>
      </c>
    </row>
    <row r="50" spans="1:4" ht="18" customHeight="1" x14ac:dyDescent="0.2">
      <c r="A50" s="16">
        <v>37</v>
      </c>
      <c r="B50" s="29">
        <v>88</v>
      </c>
      <c r="C50" s="10">
        <v>85</v>
      </c>
      <c r="D50" s="9">
        <v>173</v>
      </c>
    </row>
    <row r="51" spans="1:4" ht="18" customHeight="1" x14ac:dyDescent="0.2">
      <c r="A51" s="16">
        <v>38</v>
      </c>
      <c r="B51" s="29">
        <v>102</v>
      </c>
      <c r="C51" s="10">
        <v>116</v>
      </c>
      <c r="D51" s="9">
        <v>218</v>
      </c>
    </row>
    <row r="52" spans="1:4" ht="18" customHeight="1" x14ac:dyDescent="0.2">
      <c r="A52" s="16">
        <v>39</v>
      </c>
      <c r="B52" s="29">
        <v>89</v>
      </c>
      <c r="C52" s="10">
        <v>87</v>
      </c>
      <c r="D52" s="9">
        <v>176</v>
      </c>
    </row>
    <row r="53" spans="1:4" ht="18" customHeight="1" x14ac:dyDescent="0.2">
      <c r="A53" s="8" t="s">
        <v>17</v>
      </c>
      <c r="B53" s="29">
        <v>459</v>
      </c>
      <c r="C53" s="10">
        <v>449</v>
      </c>
      <c r="D53" s="9">
        <v>908</v>
      </c>
    </row>
    <row r="54" spans="1:4" ht="18" customHeight="1" x14ac:dyDescent="0.2">
      <c r="A54" s="16">
        <v>40</v>
      </c>
      <c r="B54" s="29">
        <v>97</v>
      </c>
      <c r="C54" s="10">
        <v>102</v>
      </c>
      <c r="D54" s="9">
        <v>199</v>
      </c>
    </row>
    <row r="55" spans="1:4" ht="18" customHeight="1" x14ac:dyDescent="0.2">
      <c r="A55" s="16">
        <v>41</v>
      </c>
      <c r="B55" s="29">
        <v>109</v>
      </c>
      <c r="C55" s="10">
        <v>107</v>
      </c>
      <c r="D55" s="9">
        <v>216</v>
      </c>
    </row>
    <row r="56" spans="1:4" ht="18" customHeight="1" x14ac:dyDescent="0.2">
      <c r="A56" s="16">
        <v>42</v>
      </c>
      <c r="B56" s="29">
        <v>109</v>
      </c>
      <c r="C56" s="10">
        <v>111</v>
      </c>
      <c r="D56" s="9">
        <v>220</v>
      </c>
    </row>
    <row r="57" spans="1:4" ht="18" customHeight="1" x14ac:dyDescent="0.2">
      <c r="A57" s="16">
        <v>43</v>
      </c>
      <c r="B57" s="29">
        <v>94</v>
      </c>
      <c r="C57" s="10">
        <v>113</v>
      </c>
      <c r="D57" s="9">
        <v>207</v>
      </c>
    </row>
    <row r="58" spans="1:4" ht="18" customHeight="1" x14ac:dyDescent="0.2">
      <c r="A58" s="16">
        <v>44</v>
      </c>
      <c r="B58" s="29">
        <v>115</v>
      </c>
      <c r="C58" s="10">
        <v>111</v>
      </c>
      <c r="D58" s="9">
        <v>226</v>
      </c>
    </row>
    <row r="59" spans="1:4" ht="18" customHeight="1" x14ac:dyDescent="0.2">
      <c r="A59" s="8" t="s">
        <v>16</v>
      </c>
      <c r="B59" s="29">
        <v>524</v>
      </c>
      <c r="C59" s="10">
        <v>544</v>
      </c>
      <c r="D59" s="9">
        <v>1068</v>
      </c>
    </row>
    <row r="60" spans="1:4" ht="18" customHeight="1" x14ac:dyDescent="0.2">
      <c r="A60" s="16">
        <v>45</v>
      </c>
      <c r="B60" s="29">
        <v>150</v>
      </c>
      <c r="C60" s="10">
        <v>113</v>
      </c>
      <c r="D60" s="9">
        <v>263</v>
      </c>
    </row>
    <row r="61" spans="1:4" ht="18" customHeight="1" x14ac:dyDescent="0.2">
      <c r="A61" s="16">
        <v>46</v>
      </c>
      <c r="B61" s="29">
        <v>112</v>
      </c>
      <c r="C61" s="10">
        <v>129</v>
      </c>
      <c r="D61" s="9">
        <v>241</v>
      </c>
    </row>
    <row r="62" spans="1:4" ht="18" customHeight="1" x14ac:dyDescent="0.2">
      <c r="A62" s="16">
        <v>47</v>
      </c>
      <c r="B62" s="29">
        <v>141</v>
      </c>
      <c r="C62" s="10">
        <v>121</v>
      </c>
      <c r="D62" s="9">
        <v>262</v>
      </c>
    </row>
    <row r="63" spans="1:4" ht="18" customHeight="1" x14ac:dyDescent="0.2">
      <c r="A63" s="16">
        <v>48</v>
      </c>
      <c r="B63" s="29">
        <v>162</v>
      </c>
      <c r="C63" s="10">
        <v>142</v>
      </c>
      <c r="D63" s="9">
        <v>304</v>
      </c>
    </row>
    <row r="64" spans="1:4" ht="18" customHeight="1" x14ac:dyDescent="0.2">
      <c r="A64" s="16">
        <v>49</v>
      </c>
      <c r="B64" s="29">
        <v>136</v>
      </c>
      <c r="C64" s="10">
        <v>131</v>
      </c>
      <c r="D64" s="9">
        <v>267</v>
      </c>
    </row>
    <row r="65" spans="1:4" ht="18" customHeight="1" x14ac:dyDescent="0.2">
      <c r="A65" s="8" t="s">
        <v>15</v>
      </c>
      <c r="B65" s="29">
        <v>701</v>
      </c>
      <c r="C65" s="10">
        <v>636</v>
      </c>
      <c r="D65" s="9">
        <v>1337</v>
      </c>
    </row>
    <row r="66" spans="1:4" ht="18" customHeight="1" x14ac:dyDescent="0.2">
      <c r="A66" s="16">
        <v>50</v>
      </c>
      <c r="B66" s="29">
        <v>129</v>
      </c>
      <c r="C66" s="10">
        <v>99</v>
      </c>
      <c r="D66" s="9">
        <v>228</v>
      </c>
    </row>
    <row r="67" spans="1:4" ht="18" customHeight="1" x14ac:dyDescent="0.2">
      <c r="A67" s="16">
        <v>51</v>
      </c>
      <c r="B67" s="29">
        <v>120</v>
      </c>
      <c r="C67" s="10">
        <v>134</v>
      </c>
      <c r="D67" s="9">
        <v>254</v>
      </c>
    </row>
    <row r="68" spans="1:4" ht="18" customHeight="1" x14ac:dyDescent="0.2">
      <c r="A68" s="16">
        <v>52</v>
      </c>
      <c r="B68" s="29">
        <v>124</v>
      </c>
      <c r="C68" s="10">
        <v>127</v>
      </c>
      <c r="D68" s="9">
        <v>251</v>
      </c>
    </row>
    <row r="69" spans="1:4" ht="18" customHeight="1" x14ac:dyDescent="0.2">
      <c r="A69" s="16">
        <v>53</v>
      </c>
      <c r="B69" s="29">
        <v>98</v>
      </c>
      <c r="C69" s="10">
        <v>107</v>
      </c>
      <c r="D69" s="9">
        <v>205</v>
      </c>
    </row>
    <row r="70" spans="1:4" ht="18" customHeight="1" x14ac:dyDescent="0.2">
      <c r="A70" s="16">
        <v>54</v>
      </c>
      <c r="B70" s="29">
        <v>100</v>
      </c>
      <c r="C70" s="10">
        <v>95</v>
      </c>
      <c r="D70" s="9">
        <v>195</v>
      </c>
    </row>
    <row r="71" spans="1:4" ht="18" customHeight="1" x14ac:dyDescent="0.2">
      <c r="A71" s="8" t="s">
        <v>14</v>
      </c>
      <c r="B71" s="29">
        <v>571</v>
      </c>
      <c r="C71" s="10">
        <v>562</v>
      </c>
      <c r="D71" s="9">
        <v>1133</v>
      </c>
    </row>
    <row r="72" spans="1:4" ht="18" customHeight="1" x14ac:dyDescent="0.2">
      <c r="A72" s="16">
        <v>55</v>
      </c>
      <c r="B72" s="29">
        <v>112</v>
      </c>
      <c r="C72" s="10">
        <v>114</v>
      </c>
      <c r="D72" s="9">
        <v>226</v>
      </c>
    </row>
    <row r="73" spans="1:4" ht="18" customHeight="1" x14ac:dyDescent="0.2">
      <c r="A73" s="16">
        <v>56</v>
      </c>
      <c r="B73" s="29">
        <v>110</v>
      </c>
      <c r="C73" s="10">
        <v>96</v>
      </c>
      <c r="D73" s="9">
        <v>206</v>
      </c>
    </row>
    <row r="74" spans="1:4" ht="18" customHeight="1" x14ac:dyDescent="0.2">
      <c r="A74" s="16">
        <v>57</v>
      </c>
      <c r="B74" s="29">
        <v>79</v>
      </c>
      <c r="C74" s="10">
        <v>100</v>
      </c>
      <c r="D74" s="9">
        <v>179</v>
      </c>
    </row>
    <row r="75" spans="1:4" ht="18" customHeight="1" x14ac:dyDescent="0.2">
      <c r="A75" s="16">
        <v>58</v>
      </c>
      <c r="B75" s="29">
        <v>102</v>
      </c>
      <c r="C75" s="10">
        <v>98</v>
      </c>
      <c r="D75" s="9">
        <v>200</v>
      </c>
    </row>
    <row r="76" spans="1:4" ht="18" customHeight="1" x14ac:dyDescent="0.2">
      <c r="A76" s="16">
        <v>59</v>
      </c>
      <c r="B76" s="29">
        <v>86</v>
      </c>
      <c r="C76" s="10">
        <v>99</v>
      </c>
      <c r="D76" s="9">
        <v>185</v>
      </c>
    </row>
    <row r="77" spans="1:4" ht="18" customHeight="1" x14ac:dyDescent="0.2">
      <c r="A77" s="8" t="s">
        <v>13</v>
      </c>
      <c r="B77" s="29">
        <v>489</v>
      </c>
      <c r="C77" s="10">
        <v>507</v>
      </c>
      <c r="D77" s="9">
        <v>996</v>
      </c>
    </row>
    <row r="78" spans="1:4" ht="18" customHeight="1" x14ac:dyDescent="0.2">
      <c r="A78" s="16">
        <v>60</v>
      </c>
      <c r="B78" s="29">
        <v>82</v>
      </c>
      <c r="C78" s="10">
        <v>80</v>
      </c>
      <c r="D78" s="9">
        <v>162</v>
      </c>
    </row>
    <row r="79" spans="1:4" ht="18" customHeight="1" x14ac:dyDescent="0.2">
      <c r="A79" s="16">
        <v>61</v>
      </c>
      <c r="B79" s="29">
        <v>76</v>
      </c>
      <c r="C79" s="10">
        <v>77</v>
      </c>
      <c r="D79" s="9">
        <v>153</v>
      </c>
    </row>
    <row r="80" spans="1:4" ht="18" customHeight="1" x14ac:dyDescent="0.2">
      <c r="A80" s="16">
        <v>62</v>
      </c>
      <c r="B80" s="29">
        <v>80</v>
      </c>
      <c r="C80" s="10">
        <v>94</v>
      </c>
      <c r="D80" s="9">
        <v>174</v>
      </c>
    </row>
    <row r="81" spans="1:4" ht="18" customHeight="1" x14ac:dyDescent="0.2">
      <c r="A81" s="16">
        <v>63</v>
      </c>
      <c r="B81" s="29">
        <v>69</v>
      </c>
      <c r="C81" s="10">
        <v>83</v>
      </c>
      <c r="D81" s="9">
        <v>152</v>
      </c>
    </row>
    <row r="82" spans="1:4" ht="18" customHeight="1" x14ac:dyDescent="0.2">
      <c r="A82" s="16">
        <v>64</v>
      </c>
      <c r="B82" s="29">
        <v>84</v>
      </c>
      <c r="C82" s="10">
        <v>84</v>
      </c>
      <c r="D82" s="9">
        <v>168</v>
      </c>
    </row>
    <row r="83" spans="1:4" ht="18" customHeight="1" x14ac:dyDescent="0.2">
      <c r="A83" s="8" t="s">
        <v>12</v>
      </c>
      <c r="B83" s="29">
        <v>391</v>
      </c>
      <c r="C83" s="10">
        <v>418</v>
      </c>
      <c r="D83" s="9">
        <v>809</v>
      </c>
    </row>
    <row r="84" spans="1:4" ht="18" customHeight="1" x14ac:dyDescent="0.2">
      <c r="A84" s="8" t="s">
        <v>11</v>
      </c>
      <c r="B84" s="29">
        <v>4603</v>
      </c>
      <c r="C84" s="10">
        <v>4623</v>
      </c>
      <c r="D84" s="9">
        <v>9226</v>
      </c>
    </row>
    <row r="85" spans="1:4" ht="18" customHeight="1" x14ac:dyDescent="0.2">
      <c r="A85" s="16">
        <v>65</v>
      </c>
      <c r="B85" s="29">
        <v>64</v>
      </c>
      <c r="C85" s="10">
        <v>75</v>
      </c>
      <c r="D85" s="9">
        <v>139</v>
      </c>
    </row>
    <row r="86" spans="1:4" ht="18" customHeight="1" x14ac:dyDescent="0.2">
      <c r="A86" s="16">
        <v>66</v>
      </c>
      <c r="B86" s="29">
        <v>67</v>
      </c>
      <c r="C86" s="10">
        <v>71</v>
      </c>
      <c r="D86" s="9">
        <v>138</v>
      </c>
    </row>
    <row r="87" spans="1:4" ht="18" customHeight="1" x14ac:dyDescent="0.2">
      <c r="A87" s="16">
        <v>67</v>
      </c>
      <c r="B87" s="29">
        <v>82</v>
      </c>
      <c r="C87" s="10">
        <v>73</v>
      </c>
      <c r="D87" s="9">
        <v>155</v>
      </c>
    </row>
    <row r="88" spans="1:4" ht="18" customHeight="1" x14ac:dyDescent="0.2">
      <c r="A88" s="16">
        <v>68</v>
      </c>
      <c r="B88" s="29">
        <v>72</v>
      </c>
      <c r="C88" s="10">
        <v>91</v>
      </c>
      <c r="D88" s="9">
        <v>163</v>
      </c>
    </row>
    <row r="89" spans="1:4" ht="18" customHeight="1" x14ac:dyDescent="0.2">
      <c r="A89" s="16">
        <v>69</v>
      </c>
      <c r="B89" s="29">
        <v>89</v>
      </c>
      <c r="C89" s="10">
        <v>78</v>
      </c>
      <c r="D89" s="9">
        <v>167</v>
      </c>
    </row>
    <row r="90" spans="1:4" ht="18" customHeight="1" x14ac:dyDescent="0.2">
      <c r="A90" s="8" t="s">
        <v>10</v>
      </c>
      <c r="B90" s="29">
        <v>374</v>
      </c>
      <c r="C90" s="10">
        <v>388</v>
      </c>
      <c r="D90" s="9">
        <v>762</v>
      </c>
    </row>
    <row r="91" spans="1:4" ht="18" customHeight="1" x14ac:dyDescent="0.2">
      <c r="A91" s="16">
        <v>70</v>
      </c>
      <c r="B91" s="29">
        <v>82</v>
      </c>
      <c r="C91" s="10">
        <v>91</v>
      </c>
      <c r="D91" s="9">
        <v>173</v>
      </c>
    </row>
    <row r="92" spans="1:4" ht="18" customHeight="1" x14ac:dyDescent="0.2">
      <c r="A92" s="16">
        <v>71</v>
      </c>
      <c r="B92" s="29">
        <v>85</v>
      </c>
      <c r="C92" s="10">
        <v>86</v>
      </c>
      <c r="D92" s="9">
        <v>171</v>
      </c>
    </row>
    <row r="93" spans="1:4" ht="18" customHeight="1" x14ac:dyDescent="0.2">
      <c r="A93" s="16">
        <v>72</v>
      </c>
      <c r="B93" s="29">
        <v>71</v>
      </c>
      <c r="C93" s="10">
        <v>106</v>
      </c>
      <c r="D93" s="9">
        <v>177</v>
      </c>
    </row>
    <row r="94" spans="1:4" ht="18" customHeight="1" x14ac:dyDescent="0.2">
      <c r="A94" s="16">
        <v>73</v>
      </c>
      <c r="B94" s="29">
        <v>89</v>
      </c>
      <c r="C94" s="10">
        <v>105</v>
      </c>
      <c r="D94" s="9">
        <v>194</v>
      </c>
    </row>
    <row r="95" spans="1:4" ht="18" customHeight="1" x14ac:dyDescent="0.2">
      <c r="A95" s="16">
        <v>74</v>
      </c>
      <c r="B95" s="29">
        <v>98</v>
      </c>
      <c r="C95" s="10">
        <v>126</v>
      </c>
      <c r="D95" s="9">
        <v>224</v>
      </c>
    </row>
    <row r="96" spans="1:4" ht="18" customHeight="1" x14ac:dyDescent="0.2">
      <c r="A96" s="8" t="s">
        <v>9</v>
      </c>
      <c r="B96" s="29">
        <v>425</v>
      </c>
      <c r="C96" s="10">
        <v>514</v>
      </c>
      <c r="D96" s="9">
        <v>939</v>
      </c>
    </row>
    <row r="97" spans="1:4" ht="18" customHeight="1" x14ac:dyDescent="0.2">
      <c r="A97" s="16">
        <v>75</v>
      </c>
      <c r="B97" s="29">
        <v>91</v>
      </c>
      <c r="C97" s="10">
        <v>99</v>
      </c>
      <c r="D97" s="9">
        <v>190</v>
      </c>
    </row>
    <row r="98" spans="1:4" ht="18" customHeight="1" x14ac:dyDescent="0.2">
      <c r="A98" s="16">
        <v>76</v>
      </c>
      <c r="B98" s="29">
        <v>94</v>
      </c>
      <c r="C98" s="10">
        <v>112</v>
      </c>
      <c r="D98" s="9">
        <v>206</v>
      </c>
    </row>
    <row r="99" spans="1:4" ht="18" customHeight="1" x14ac:dyDescent="0.2">
      <c r="A99" s="16">
        <v>77</v>
      </c>
      <c r="B99" s="29">
        <v>56</v>
      </c>
      <c r="C99" s="10">
        <v>60</v>
      </c>
      <c r="D99" s="9">
        <v>116</v>
      </c>
    </row>
    <row r="100" spans="1:4" ht="18" customHeight="1" x14ac:dyDescent="0.2">
      <c r="A100" s="16">
        <v>78</v>
      </c>
      <c r="B100" s="29">
        <v>60</v>
      </c>
      <c r="C100" s="10">
        <v>81</v>
      </c>
      <c r="D100" s="9">
        <v>141</v>
      </c>
    </row>
    <row r="101" spans="1:4" ht="18" customHeight="1" x14ac:dyDescent="0.2">
      <c r="A101" s="16">
        <v>79</v>
      </c>
      <c r="B101" s="29">
        <v>70</v>
      </c>
      <c r="C101" s="10">
        <v>97</v>
      </c>
      <c r="D101" s="9">
        <v>167</v>
      </c>
    </row>
    <row r="102" spans="1:4" ht="18" customHeight="1" x14ac:dyDescent="0.2">
      <c r="A102" s="8" t="s">
        <v>8</v>
      </c>
      <c r="B102" s="29">
        <v>371</v>
      </c>
      <c r="C102" s="10">
        <v>449</v>
      </c>
      <c r="D102" s="9">
        <v>820</v>
      </c>
    </row>
    <row r="103" spans="1:4" ht="18" customHeight="1" x14ac:dyDescent="0.2">
      <c r="A103" s="16">
        <v>80</v>
      </c>
      <c r="B103" s="29">
        <v>61</v>
      </c>
      <c r="C103" s="10">
        <v>84</v>
      </c>
      <c r="D103" s="9">
        <v>145</v>
      </c>
    </row>
    <row r="104" spans="1:4" ht="18" customHeight="1" x14ac:dyDescent="0.2">
      <c r="A104" s="16">
        <v>81</v>
      </c>
      <c r="B104" s="29">
        <v>73</v>
      </c>
      <c r="C104" s="10">
        <v>91</v>
      </c>
      <c r="D104" s="9">
        <v>164</v>
      </c>
    </row>
    <row r="105" spans="1:4" ht="18" customHeight="1" x14ac:dyDescent="0.2">
      <c r="A105" s="16">
        <v>82</v>
      </c>
      <c r="B105" s="29">
        <v>57</v>
      </c>
      <c r="C105" s="10">
        <v>85</v>
      </c>
      <c r="D105" s="9">
        <v>142</v>
      </c>
    </row>
    <row r="106" spans="1:4" ht="18" customHeight="1" x14ac:dyDescent="0.2">
      <c r="A106" s="16">
        <v>83</v>
      </c>
      <c r="B106" s="29">
        <v>48</v>
      </c>
      <c r="C106" s="10">
        <v>49</v>
      </c>
      <c r="D106" s="9">
        <v>97</v>
      </c>
    </row>
    <row r="107" spans="1:4" ht="18" customHeight="1" x14ac:dyDescent="0.2">
      <c r="A107" s="16">
        <v>84</v>
      </c>
      <c r="B107" s="29">
        <v>38</v>
      </c>
      <c r="C107" s="10">
        <v>47</v>
      </c>
      <c r="D107" s="9">
        <v>85</v>
      </c>
    </row>
    <row r="108" spans="1:4" ht="18" customHeight="1" x14ac:dyDescent="0.2">
      <c r="A108" s="8" t="s">
        <v>7</v>
      </c>
      <c r="B108" s="29">
        <v>277</v>
      </c>
      <c r="C108" s="10">
        <v>356</v>
      </c>
      <c r="D108" s="9">
        <v>633</v>
      </c>
    </row>
    <row r="109" spans="1:4" ht="18" customHeight="1" x14ac:dyDescent="0.2">
      <c r="A109" s="16">
        <v>85</v>
      </c>
      <c r="B109" s="29">
        <v>39</v>
      </c>
      <c r="C109" s="10">
        <v>56</v>
      </c>
      <c r="D109" s="9">
        <v>95</v>
      </c>
    </row>
    <row r="110" spans="1:4" ht="18" customHeight="1" x14ac:dyDescent="0.2">
      <c r="A110" s="16">
        <v>86</v>
      </c>
      <c r="B110" s="29">
        <v>34</v>
      </c>
      <c r="C110" s="10">
        <v>61</v>
      </c>
      <c r="D110" s="9">
        <v>95</v>
      </c>
    </row>
    <row r="111" spans="1:4" ht="18" customHeight="1" x14ac:dyDescent="0.2">
      <c r="A111" s="16">
        <v>87</v>
      </c>
      <c r="B111" s="29">
        <v>32</v>
      </c>
      <c r="C111" s="10">
        <v>62</v>
      </c>
      <c r="D111" s="9">
        <v>94</v>
      </c>
    </row>
    <row r="112" spans="1:4" ht="18" customHeight="1" x14ac:dyDescent="0.2">
      <c r="A112" s="16">
        <v>88</v>
      </c>
      <c r="B112" s="29">
        <v>32</v>
      </c>
      <c r="C112" s="10">
        <v>50</v>
      </c>
      <c r="D112" s="9">
        <v>82</v>
      </c>
    </row>
    <row r="113" spans="1:4" ht="18" customHeight="1" x14ac:dyDescent="0.2">
      <c r="A113" s="16">
        <v>89</v>
      </c>
      <c r="B113" s="29">
        <v>17</v>
      </c>
      <c r="C113" s="10">
        <v>43</v>
      </c>
      <c r="D113" s="9">
        <v>60</v>
      </c>
    </row>
    <row r="114" spans="1:4" ht="18" customHeight="1" x14ac:dyDescent="0.2">
      <c r="A114" s="8" t="s">
        <v>6</v>
      </c>
      <c r="B114" s="29">
        <v>154</v>
      </c>
      <c r="C114" s="10">
        <v>272</v>
      </c>
      <c r="D114" s="9">
        <v>426</v>
      </c>
    </row>
    <row r="115" spans="1:4" ht="18" customHeight="1" x14ac:dyDescent="0.2">
      <c r="A115" s="16">
        <v>90</v>
      </c>
      <c r="B115" s="29">
        <v>20</v>
      </c>
      <c r="C115" s="10">
        <v>52</v>
      </c>
      <c r="D115" s="9">
        <v>72</v>
      </c>
    </row>
    <row r="116" spans="1:4" ht="18" customHeight="1" x14ac:dyDescent="0.2">
      <c r="A116" s="16">
        <v>91</v>
      </c>
      <c r="B116" s="29">
        <v>12</v>
      </c>
      <c r="C116" s="10">
        <v>33</v>
      </c>
      <c r="D116" s="9">
        <v>45</v>
      </c>
    </row>
    <row r="117" spans="1:4" ht="18" customHeight="1" x14ac:dyDescent="0.2">
      <c r="A117" s="16">
        <v>92</v>
      </c>
      <c r="B117" s="29">
        <v>15</v>
      </c>
      <c r="C117" s="10">
        <v>38</v>
      </c>
      <c r="D117" s="9">
        <v>53</v>
      </c>
    </row>
    <row r="118" spans="1:4" ht="18" customHeight="1" x14ac:dyDescent="0.2">
      <c r="A118" s="16">
        <v>93</v>
      </c>
      <c r="B118" s="29">
        <v>12</v>
      </c>
      <c r="C118" s="10">
        <v>21</v>
      </c>
      <c r="D118" s="9">
        <v>33</v>
      </c>
    </row>
    <row r="119" spans="1:4" ht="18" customHeight="1" x14ac:dyDescent="0.2">
      <c r="A119" s="16">
        <v>94</v>
      </c>
      <c r="B119" s="29">
        <v>5</v>
      </c>
      <c r="C119" s="10">
        <v>13</v>
      </c>
      <c r="D119" s="9">
        <v>18</v>
      </c>
    </row>
    <row r="120" spans="1:4" ht="18" customHeight="1" x14ac:dyDescent="0.2">
      <c r="A120" s="8" t="s">
        <v>5</v>
      </c>
      <c r="B120" s="29">
        <v>64</v>
      </c>
      <c r="C120" s="10">
        <v>157</v>
      </c>
      <c r="D120" s="9">
        <v>221</v>
      </c>
    </row>
    <row r="121" spans="1:4" ht="18" customHeight="1" x14ac:dyDescent="0.2">
      <c r="A121" s="16">
        <v>95</v>
      </c>
      <c r="B121" s="29">
        <v>4</v>
      </c>
      <c r="C121" s="10">
        <v>17</v>
      </c>
      <c r="D121" s="9">
        <v>21</v>
      </c>
    </row>
    <row r="122" spans="1:4" ht="18" customHeight="1" x14ac:dyDescent="0.2">
      <c r="A122" s="16">
        <v>96</v>
      </c>
      <c r="B122" s="29">
        <v>3</v>
      </c>
      <c r="C122" s="10">
        <v>9</v>
      </c>
      <c r="D122" s="9">
        <v>12</v>
      </c>
    </row>
    <row r="123" spans="1:4" ht="18" customHeight="1" x14ac:dyDescent="0.2">
      <c r="A123" s="16">
        <v>97</v>
      </c>
      <c r="B123" s="29">
        <v>2</v>
      </c>
      <c r="C123" s="10">
        <v>11</v>
      </c>
      <c r="D123" s="9">
        <v>13</v>
      </c>
    </row>
    <row r="124" spans="1:4" ht="18" customHeight="1" x14ac:dyDescent="0.2">
      <c r="A124" s="16">
        <v>98</v>
      </c>
      <c r="B124" s="29">
        <v>3</v>
      </c>
      <c r="C124" s="10">
        <v>3</v>
      </c>
      <c r="D124" s="9">
        <v>6</v>
      </c>
    </row>
    <row r="125" spans="1:4" ht="18" customHeight="1" x14ac:dyDescent="0.2">
      <c r="A125" s="16">
        <v>99</v>
      </c>
      <c r="B125" s="29">
        <v>1</v>
      </c>
      <c r="C125" s="10">
        <v>6</v>
      </c>
      <c r="D125" s="9">
        <v>7</v>
      </c>
    </row>
    <row r="126" spans="1:4" ht="18" customHeight="1" x14ac:dyDescent="0.2">
      <c r="A126" s="8" t="s">
        <v>4</v>
      </c>
      <c r="B126" s="29">
        <v>13</v>
      </c>
      <c r="C126" s="10">
        <v>46</v>
      </c>
      <c r="D126" s="9">
        <v>59</v>
      </c>
    </row>
    <row r="127" spans="1:4" ht="18" customHeight="1" x14ac:dyDescent="0.2">
      <c r="A127" s="16">
        <v>100</v>
      </c>
      <c r="B127" s="29">
        <v>1</v>
      </c>
      <c r="C127" s="10">
        <v>2</v>
      </c>
      <c r="D127" s="9">
        <v>3</v>
      </c>
    </row>
    <row r="128" spans="1:4" ht="18" customHeight="1" x14ac:dyDescent="0.2">
      <c r="A128" s="15" t="s">
        <v>3</v>
      </c>
      <c r="B128" s="29">
        <v>3</v>
      </c>
      <c r="C128" s="10">
        <v>3</v>
      </c>
      <c r="D128" s="9">
        <v>6</v>
      </c>
    </row>
    <row r="129" spans="1:4" ht="18" customHeight="1" x14ac:dyDescent="0.2">
      <c r="A129" s="8" t="s">
        <v>2</v>
      </c>
      <c r="B129" s="29">
        <v>4</v>
      </c>
      <c r="C129" s="10">
        <v>5</v>
      </c>
      <c r="D129" s="9">
        <v>9</v>
      </c>
    </row>
    <row r="130" spans="1:4" ht="18" customHeight="1" x14ac:dyDescent="0.2">
      <c r="A130" s="8" t="s">
        <v>1</v>
      </c>
      <c r="B130" s="28">
        <v>1682</v>
      </c>
      <c r="C130" s="6">
        <v>2187</v>
      </c>
      <c r="D130" s="5">
        <v>3869</v>
      </c>
    </row>
    <row r="131" spans="1:4" ht="18" customHeight="1" x14ac:dyDescent="0.2">
      <c r="A131" s="4" t="s">
        <v>0</v>
      </c>
      <c r="B131" s="27">
        <v>7369</v>
      </c>
      <c r="C131" s="2">
        <v>7797</v>
      </c>
      <c r="D131" s="1">
        <v>1516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70FAE0C-AC98-456C-97AC-0109AD9BD6D1}">
  <sheetPr codeName="Sheet2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42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25</v>
      </c>
      <c r="C5" s="18">
        <v>19</v>
      </c>
      <c r="D5" s="17">
        <v>44</v>
      </c>
    </row>
    <row r="6" spans="1:4" ht="18" customHeight="1" x14ac:dyDescent="0.2">
      <c r="A6" s="16">
        <v>1</v>
      </c>
      <c r="B6" s="29">
        <v>20</v>
      </c>
      <c r="C6" s="10">
        <v>15</v>
      </c>
      <c r="D6" s="9">
        <v>35</v>
      </c>
    </row>
    <row r="7" spans="1:4" ht="18" customHeight="1" x14ac:dyDescent="0.2">
      <c r="A7" s="16">
        <v>2</v>
      </c>
      <c r="B7" s="29">
        <v>17</v>
      </c>
      <c r="C7" s="10">
        <v>19</v>
      </c>
      <c r="D7" s="9">
        <v>36</v>
      </c>
    </row>
    <row r="8" spans="1:4" ht="18" customHeight="1" x14ac:dyDescent="0.2">
      <c r="A8" s="16">
        <v>3</v>
      </c>
      <c r="B8" s="29">
        <v>27</v>
      </c>
      <c r="C8" s="10">
        <v>20</v>
      </c>
      <c r="D8" s="9">
        <v>47</v>
      </c>
    </row>
    <row r="9" spans="1:4" ht="18" customHeight="1" x14ac:dyDescent="0.2">
      <c r="A9" s="16">
        <v>4</v>
      </c>
      <c r="B9" s="29">
        <v>21</v>
      </c>
      <c r="C9" s="10">
        <v>24</v>
      </c>
      <c r="D9" s="9">
        <v>45</v>
      </c>
    </row>
    <row r="10" spans="1:4" ht="18" customHeight="1" x14ac:dyDescent="0.2">
      <c r="A10" s="8" t="s">
        <v>25</v>
      </c>
      <c r="B10" s="29">
        <v>110</v>
      </c>
      <c r="C10" s="10">
        <v>97</v>
      </c>
      <c r="D10" s="9">
        <v>207</v>
      </c>
    </row>
    <row r="11" spans="1:4" ht="18" customHeight="1" x14ac:dyDescent="0.2">
      <c r="A11" s="16">
        <v>5</v>
      </c>
      <c r="B11" s="29">
        <v>25</v>
      </c>
      <c r="C11" s="10">
        <v>28</v>
      </c>
      <c r="D11" s="9">
        <v>53</v>
      </c>
    </row>
    <row r="12" spans="1:4" ht="18" customHeight="1" x14ac:dyDescent="0.2">
      <c r="A12" s="16">
        <v>6</v>
      </c>
      <c r="B12" s="29">
        <v>27</v>
      </c>
      <c r="C12" s="10">
        <v>33</v>
      </c>
      <c r="D12" s="9">
        <v>60</v>
      </c>
    </row>
    <row r="13" spans="1:4" ht="18" customHeight="1" x14ac:dyDescent="0.2">
      <c r="A13" s="16">
        <v>7</v>
      </c>
      <c r="B13" s="29">
        <v>29</v>
      </c>
      <c r="C13" s="10">
        <v>29</v>
      </c>
      <c r="D13" s="9">
        <v>58</v>
      </c>
    </row>
    <row r="14" spans="1:4" ht="18" customHeight="1" x14ac:dyDescent="0.2">
      <c r="A14" s="16">
        <v>8</v>
      </c>
      <c r="B14" s="29">
        <v>30</v>
      </c>
      <c r="C14" s="10">
        <v>37</v>
      </c>
      <c r="D14" s="9">
        <v>67</v>
      </c>
    </row>
    <row r="15" spans="1:4" ht="18" customHeight="1" x14ac:dyDescent="0.2">
      <c r="A15" s="16">
        <v>9</v>
      </c>
      <c r="B15" s="29">
        <v>28</v>
      </c>
      <c r="C15" s="10">
        <v>31</v>
      </c>
      <c r="D15" s="9">
        <v>59</v>
      </c>
    </row>
    <row r="16" spans="1:4" ht="18" customHeight="1" x14ac:dyDescent="0.2">
      <c r="A16" s="8" t="s">
        <v>24</v>
      </c>
      <c r="B16" s="29">
        <v>139</v>
      </c>
      <c r="C16" s="10">
        <v>158</v>
      </c>
      <c r="D16" s="9">
        <v>297</v>
      </c>
    </row>
    <row r="17" spans="1:4" ht="18" customHeight="1" x14ac:dyDescent="0.2">
      <c r="A17" s="16">
        <v>10</v>
      </c>
      <c r="B17" s="29">
        <v>26</v>
      </c>
      <c r="C17" s="10">
        <v>28</v>
      </c>
      <c r="D17" s="9">
        <v>54</v>
      </c>
    </row>
    <row r="18" spans="1:4" ht="18" customHeight="1" x14ac:dyDescent="0.2">
      <c r="A18" s="16">
        <v>11</v>
      </c>
      <c r="B18" s="29">
        <v>21</v>
      </c>
      <c r="C18" s="10">
        <v>34</v>
      </c>
      <c r="D18" s="9">
        <v>55</v>
      </c>
    </row>
    <row r="19" spans="1:4" ht="18" customHeight="1" x14ac:dyDescent="0.2">
      <c r="A19" s="16">
        <v>12</v>
      </c>
      <c r="B19" s="29">
        <v>26</v>
      </c>
      <c r="C19" s="10">
        <v>30</v>
      </c>
      <c r="D19" s="9">
        <v>56</v>
      </c>
    </row>
    <row r="20" spans="1:4" ht="18" customHeight="1" x14ac:dyDescent="0.2">
      <c r="A20" s="16">
        <v>13</v>
      </c>
      <c r="B20" s="29">
        <v>27</v>
      </c>
      <c r="C20" s="10">
        <v>32</v>
      </c>
      <c r="D20" s="9">
        <v>59</v>
      </c>
    </row>
    <row r="21" spans="1:4" ht="18" customHeight="1" x14ac:dyDescent="0.2">
      <c r="A21" s="16">
        <v>14</v>
      </c>
      <c r="B21" s="29">
        <v>25</v>
      </c>
      <c r="C21" s="10">
        <v>25</v>
      </c>
      <c r="D21" s="9">
        <v>50</v>
      </c>
    </row>
    <row r="22" spans="1:4" ht="18" customHeight="1" x14ac:dyDescent="0.2">
      <c r="A22" s="8" t="s">
        <v>23</v>
      </c>
      <c r="B22" s="29">
        <v>125</v>
      </c>
      <c r="C22" s="10">
        <v>149</v>
      </c>
      <c r="D22" s="9">
        <v>274</v>
      </c>
    </row>
    <row r="23" spans="1:4" ht="18" customHeight="1" x14ac:dyDescent="0.2">
      <c r="A23" s="8" t="s">
        <v>22</v>
      </c>
      <c r="B23" s="29">
        <v>374</v>
      </c>
      <c r="C23" s="10">
        <v>404</v>
      </c>
      <c r="D23" s="9">
        <v>778</v>
      </c>
    </row>
    <row r="24" spans="1:4" ht="18" customHeight="1" x14ac:dyDescent="0.2">
      <c r="A24" s="16">
        <v>15</v>
      </c>
      <c r="B24" s="29">
        <v>28</v>
      </c>
      <c r="C24" s="10">
        <v>21</v>
      </c>
      <c r="D24" s="9">
        <v>49</v>
      </c>
    </row>
    <row r="25" spans="1:4" ht="18" customHeight="1" x14ac:dyDescent="0.2">
      <c r="A25" s="16">
        <v>16</v>
      </c>
      <c r="B25" s="29">
        <v>31</v>
      </c>
      <c r="C25" s="10">
        <v>34</v>
      </c>
      <c r="D25" s="9">
        <v>65</v>
      </c>
    </row>
    <row r="26" spans="1:4" ht="18" customHeight="1" x14ac:dyDescent="0.2">
      <c r="A26" s="16">
        <v>17</v>
      </c>
      <c r="B26" s="29">
        <v>44</v>
      </c>
      <c r="C26" s="10">
        <v>28</v>
      </c>
      <c r="D26" s="9">
        <v>72</v>
      </c>
    </row>
    <row r="27" spans="1:4" ht="18" customHeight="1" x14ac:dyDescent="0.2">
      <c r="A27" s="16">
        <v>18</v>
      </c>
      <c r="B27" s="29">
        <v>21</v>
      </c>
      <c r="C27" s="10">
        <v>28</v>
      </c>
      <c r="D27" s="9">
        <v>49</v>
      </c>
    </row>
    <row r="28" spans="1:4" ht="18" customHeight="1" x14ac:dyDescent="0.2">
      <c r="A28" s="16">
        <v>19</v>
      </c>
      <c r="B28" s="29">
        <v>32</v>
      </c>
      <c r="C28" s="10">
        <v>41</v>
      </c>
      <c r="D28" s="9">
        <v>73</v>
      </c>
    </row>
    <row r="29" spans="1:4" ht="18" customHeight="1" x14ac:dyDescent="0.2">
      <c r="A29" s="8" t="s">
        <v>21</v>
      </c>
      <c r="B29" s="29">
        <v>156</v>
      </c>
      <c r="C29" s="10">
        <v>152</v>
      </c>
      <c r="D29" s="9">
        <v>308</v>
      </c>
    </row>
    <row r="30" spans="1:4" ht="18" customHeight="1" x14ac:dyDescent="0.2">
      <c r="A30" s="16">
        <v>20</v>
      </c>
      <c r="B30" s="29">
        <v>27</v>
      </c>
      <c r="C30" s="10">
        <v>43</v>
      </c>
      <c r="D30" s="9">
        <v>70</v>
      </c>
    </row>
    <row r="31" spans="1:4" ht="18" customHeight="1" x14ac:dyDescent="0.2">
      <c r="A31" s="16">
        <v>21</v>
      </c>
      <c r="B31" s="29">
        <v>22</v>
      </c>
      <c r="C31" s="10">
        <v>37</v>
      </c>
      <c r="D31" s="9">
        <v>59</v>
      </c>
    </row>
    <row r="32" spans="1:4" ht="18" customHeight="1" x14ac:dyDescent="0.2">
      <c r="A32" s="16">
        <v>22</v>
      </c>
      <c r="B32" s="29">
        <v>32</v>
      </c>
      <c r="C32" s="10">
        <v>37</v>
      </c>
      <c r="D32" s="9">
        <v>69</v>
      </c>
    </row>
    <row r="33" spans="1:4" ht="18" customHeight="1" x14ac:dyDescent="0.2">
      <c r="A33" s="16">
        <v>23</v>
      </c>
      <c r="B33" s="29">
        <v>53</v>
      </c>
      <c r="C33" s="10">
        <v>33</v>
      </c>
      <c r="D33" s="9">
        <v>86</v>
      </c>
    </row>
    <row r="34" spans="1:4" ht="18" customHeight="1" x14ac:dyDescent="0.2">
      <c r="A34" s="16">
        <v>24</v>
      </c>
      <c r="B34" s="29">
        <v>68</v>
      </c>
      <c r="C34" s="10">
        <v>32</v>
      </c>
      <c r="D34" s="9">
        <v>100</v>
      </c>
    </row>
    <row r="35" spans="1:4" ht="18" customHeight="1" x14ac:dyDescent="0.2">
      <c r="A35" s="8" t="s">
        <v>20</v>
      </c>
      <c r="B35" s="29">
        <v>202</v>
      </c>
      <c r="C35" s="10">
        <v>182</v>
      </c>
      <c r="D35" s="9">
        <v>384</v>
      </c>
    </row>
    <row r="36" spans="1:4" ht="18" customHeight="1" x14ac:dyDescent="0.2">
      <c r="A36" s="16">
        <v>25</v>
      </c>
      <c r="B36" s="29">
        <v>95</v>
      </c>
      <c r="C36" s="10">
        <v>24</v>
      </c>
      <c r="D36" s="9">
        <v>119</v>
      </c>
    </row>
    <row r="37" spans="1:4" ht="18" customHeight="1" x14ac:dyDescent="0.2">
      <c r="A37" s="16">
        <v>26</v>
      </c>
      <c r="B37" s="29">
        <v>75</v>
      </c>
      <c r="C37" s="10">
        <v>39</v>
      </c>
      <c r="D37" s="9">
        <v>114</v>
      </c>
    </row>
    <row r="38" spans="1:4" ht="18" customHeight="1" x14ac:dyDescent="0.2">
      <c r="A38" s="16">
        <v>27</v>
      </c>
      <c r="B38" s="29">
        <v>62</v>
      </c>
      <c r="C38" s="10">
        <v>30</v>
      </c>
      <c r="D38" s="9">
        <v>92</v>
      </c>
    </row>
    <row r="39" spans="1:4" ht="18" customHeight="1" x14ac:dyDescent="0.2">
      <c r="A39" s="16">
        <v>28</v>
      </c>
      <c r="B39" s="29">
        <v>45</v>
      </c>
      <c r="C39" s="10">
        <v>39</v>
      </c>
      <c r="D39" s="9">
        <v>84</v>
      </c>
    </row>
    <row r="40" spans="1:4" ht="18" customHeight="1" x14ac:dyDescent="0.2">
      <c r="A40" s="16">
        <v>29</v>
      </c>
      <c r="B40" s="29">
        <v>53</v>
      </c>
      <c r="C40" s="10">
        <v>33</v>
      </c>
      <c r="D40" s="9">
        <v>86</v>
      </c>
    </row>
    <row r="41" spans="1:4" ht="18" customHeight="1" x14ac:dyDescent="0.2">
      <c r="A41" s="8" t="s">
        <v>19</v>
      </c>
      <c r="B41" s="29">
        <v>330</v>
      </c>
      <c r="C41" s="10">
        <v>165</v>
      </c>
      <c r="D41" s="9">
        <v>495</v>
      </c>
    </row>
    <row r="42" spans="1:4" ht="18" customHeight="1" x14ac:dyDescent="0.2">
      <c r="A42" s="16">
        <v>30</v>
      </c>
      <c r="B42" s="29">
        <v>52</v>
      </c>
      <c r="C42" s="10">
        <v>26</v>
      </c>
      <c r="D42" s="9">
        <v>78</v>
      </c>
    </row>
    <row r="43" spans="1:4" ht="18" customHeight="1" x14ac:dyDescent="0.2">
      <c r="A43" s="16">
        <v>31</v>
      </c>
      <c r="B43" s="29">
        <v>37</v>
      </c>
      <c r="C43" s="10">
        <v>23</v>
      </c>
      <c r="D43" s="9">
        <v>60</v>
      </c>
    </row>
    <row r="44" spans="1:4" ht="18" customHeight="1" x14ac:dyDescent="0.2">
      <c r="A44" s="16">
        <v>32</v>
      </c>
      <c r="B44" s="29">
        <v>37</v>
      </c>
      <c r="C44" s="10">
        <v>26</v>
      </c>
      <c r="D44" s="9">
        <v>63</v>
      </c>
    </row>
    <row r="45" spans="1:4" ht="18" customHeight="1" x14ac:dyDescent="0.2">
      <c r="A45" s="16">
        <v>33</v>
      </c>
      <c r="B45" s="29">
        <v>36</v>
      </c>
      <c r="C45" s="10">
        <v>37</v>
      </c>
      <c r="D45" s="9">
        <v>73</v>
      </c>
    </row>
    <row r="46" spans="1:4" ht="18" customHeight="1" x14ac:dyDescent="0.2">
      <c r="A46" s="16">
        <v>34</v>
      </c>
      <c r="B46" s="29">
        <v>43</v>
      </c>
      <c r="C46" s="10">
        <v>45</v>
      </c>
      <c r="D46" s="9">
        <v>88</v>
      </c>
    </row>
    <row r="47" spans="1:4" ht="18" customHeight="1" x14ac:dyDescent="0.2">
      <c r="A47" s="8" t="s">
        <v>18</v>
      </c>
      <c r="B47" s="29">
        <v>205</v>
      </c>
      <c r="C47" s="10">
        <v>157</v>
      </c>
      <c r="D47" s="9">
        <v>362</v>
      </c>
    </row>
    <row r="48" spans="1:4" ht="18" customHeight="1" x14ac:dyDescent="0.2">
      <c r="A48" s="16">
        <v>35</v>
      </c>
      <c r="B48" s="29">
        <v>43</v>
      </c>
      <c r="C48" s="10">
        <v>32</v>
      </c>
      <c r="D48" s="9">
        <v>75</v>
      </c>
    </row>
    <row r="49" spans="1:4" ht="18" customHeight="1" x14ac:dyDescent="0.2">
      <c r="A49" s="16">
        <v>36</v>
      </c>
      <c r="B49" s="29">
        <v>50</v>
      </c>
      <c r="C49" s="10">
        <v>45</v>
      </c>
      <c r="D49" s="9">
        <v>95</v>
      </c>
    </row>
    <row r="50" spans="1:4" ht="18" customHeight="1" x14ac:dyDescent="0.2">
      <c r="A50" s="16">
        <v>37</v>
      </c>
      <c r="B50" s="29">
        <v>40</v>
      </c>
      <c r="C50" s="10">
        <v>46</v>
      </c>
      <c r="D50" s="9">
        <v>86</v>
      </c>
    </row>
    <row r="51" spans="1:4" ht="18" customHeight="1" x14ac:dyDescent="0.2">
      <c r="A51" s="16">
        <v>38</v>
      </c>
      <c r="B51" s="29">
        <v>41</v>
      </c>
      <c r="C51" s="10">
        <v>48</v>
      </c>
      <c r="D51" s="9">
        <v>89</v>
      </c>
    </row>
    <row r="52" spans="1:4" ht="18" customHeight="1" x14ac:dyDescent="0.2">
      <c r="A52" s="16">
        <v>39</v>
      </c>
      <c r="B52" s="29">
        <v>52</v>
      </c>
      <c r="C52" s="10">
        <v>46</v>
      </c>
      <c r="D52" s="9">
        <v>98</v>
      </c>
    </row>
    <row r="53" spans="1:4" ht="18" customHeight="1" x14ac:dyDescent="0.2">
      <c r="A53" s="8" t="s">
        <v>17</v>
      </c>
      <c r="B53" s="29">
        <v>226</v>
      </c>
      <c r="C53" s="10">
        <v>217</v>
      </c>
      <c r="D53" s="9">
        <v>443</v>
      </c>
    </row>
    <row r="54" spans="1:4" ht="18" customHeight="1" x14ac:dyDescent="0.2">
      <c r="A54" s="16">
        <v>40</v>
      </c>
      <c r="B54" s="29">
        <v>52</v>
      </c>
      <c r="C54" s="10">
        <v>30</v>
      </c>
      <c r="D54" s="9">
        <v>82</v>
      </c>
    </row>
    <row r="55" spans="1:4" ht="18" customHeight="1" x14ac:dyDescent="0.2">
      <c r="A55" s="16">
        <v>41</v>
      </c>
      <c r="B55" s="29">
        <v>37</v>
      </c>
      <c r="C55" s="10">
        <v>49</v>
      </c>
      <c r="D55" s="9">
        <v>86</v>
      </c>
    </row>
    <row r="56" spans="1:4" ht="18" customHeight="1" x14ac:dyDescent="0.2">
      <c r="A56" s="16">
        <v>42</v>
      </c>
      <c r="B56" s="29">
        <v>36</v>
      </c>
      <c r="C56" s="10">
        <v>49</v>
      </c>
      <c r="D56" s="9">
        <v>85</v>
      </c>
    </row>
    <row r="57" spans="1:4" ht="18" customHeight="1" x14ac:dyDescent="0.2">
      <c r="A57" s="16">
        <v>43</v>
      </c>
      <c r="B57" s="29">
        <v>45</v>
      </c>
      <c r="C57" s="10">
        <v>50</v>
      </c>
      <c r="D57" s="9">
        <v>95</v>
      </c>
    </row>
    <row r="58" spans="1:4" ht="18" customHeight="1" x14ac:dyDescent="0.2">
      <c r="A58" s="16">
        <v>44</v>
      </c>
      <c r="B58" s="29">
        <v>37</v>
      </c>
      <c r="C58" s="10">
        <v>56</v>
      </c>
      <c r="D58" s="9">
        <v>93</v>
      </c>
    </row>
    <row r="59" spans="1:4" ht="18" customHeight="1" x14ac:dyDescent="0.2">
      <c r="A59" s="8" t="s">
        <v>16</v>
      </c>
      <c r="B59" s="29">
        <v>207</v>
      </c>
      <c r="C59" s="10">
        <v>234</v>
      </c>
      <c r="D59" s="9">
        <v>441</v>
      </c>
    </row>
    <row r="60" spans="1:4" ht="18" customHeight="1" x14ac:dyDescent="0.2">
      <c r="A60" s="16">
        <v>45</v>
      </c>
      <c r="B60" s="29">
        <v>52</v>
      </c>
      <c r="C60" s="10">
        <v>42</v>
      </c>
      <c r="D60" s="9">
        <v>94</v>
      </c>
    </row>
    <row r="61" spans="1:4" ht="18" customHeight="1" x14ac:dyDescent="0.2">
      <c r="A61" s="16">
        <v>46</v>
      </c>
      <c r="B61" s="29">
        <v>50</v>
      </c>
      <c r="C61" s="10">
        <v>39</v>
      </c>
      <c r="D61" s="9">
        <v>89</v>
      </c>
    </row>
    <row r="62" spans="1:4" ht="18" customHeight="1" x14ac:dyDescent="0.2">
      <c r="A62" s="16">
        <v>47</v>
      </c>
      <c r="B62" s="29">
        <v>47</v>
      </c>
      <c r="C62" s="10">
        <v>48</v>
      </c>
      <c r="D62" s="9">
        <v>95</v>
      </c>
    </row>
    <row r="63" spans="1:4" ht="18" customHeight="1" x14ac:dyDescent="0.2">
      <c r="A63" s="16">
        <v>48</v>
      </c>
      <c r="B63" s="29">
        <v>64</v>
      </c>
      <c r="C63" s="10">
        <v>63</v>
      </c>
      <c r="D63" s="9">
        <v>127</v>
      </c>
    </row>
    <row r="64" spans="1:4" ht="18" customHeight="1" x14ac:dyDescent="0.2">
      <c r="A64" s="16">
        <v>49</v>
      </c>
      <c r="B64" s="29">
        <v>62</v>
      </c>
      <c r="C64" s="10">
        <v>72</v>
      </c>
      <c r="D64" s="9">
        <v>134</v>
      </c>
    </row>
    <row r="65" spans="1:4" ht="18" customHeight="1" x14ac:dyDescent="0.2">
      <c r="A65" s="8" t="s">
        <v>15</v>
      </c>
      <c r="B65" s="29">
        <v>275</v>
      </c>
      <c r="C65" s="10">
        <v>264</v>
      </c>
      <c r="D65" s="9">
        <v>539</v>
      </c>
    </row>
    <row r="66" spans="1:4" ht="18" customHeight="1" x14ac:dyDescent="0.2">
      <c r="A66" s="16">
        <v>50</v>
      </c>
      <c r="B66" s="29">
        <v>79</v>
      </c>
      <c r="C66" s="10">
        <v>67</v>
      </c>
      <c r="D66" s="9">
        <v>146</v>
      </c>
    </row>
    <row r="67" spans="1:4" ht="18" customHeight="1" x14ac:dyDescent="0.2">
      <c r="A67" s="16">
        <v>51</v>
      </c>
      <c r="B67" s="29">
        <v>54</v>
      </c>
      <c r="C67" s="10">
        <v>57</v>
      </c>
      <c r="D67" s="9">
        <v>111</v>
      </c>
    </row>
    <row r="68" spans="1:4" ht="18" customHeight="1" x14ac:dyDescent="0.2">
      <c r="A68" s="16">
        <v>52</v>
      </c>
      <c r="B68" s="29">
        <v>75</v>
      </c>
      <c r="C68" s="10">
        <v>62</v>
      </c>
      <c r="D68" s="9">
        <v>137</v>
      </c>
    </row>
    <row r="69" spans="1:4" ht="18" customHeight="1" x14ac:dyDescent="0.2">
      <c r="A69" s="16">
        <v>53</v>
      </c>
      <c r="B69" s="29">
        <v>57</v>
      </c>
      <c r="C69" s="10">
        <v>55</v>
      </c>
      <c r="D69" s="9">
        <v>112</v>
      </c>
    </row>
    <row r="70" spans="1:4" ht="18" customHeight="1" x14ac:dyDescent="0.2">
      <c r="A70" s="16">
        <v>54</v>
      </c>
      <c r="B70" s="29">
        <v>83</v>
      </c>
      <c r="C70" s="10">
        <v>45</v>
      </c>
      <c r="D70" s="9">
        <v>128</v>
      </c>
    </row>
    <row r="71" spans="1:4" ht="18" customHeight="1" x14ac:dyDescent="0.2">
      <c r="A71" s="8" t="s">
        <v>14</v>
      </c>
      <c r="B71" s="29">
        <v>348</v>
      </c>
      <c r="C71" s="10">
        <v>286</v>
      </c>
      <c r="D71" s="9">
        <v>634</v>
      </c>
    </row>
    <row r="72" spans="1:4" ht="18" customHeight="1" x14ac:dyDescent="0.2">
      <c r="A72" s="16">
        <v>55</v>
      </c>
      <c r="B72" s="29">
        <v>54</v>
      </c>
      <c r="C72" s="10">
        <v>49</v>
      </c>
      <c r="D72" s="9">
        <v>103</v>
      </c>
    </row>
    <row r="73" spans="1:4" ht="18" customHeight="1" x14ac:dyDescent="0.2">
      <c r="A73" s="16">
        <v>56</v>
      </c>
      <c r="B73" s="29">
        <v>53</v>
      </c>
      <c r="C73" s="10">
        <v>47</v>
      </c>
      <c r="D73" s="9">
        <v>100</v>
      </c>
    </row>
    <row r="74" spans="1:4" ht="18" customHeight="1" x14ac:dyDescent="0.2">
      <c r="A74" s="16">
        <v>57</v>
      </c>
      <c r="B74" s="29">
        <v>45</v>
      </c>
      <c r="C74" s="10">
        <v>53</v>
      </c>
      <c r="D74" s="9">
        <v>98</v>
      </c>
    </row>
    <row r="75" spans="1:4" ht="18" customHeight="1" x14ac:dyDescent="0.2">
      <c r="A75" s="16">
        <v>58</v>
      </c>
      <c r="B75" s="29">
        <v>53</v>
      </c>
      <c r="C75" s="10">
        <v>51</v>
      </c>
      <c r="D75" s="9">
        <v>104</v>
      </c>
    </row>
    <row r="76" spans="1:4" ht="18" customHeight="1" x14ac:dyDescent="0.2">
      <c r="A76" s="16">
        <v>59</v>
      </c>
      <c r="B76" s="29">
        <v>49</v>
      </c>
      <c r="C76" s="10">
        <v>49</v>
      </c>
      <c r="D76" s="9">
        <v>98</v>
      </c>
    </row>
    <row r="77" spans="1:4" ht="18" customHeight="1" x14ac:dyDescent="0.2">
      <c r="A77" s="8" t="s">
        <v>13</v>
      </c>
      <c r="B77" s="29">
        <v>254</v>
      </c>
      <c r="C77" s="10">
        <v>249</v>
      </c>
      <c r="D77" s="9">
        <v>503</v>
      </c>
    </row>
    <row r="78" spans="1:4" ht="18" customHeight="1" x14ac:dyDescent="0.2">
      <c r="A78" s="16">
        <v>60</v>
      </c>
      <c r="B78" s="29">
        <v>49</v>
      </c>
      <c r="C78" s="10">
        <v>60</v>
      </c>
      <c r="D78" s="9">
        <v>109</v>
      </c>
    </row>
    <row r="79" spans="1:4" ht="18" customHeight="1" x14ac:dyDescent="0.2">
      <c r="A79" s="16">
        <v>61</v>
      </c>
      <c r="B79" s="29">
        <v>38</v>
      </c>
      <c r="C79" s="10">
        <v>42</v>
      </c>
      <c r="D79" s="9">
        <v>80</v>
      </c>
    </row>
    <row r="80" spans="1:4" ht="18" customHeight="1" x14ac:dyDescent="0.2">
      <c r="A80" s="16">
        <v>62</v>
      </c>
      <c r="B80" s="29">
        <v>52</v>
      </c>
      <c r="C80" s="10">
        <v>47</v>
      </c>
      <c r="D80" s="9">
        <v>99</v>
      </c>
    </row>
    <row r="81" spans="1:4" ht="18" customHeight="1" x14ac:dyDescent="0.2">
      <c r="A81" s="16">
        <v>63</v>
      </c>
      <c r="B81" s="29">
        <v>46</v>
      </c>
      <c r="C81" s="10">
        <v>52</v>
      </c>
      <c r="D81" s="9">
        <v>98</v>
      </c>
    </row>
    <row r="82" spans="1:4" ht="18" customHeight="1" x14ac:dyDescent="0.2">
      <c r="A82" s="16">
        <v>64</v>
      </c>
      <c r="B82" s="29">
        <v>56</v>
      </c>
      <c r="C82" s="10">
        <v>48</v>
      </c>
      <c r="D82" s="9">
        <v>104</v>
      </c>
    </row>
    <row r="83" spans="1:4" ht="18" customHeight="1" x14ac:dyDescent="0.2">
      <c r="A83" s="8" t="s">
        <v>12</v>
      </c>
      <c r="B83" s="29">
        <v>241</v>
      </c>
      <c r="C83" s="10">
        <v>249</v>
      </c>
      <c r="D83" s="9">
        <v>490</v>
      </c>
    </row>
    <row r="84" spans="1:4" ht="18" customHeight="1" x14ac:dyDescent="0.2">
      <c r="A84" s="8" t="s">
        <v>11</v>
      </c>
      <c r="B84" s="29">
        <v>2444</v>
      </c>
      <c r="C84" s="10">
        <v>2155</v>
      </c>
      <c r="D84" s="9">
        <v>4599</v>
      </c>
    </row>
    <row r="85" spans="1:4" ht="18" customHeight="1" x14ac:dyDescent="0.2">
      <c r="A85" s="16">
        <v>65</v>
      </c>
      <c r="B85" s="29">
        <v>51</v>
      </c>
      <c r="C85" s="10">
        <v>43</v>
      </c>
      <c r="D85" s="9">
        <v>94</v>
      </c>
    </row>
    <row r="86" spans="1:4" ht="18" customHeight="1" x14ac:dyDescent="0.2">
      <c r="A86" s="16">
        <v>66</v>
      </c>
      <c r="B86" s="29">
        <v>48</v>
      </c>
      <c r="C86" s="10">
        <v>40</v>
      </c>
      <c r="D86" s="9">
        <v>88</v>
      </c>
    </row>
    <row r="87" spans="1:4" ht="18" customHeight="1" x14ac:dyDescent="0.2">
      <c r="A87" s="16">
        <v>67</v>
      </c>
      <c r="B87" s="29">
        <v>48</v>
      </c>
      <c r="C87" s="10">
        <v>54</v>
      </c>
      <c r="D87" s="9">
        <v>102</v>
      </c>
    </row>
    <row r="88" spans="1:4" ht="18" customHeight="1" x14ac:dyDescent="0.2">
      <c r="A88" s="16">
        <v>68</v>
      </c>
      <c r="B88" s="29">
        <v>48</v>
      </c>
      <c r="C88" s="10">
        <v>56</v>
      </c>
      <c r="D88" s="9">
        <v>104</v>
      </c>
    </row>
    <row r="89" spans="1:4" ht="18" customHeight="1" x14ac:dyDescent="0.2">
      <c r="A89" s="16">
        <v>69</v>
      </c>
      <c r="B89" s="29">
        <v>44</v>
      </c>
      <c r="C89" s="10">
        <v>45</v>
      </c>
      <c r="D89" s="9">
        <v>89</v>
      </c>
    </row>
    <row r="90" spans="1:4" ht="18" customHeight="1" x14ac:dyDescent="0.2">
      <c r="A90" s="8" t="s">
        <v>10</v>
      </c>
      <c r="B90" s="29">
        <v>239</v>
      </c>
      <c r="C90" s="10">
        <v>238</v>
      </c>
      <c r="D90" s="9">
        <v>477</v>
      </c>
    </row>
    <row r="91" spans="1:4" ht="18" customHeight="1" x14ac:dyDescent="0.2">
      <c r="A91" s="16">
        <v>70</v>
      </c>
      <c r="B91" s="29">
        <v>40</v>
      </c>
      <c r="C91" s="10">
        <v>57</v>
      </c>
      <c r="D91" s="9">
        <v>97</v>
      </c>
    </row>
    <row r="92" spans="1:4" ht="18" customHeight="1" x14ac:dyDescent="0.2">
      <c r="A92" s="16">
        <v>71</v>
      </c>
      <c r="B92" s="29">
        <v>44</v>
      </c>
      <c r="C92" s="10">
        <v>53</v>
      </c>
      <c r="D92" s="9">
        <v>97</v>
      </c>
    </row>
    <row r="93" spans="1:4" ht="18" customHeight="1" x14ac:dyDescent="0.2">
      <c r="A93" s="16">
        <v>72</v>
      </c>
      <c r="B93" s="29">
        <v>48</v>
      </c>
      <c r="C93" s="10">
        <v>59</v>
      </c>
      <c r="D93" s="9">
        <v>107</v>
      </c>
    </row>
    <row r="94" spans="1:4" ht="18" customHeight="1" x14ac:dyDescent="0.2">
      <c r="A94" s="16">
        <v>73</v>
      </c>
      <c r="B94" s="29">
        <v>59</v>
      </c>
      <c r="C94" s="10">
        <v>82</v>
      </c>
      <c r="D94" s="9">
        <v>141</v>
      </c>
    </row>
    <row r="95" spans="1:4" ht="18" customHeight="1" x14ac:dyDescent="0.2">
      <c r="A95" s="16">
        <v>74</v>
      </c>
      <c r="B95" s="29">
        <v>47</v>
      </c>
      <c r="C95" s="10">
        <v>88</v>
      </c>
      <c r="D95" s="9">
        <v>135</v>
      </c>
    </row>
    <row r="96" spans="1:4" ht="18" customHeight="1" x14ac:dyDescent="0.2">
      <c r="A96" s="8" t="s">
        <v>9</v>
      </c>
      <c r="B96" s="29">
        <v>238</v>
      </c>
      <c r="C96" s="10">
        <v>339</v>
      </c>
      <c r="D96" s="9">
        <v>577</v>
      </c>
    </row>
    <row r="97" spans="1:4" ht="18" customHeight="1" x14ac:dyDescent="0.2">
      <c r="A97" s="16">
        <v>75</v>
      </c>
      <c r="B97" s="29">
        <v>77</v>
      </c>
      <c r="C97" s="10">
        <v>74</v>
      </c>
      <c r="D97" s="9">
        <v>151</v>
      </c>
    </row>
    <row r="98" spans="1:4" ht="18" customHeight="1" x14ac:dyDescent="0.2">
      <c r="A98" s="16">
        <v>76</v>
      </c>
      <c r="B98" s="29">
        <v>73</v>
      </c>
      <c r="C98" s="10">
        <v>94</v>
      </c>
      <c r="D98" s="9">
        <v>167</v>
      </c>
    </row>
    <row r="99" spans="1:4" ht="18" customHeight="1" x14ac:dyDescent="0.2">
      <c r="A99" s="16">
        <v>77</v>
      </c>
      <c r="B99" s="29">
        <v>39</v>
      </c>
      <c r="C99" s="10">
        <v>47</v>
      </c>
      <c r="D99" s="9">
        <v>86</v>
      </c>
    </row>
    <row r="100" spans="1:4" ht="18" customHeight="1" x14ac:dyDescent="0.2">
      <c r="A100" s="16">
        <v>78</v>
      </c>
      <c r="B100" s="29">
        <v>51</v>
      </c>
      <c r="C100" s="10">
        <v>40</v>
      </c>
      <c r="D100" s="9">
        <v>91</v>
      </c>
    </row>
    <row r="101" spans="1:4" ht="18" customHeight="1" x14ac:dyDescent="0.2">
      <c r="A101" s="16">
        <v>79</v>
      </c>
      <c r="B101" s="29">
        <v>39</v>
      </c>
      <c r="C101" s="10">
        <v>66</v>
      </c>
      <c r="D101" s="9">
        <v>105</v>
      </c>
    </row>
    <row r="102" spans="1:4" ht="18" customHeight="1" x14ac:dyDescent="0.2">
      <c r="A102" s="8" t="s">
        <v>8</v>
      </c>
      <c r="B102" s="29">
        <v>279</v>
      </c>
      <c r="C102" s="10">
        <v>321</v>
      </c>
      <c r="D102" s="9">
        <v>600</v>
      </c>
    </row>
    <row r="103" spans="1:4" ht="18" customHeight="1" x14ac:dyDescent="0.2">
      <c r="A103" s="16">
        <v>80</v>
      </c>
      <c r="B103" s="29">
        <v>44</v>
      </c>
      <c r="C103" s="10">
        <v>56</v>
      </c>
      <c r="D103" s="9">
        <v>100</v>
      </c>
    </row>
    <row r="104" spans="1:4" ht="18" customHeight="1" x14ac:dyDescent="0.2">
      <c r="A104" s="16">
        <v>81</v>
      </c>
      <c r="B104" s="29">
        <v>50</v>
      </c>
      <c r="C104" s="10">
        <v>61</v>
      </c>
      <c r="D104" s="9">
        <v>111</v>
      </c>
    </row>
    <row r="105" spans="1:4" ht="18" customHeight="1" x14ac:dyDescent="0.2">
      <c r="A105" s="16">
        <v>82</v>
      </c>
      <c r="B105" s="29">
        <v>37</v>
      </c>
      <c r="C105" s="10">
        <v>58</v>
      </c>
      <c r="D105" s="9">
        <v>95</v>
      </c>
    </row>
    <row r="106" spans="1:4" ht="18" customHeight="1" x14ac:dyDescent="0.2">
      <c r="A106" s="16">
        <v>83</v>
      </c>
      <c r="B106" s="29">
        <v>35</v>
      </c>
      <c r="C106" s="10">
        <v>45</v>
      </c>
      <c r="D106" s="9">
        <v>80</v>
      </c>
    </row>
    <row r="107" spans="1:4" ht="18" customHeight="1" x14ac:dyDescent="0.2">
      <c r="A107" s="16">
        <v>84</v>
      </c>
      <c r="B107" s="29">
        <v>23</v>
      </c>
      <c r="C107" s="10">
        <v>35</v>
      </c>
      <c r="D107" s="9">
        <v>58</v>
      </c>
    </row>
    <row r="108" spans="1:4" ht="18" customHeight="1" x14ac:dyDescent="0.2">
      <c r="A108" s="8" t="s">
        <v>7</v>
      </c>
      <c r="B108" s="29">
        <v>189</v>
      </c>
      <c r="C108" s="10">
        <v>255</v>
      </c>
      <c r="D108" s="9">
        <v>444</v>
      </c>
    </row>
    <row r="109" spans="1:4" ht="18" customHeight="1" x14ac:dyDescent="0.2">
      <c r="A109" s="16">
        <v>85</v>
      </c>
      <c r="B109" s="29">
        <v>29</v>
      </c>
      <c r="C109" s="10">
        <v>47</v>
      </c>
      <c r="D109" s="9">
        <v>76</v>
      </c>
    </row>
    <row r="110" spans="1:4" ht="18" customHeight="1" x14ac:dyDescent="0.2">
      <c r="A110" s="16">
        <v>86</v>
      </c>
      <c r="B110" s="29">
        <v>24</v>
      </c>
      <c r="C110" s="10">
        <v>38</v>
      </c>
      <c r="D110" s="9">
        <v>62</v>
      </c>
    </row>
    <row r="111" spans="1:4" ht="18" customHeight="1" x14ac:dyDescent="0.2">
      <c r="A111" s="16">
        <v>87</v>
      </c>
      <c r="B111" s="29">
        <v>26</v>
      </c>
      <c r="C111" s="10">
        <v>48</v>
      </c>
      <c r="D111" s="9">
        <v>74</v>
      </c>
    </row>
    <row r="112" spans="1:4" ht="18" customHeight="1" x14ac:dyDescent="0.2">
      <c r="A112" s="16">
        <v>88</v>
      </c>
      <c r="B112" s="29">
        <v>14</v>
      </c>
      <c r="C112" s="10">
        <v>31</v>
      </c>
      <c r="D112" s="9">
        <v>45</v>
      </c>
    </row>
    <row r="113" spans="1:4" ht="18" customHeight="1" x14ac:dyDescent="0.2">
      <c r="A113" s="16">
        <v>89</v>
      </c>
      <c r="B113" s="29">
        <v>14</v>
      </c>
      <c r="C113" s="10">
        <v>45</v>
      </c>
      <c r="D113" s="9">
        <v>59</v>
      </c>
    </row>
    <row r="114" spans="1:4" ht="18" customHeight="1" x14ac:dyDescent="0.2">
      <c r="A114" s="8" t="s">
        <v>6</v>
      </c>
      <c r="B114" s="29">
        <v>107</v>
      </c>
      <c r="C114" s="10">
        <v>209</v>
      </c>
      <c r="D114" s="9">
        <v>316</v>
      </c>
    </row>
    <row r="115" spans="1:4" ht="18" customHeight="1" x14ac:dyDescent="0.2">
      <c r="A115" s="16">
        <v>90</v>
      </c>
      <c r="B115" s="29">
        <v>14</v>
      </c>
      <c r="C115" s="10">
        <v>34</v>
      </c>
      <c r="D115" s="9">
        <v>48</v>
      </c>
    </row>
    <row r="116" spans="1:4" ht="18" customHeight="1" x14ac:dyDescent="0.2">
      <c r="A116" s="16">
        <v>91</v>
      </c>
      <c r="B116" s="29">
        <v>11</v>
      </c>
      <c r="C116" s="10">
        <v>33</v>
      </c>
      <c r="D116" s="9">
        <v>44</v>
      </c>
    </row>
    <row r="117" spans="1:4" ht="18" customHeight="1" x14ac:dyDescent="0.2">
      <c r="A117" s="16">
        <v>92</v>
      </c>
      <c r="B117" s="29">
        <v>9</v>
      </c>
      <c r="C117" s="10">
        <v>24</v>
      </c>
      <c r="D117" s="9">
        <v>33</v>
      </c>
    </row>
    <row r="118" spans="1:4" ht="18" customHeight="1" x14ac:dyDescent="0.2">
      <c r="A118" s="16">
        <v>93</v>
      </c>
      <c r="B118" s="29">
        <v>6</v>
      </c>
      <c r="C118" s="10">
        <v>21</v>
      </c>
      <c r="D118" s="9">
        <v>27</v>
      </c>
    </row>
    <row r="119" spans="1:4" ht="18" customHeight="1" x14ac:dyDescent="0.2">
      <c r="A119" s="16">
        <v>94</v>
      </c>
      <c r="B119" s="29">
        <v>6</v>
      </c>
      <c r="C119" s="10">
        <v>18</v>
      </c>
      <c r="D119" s="9">
        <v>24</v>
      </c>
    </row>
    <row r="120" spans="1:4" ht="18" customHeight="1" x14ac:dyDescent="0.2">
      <c r="A120" s="8" t="s">
        <v>5</v>
      </c>
      <c r="B120" s="29">
        <v>46</v>
      </c>
      <c r="C120" s="10">
        <v>130</v>
      </c>
      <c r="D120" s="9">
        <v>176</v>
      </c>
    </row>
    <row r="121" spans="1:4" ht="18" customHeight="1" x14ac:dyDescent="0.2">
      <c r="A121" s="16">
        <v>95</v>
      </c>
      <c r="B121" s="29">
        <v>2</v>
      </c>
      <c r="C121" s="10">
        <v>12</v>
      </c>
      <c r="D121" s="9">
        <v>14</v>
      </c>
    </row>
    <row r="122" spans="1:4" ht="18" customHeight="1" x14ac:dyDescent="0.2">
      <c r="A122" s="16">
        <v>96</v>
      </c>
      <c r="B122" s="29">
        <v>3</v>
      </c>
      <c r="C122" s="10">
        <v>6</v>
      </c>
      <c r="D122" s="9">
        <v>9</v>
      </c>
    </row>
    <row r="123" spans="1:4" ht="18" customHeight="1" x14ac:dyDescent="0.2">
      <c r="A123" s="16">
        <v>97</v>
      </c>
      <c r="B123" s="29">
        <v>1</v>
      </c>
      <c r="C123" s="10">
        <v>6</v>
      </c>
      <c r="D123" s="9">
        <v>7</v>
      </c>
    </row>
    <row r="124" spans="1:4" ht="18" customHeight="1" x14ac:dyDescent="0.2">
      <c r="A124" s="16">
        <v>98</v>
      </c>
      <c r="B124" s="29">
        <v>1</v>
      </c>
      <c r="C124" s="10">
        <v>4</v>
      </c>
      <c r="D124" s="9">
        <v>5</v>
      </c>
    </row>
    <row r="125" spans="1:4" ht="18" customHeight="1" x14ac:dyDescent="0.2">
      <c r="A125" s="16">
        <v>99</v>
      </c>
      <c r="B125" s="29">
        <v>0</v>
      </c>
      <c r="C125" s="10">
        <v>3</v>
      </c>
      <c r="D125" s="9">
        <v>3</v>
      </c>
    </row>
    <row r="126" spans="1:4" ht="18" customHeight="1" x14ac:dyDescent="0.2">
      <c r="A126" s="8" t="s">
        <v>4</v>
      </c>
      <c r="B126" s="29">
        <v>7</v>
      </c>
      <c r="C126" s="10">
        <v>31</v>
      </c>
      <c r="D126" s="9">
        <v>38</v>
      </c>
    </row>
    <row r="127" spans="1:4" ht="18" customHeight="1" x14ac:dyDescent="0.2">
      <c r="A127" s="16">
        <v>100</v>
      </c>
      <c r="B127" s="29">
        <v>0</v>
      </c>
      <c r="C127" s="10">
        <v>7</v>
      </c>
      <c r="D127" s="9">
        <v>7</v>
      </c>
    </row>
    <row r="128" spans="1:4" ht="18" customHeight="1" x14ac:dyDescent="0.2">
      <c r="A128" s="15" t="s">
        <v>3</v>
      </c>
      <c r="B128" s="29">
        <v>0</v>
      </c>
      <c r="C128" s="10">
        <v>8</v>
      </c>
      <c r="D128" s="9">
        <v>8</v>
      </c>
    </row>
    <row r="129" spans="1:4" ht="18" customHeight="1" x14ac:dyDescent="0.2">
      <c r="A129" s="8" t="s">
        <v>2</v>
      </c>
      <c r="B129" s="29">
        <v>0</v>
      </c>
      <c r="C129" s="10">
        <v>15</v>
      </c>
      <c r="D129" s="9">
        <v>15</v>
      </c>
    </row>
    <row r="130" spans="1:4" ht="18" customHeight="1" x14ac:dyDescent="0.2">
      <c r="A130" s="8" t="s">
        <v>1</v>
      </c>
      <c r="B130" s="28">
        <v>1105</v>
      </c>
      <c r="C130" s="6">
        <v>1538</v>
      </c>
      <c r="D130" s="5">
        <v>2643</v>
      </c>
    </row>
    <row r="131" spans="1:4" ht="18" customHeight="1" x14ac:dyDescent="0.2">
      <c r="A131" s="4" t="s">
        <v>0</v>
      </c>
      <c r="B131" s="27">
        <v>3923</v>
      </c>
      <c r="C131" s="2">
        <v>4097</v>
      </c>
      <c r="D131" s="1">
        <v>802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300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529C04D-5E5E-4728-ABF6-E39361DC37AB}">
  <sheetPr codeName="Sheet2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43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34</v>
      </c>
      <c r="C5" s="18">
        <v>44</v>
      </c>
      <c r="D5" s="17">
        <v>78</v>
      </c>
    </row>
    <row r="6" spans="1:4" ht="18" customHeight="1" x14ac:dyDescent="0.2">
      <c r="A6" s="16">
        <v>1</v>
      </c>
      <c r="B6" s="29">
        <v>32</v>
      </c>
      <c r="C6" s="10">
        <v>28</v>
      </c>
      <c r="D6" s="9">
        <v>60</v>
      </c>
    </row>
    <row r="7" spans="1:4" ht="18" customHeight="1" x14ac:dyDescent="0.2">
      <c r="A7" s="16">
        <v>2</v>
      </c>
      <c r="B7" s="29">
        <v>34</v>
      </c>
      <c r="C7" s="10">
        <v>35</v>
      </c>
      <c r="D7" s="9">
        <v>69</v>
      </c>
    </row>
    <row r="8" spans="1:4" ht="18" customHeight="1" x14ac:dyDescent="0.2">
      <c r="A8" s="16">
        <v>3</v>
      </c>
      <c r="B8" s="29">
        <v>40</v>
      </c>
      <c r="C8" s="10">
        <v>32</v>
      </c>
      <c r="D8" s="9">
        <v>72</v>
      </c>
    </row>
    <row r="9" spans="1:4" ht="18" customHeight="1" x14ac:dyDescent="0.2">
      <c r="A9" s="16">
        <v>4</v>
      </c>
      <c r="B9" s="29">
        <v>48</v>
      </c>
      <c r="C9" s="10">
        <v>39</v>
      </c>
      <c r="D9" s="9">
        <v>87</v>
      </c>
    </row>
    <row r="10" spans="1:4" ht="18" customHeight="1" x14ac:dyDescent="0.2">
      <c r="A10" s="8" t="s">
        <v>25</v>
      </c>
      <c r="B10" s="29">
        <v>188</v>
      </c>
      <c r="C10" s="10">
        <v>178</v>
      </c>
      <c r="D10" s="9">
        <v>366</v>
      </c>
    </row>
    <row r="11" spans="1:4" ht="18" customHeight="1" x14ac:dyDescent="0.2">
      <c r="A11" s="16">
        <v>5</v>
      </c>
      <c r="B11" s="29">
        <v>47</v>
      </c>
      <c r="C11" s="10">
        <v>31</v>
      </c>
      <c r="D11" s="9">
        <v>78</v>
      </c>
    </row>
    <row r="12" spans="1:4" ht="18" customHeight="1" x14ac:dyDescent="0.2">
      <c r="A12" s="16">
        <v>6</v>
      </c>
      <c r="B12" s="29">
        <v>32</v>
      </c>
      <c r="C12" s="10">
        <v>35</v>
      </c>
      <c r="D12" s="9">
        <v>67</v>
      </c>
    </row>
    <row r="13" spans="1:4" ht="18" customHeight="1" x14ac:dyDescent="0.2">
      <c r="A13" s="16">
        <v>7</v>
      </c>
      <c r="B13" s="29">
        <v>45</v>
      </c>
      <c r="C13" s="10">
        <v>45</v>
      </c>
      <c r="D13" s="9">
        <v>90</v>
      </c>
    </row>
    <row r="14" spans="1:4" ht="18" customHeight="1" x14ac:dyDescent="0.2">
      <c r="A14" s="16">
        <v>8</v>
      </c>
      <c r="B14" s="29">
        <v>34</v>
      </c>
      <c r="C14" s="10">
        <v>41</v>
      </c>
      <c r="D14" s="9">
        <v>75</v>
      </c>
    </row>
    <row r="15" spans="1:4" ht="18" customHeight="1" x14ac:dyDescent="0.2">
      <c r="A15" s="16">
        <v>9</v>
      </c>
      <c r="B15" s="29">
        <v>47</v>
      </c>
      <c r="C15" s="10">
        <v>32</v>
      </c>
      <c r="D15" s="9">
        <v>79</v>
      </c>
    </row>
    <row r="16" spans="1:4" ht="18" customHeight="1" x14ac:dyDescent="0.2">
      <c r="A16" s="8" t="s">
        <v>24</v>
      </c>
      <c r="B16" s="29">
        <v>205</v>
      </c>
      <c r="C16" s="10">
        <v>184</v>
      </c>
      <c r="D16" s="9">
        <v>389</v>
      </c>
    </row>
    <row r="17" spans="1:4" ht="18" customHeight="1" x14ac:dyDescent="0.2">
      <c r="A17" s="16">
        <v>10</v>
      </c>
      <c r="B17" s="29">
        <v>37</v>
      </c>
      <c r="C17" s="10">
        <v>34</v>
      </c>
      <c r="D17" s="9">
        <v>71</v>
      </c>
    </row>
    <row r="18" spans="1:4" ht="18" customHeight="1" x14ac:dyDescent="0.2">
      <c r="A18" s="16">
        <v>11</v>
      </c>
      <c r="B18" s="29">
        <v>41</v>
      </c>
      <c r="C18" s="10">
        <v>42</v>
      </c>
      <c r="D18" s="9">
        <v>83</v>
      </c>
    </row>
    <row r="19" spans="1:4" ht="18" customHeight="1" x14ac:dyDescent="0.2">
      <c r="A19" s="16">
        <v>12</v>
      </c>
      <c r="B19" s="29">
        <v>44</v>
      </c>
      <c r="C19" s="10">
        <v>32</v>
      </c>
      <c r="D19" s="9">
        <v>76</v>
      </c>
    </row>
    <row r="20" spans="1:4" ht="18" customHeight="1" x14ac:dyDescent="0.2">
      <c r="A20" s="16">
        <v>13</v>
      </c>
      <c r="B20" s="29">
        <v>41</v>
      </c>
      <c r="C20" s="10">
        <v>44</v>
      </c>
      <c r="D20" s="9">
        <v>85</v>
      </c>
    </row>
    <row r="21" spans="1:4" ht="18" customHeight="1" x14ac:dyDescent="0.2">
      <c r="A21" s="16">
        <v>14</v>
      </c>
      <c r="B21" s="29">
        <v>44</v>
      </c>
      <c r="C21" s="10">
        <v>51</v>
      </c>
      <c r="D21" s="9">
        <v>95</v>
      </c>
    </row>
    <row r="22" spans="1:4" ht="18" customHeight="1" x14ac:dyDescent="0.2">
      <c r="A22" s="8" t="s">
        <v>23</v>
      </c>
      <c r="B22" s="29">
        <v>207</v>
      </c>
      <c r="C22" s="10">
        <v>203</v>
      </c>
      <c r="D22" s="9">
        <v>410</v>
      </c>
    </row>
    <row r="23" spans="1:4" ht="18" customHeight="1" x14ac:dyDescent="0.2">
      <c r="A23" s="8" t="s">
        <v>22</v>
      </c>
      <c r="B23" s="29">
        <v>600</v>
      </c>
      <c r="C23" s="10">
        <v>565</v>
      </c>
      <c r="D23" s="9">
        <v>1165</v>
      </c>
    </row>
    <row r="24" spans="1:4" ht="18" customHeight="1" x14ac:dyDescent="0.2">
      <c r="A24" s="16">
        <v>15</v>
      </c>
      <c r="B24" s="29">
        <v>51</v>
      </c>
      <c r="C24" s="10">
        <v>37</v>
      </c>
      <c r="D24" s="9">
        <v>88</v>
      </c>
    </row>
    <row r="25" spans="1:4" ht="18" customHeight="1" x14ac:dyDescent="0.2">
      <c r="A25" s="16">
        <v>16</v>
      </c>
      <c r="B25" s="29">
        <v>37</v>
      </c>
      <c r="C25" s="10">
        <v>44</v>
      </c>
      <c r="D25" s="9">
        <v>81</v>
      </c>
    </row>
    <row r="26" spans="1:4" ht="18" customHeight="1" x14ac:dyDescent="0.2">
      <c r="A26" s="16">
        <v>17</v>
      </c>
      <c r="B26" s="29">
        <v>49</v>
      </c>
      <c r="C26" s="10">
        <v>32</v>
      </c>
      <c r="D26" s="9">
        <v>81</v>
      </c>
    </row>
    <row r="27" spans="1:4" ht="18" customHeight="1" x14ac:dyDescent="0.2">
      <c r="A27" s="16">
        <v>18</v>
      </c>
      <c r="B27" s="29">
        <v>60</v>
      </c>
      <c r="C27" s="10">
        <v>44</v>
      </c>
      <c r="D27" s="9">
        <v>104</v>
      </c>
    </row>
    <row r="28" spans="1:4" ht="18" customHeight="1" x14ac:dyDescent="0.2">
      <c r="A28" s="16">
        <v>19</v>
      </c>
      <c r="B28" s="29">
        <v>41</v>
      </c>
      <c r="C28" s="10">
        <v>51</v>
      </c>
      <c r="D28" s="9">
        <v>92</v>
      </c>
    </row>
    <row r="29" spans="1:4" ht="18" customHeight="1" x14ac:dyDescent="0.2">
      <c r="A29" s="8" t="s">
        <v>21</v>
      </c>
      <c r="B29" s="29">
        <v>238</v>
      </c>
      <c r="C29" s="10">
        <v>208</v>
      </c>
      <c r="D29" s="9">
        <v>446</v>
      </c>
    </row>
    <row r="30" spans="1:4" ht="18" customHeight="1" x14ac:dyDescent="0.2">
      <c r="A30" s="16">
        <v>20</v>
      </c>
      <c r="B30" s="29">
        <v>49</v>
      </c>
      <c r="C30" s="10">
        <v>36</v>
      </c>
      <c r="D30" s="9">
        <v>85</v>
      </c>
    </row>
    <row r="31" spans="1:4" ht="18" customHeight="1" x14ac:dyDescent="0.2">
      <c r="A31" s="16">
        <v>21</v>
      </c>
      <c r="B31" s="29">
        <v>44</v>
      </c>
      <c r="C31" s="10">
        <v>57</v>
      </c>
      <c r="D31" s="9">
        <v>101</v>
      </c>
    </row>
    <row r="32" spans="1:4" ht="18" customHeight="1" x14ac:dyDescent="0.2">
      <c r="A32" s="16">
        <v>22</v>
      </c>
      <c r="B32" s="29">
        <v>62</v>
      </c>
      <c r="C32" s="10">
        <v>40</v>
      </c>
      <c r="D32" s="9">
        <v>102</v>
      </c>
    </row>
    <row r="33" spans="1:4" ht="18" customHeight="1" x14ac:dyDescent="0.2">
      <c r="A33" s="16">
        <v>23</v>
      </c>
      <c r="B33" s="29">
        <v>49</v>
      </c>
      <c r="C33" s="10">
        <v>56</v>
      </c>
      <c r="D33" s="9">
        <v>105</v>
      </c>
    </row>
    <row r="34" spans="1:4" ht="18" customHeight="1" x14ac:dyDescent="0.2">
      <c r="A34" s="16">
        <v>24</v>
      </c>
      <c r="B34" s="29">
        <v>75</v>
      </c>
      <c r="C34" s="10">
        <v>46</v>
      </c>
      <c r="D34" s="9">
        <v>121</v>
      </c>
    </row>
    <row r="35" spans="1:4" ht="18" customHeight="1" x14ac:dyDescent="0.2">
      <c r="A35" s="8" t="s">
        <v>20</v>
      </c>
      <c r="B35" s="29">
        <v>279</v>
      </c>
      <c r="C35" s="10">
        <v>235</v>
      </c>
      <c r="D35" s="9">
        <v>514</v>
      </c>
    </row>
    <row r="36" spans="1:4" ht="18" customHeight="1" x14ac:dyDescent="0.2">
      <c r="A36" s="16">
        <v>25</v>
      </c>
      <c r="B36" s="29">
        <v>62</v>
      </c>
      <c r="C36" s="10">
        <v>47</v>
      </c>
      <c r="D36" s="9">
        <v>109</v>
      </c>
    </row>
    <row r="37" spans="1:4" ht="18" customHeight="1" x14ac:dyDescent="0.2">
      <c r="A37" s="16">
        <v>26</v>
      </c>
      <c r="B37" s="29">
        <v>73</v>
      </c>
      <c r="C37" s="10">
        <v>54</v>
      </c>
      <c r="D37" s="9">
        <v>127</v>
      </c>
    </row>
    <row r="38" spans="1:4" ht="18" customHeight="1" x14ac:dyDescent="0.2">
      <c r="A38" s="16">
        <v>27</v>
      </c>
      <c r="B38" s="29">
        <v>50</v>
      </c>
      <c r="C38" s="10">
        <v>41</v>
      </c>
      <c r="D38" s="9">
        <v>91</v>
      </c>
    </row>
    <row r="39" spans="1:4" ht="18" customHeight="1" x14ac:dyDescent="0.2">
      <c r="A39" s="16">
        <v>28</v>
      </c>
      <c r="B39" s="29">
        <v>67</v>
      </c>
      <c r="C39" s="10">
        <v>56</v>
      </c>
      <c r="D39" s="9">
        <v>123</v>
      </c>
    </row>
    <row r="40" spans="1:4" ht="18" customHeight="1" x14ac:dyDescent="0.2">
      <c r="A40" s="16">
        <v>29</v>
      </c>
      <c r="B40" s="29">
        <v>70</v>
      </c>
      <c r="C40" s="10">
        <v>46</v>
      </c>
      <c r="D40" s="9">
        <v>116</v>
      </c>
    </row>
    <row r="41" spans="1:4" ht="18" customHeight="1" x14ac:dyDescent="0.2">
      <c r="A41" s="8" t="s">
        <v>19</v>
      </c>
      <c r="B41" s="29">
        <v>322</v>
      </c>
      <c r="C41" s="10">
        <v>244</v>
      </c>
      <c r="D41" s="9">
        <v>566</v>
      </c>
    </row>
    <row r="42" spans="1:4" ht="18" customHeight="1" x14ac:dyDescent="0.2">
      <c r="A42" s="16">
        <v>30</v>
      </c>
      <c r="B42" s="29">
        <v>51</v>
      </c>
      <c r="C42" s="10">
        <v>50</v>
      </c>
      <c r="D42" s="9">
        <v>101</v>
      </c>
    </row>
    <row r="43" spans="1:4" ht="18" customHeight="1" x14ac:dyDescent="0.2">
      <c r="A43" s="16">
        <v>31</v>
      </c>
      <c r="B43" s="29">
        <v>51</v>
      </c>
      <c r="C43" s="10">
        <v>51</v>
      </c>
      <c r="D43" s="9">
        <v>102</v>
      </c>
    </row>
    <row r="44" spans="1:4" ht="18" customHeight="1" x14ac:dyDescent="0.2">
      <c r="A44" s="16">
        <v>32</v>
      </c>
      <c r="B44" s="29">
        <v>54</v>
      </c>
      <c r="C44" s="10">
        <v>55</v>
      </c>
      <c r="D44" s="9">
        <v>109</v>
      </c>
    </row>
    <row r="45" spans="1:4" ht="18" customHeight="1" x14ac:dyDescent="0.2">
      <c r="A45" s="16">
        <v>33</v>
      </c>
      <c r="B45" s="29">
        <v>67</v>
      </c>
      <c r="C45" s="10">
        <v>42</v>
      </c>
      <c r="D45" s="9">
        <v>109</v>
      </c>
    </row>
    <row r="46" spans="1:4" ht="18" customHeight="1" x14ac:dyDescent="0.2">
      <c r="A46" s="16">
        <v>34</v>
      </c>
      <c r="B46" s="29">
        <v>65</v>
      </c>
      <c r="C46" s="10">
        <v>52</v>
      </c>
      <c r="D46" s="9">
        <v>117</v>
      </c>
    </row>
    <row r="47" spans="1:4" ht="18" customHeight="1" x14ac:dyDescent="0.2">
      <c r="A47" s="8" t="s">
        <v>18</v>
      </c>
      <c r="B47" s="29">
        <v>288</v>
      </c>
      <c r="C47" s="10">
        <v>250</v>
      </c>
      <c r="D47" s="9">
        <v>538</v>
      </c>
    </row>
    <row r="48" spans="1:4" ht="18" customHeight="1" x14ac:dyDescent="0.2">
      <c r="A48" s="16">
        <v>35</v>
      </c>
      <c r="B48" s="29">
        <v>54</v>
      </c>
      <c r="C48" s="10">
        <v>62</v>
      </c>
      <c r="D48" s="9">
        <v>116</v>
      </c>
    </row>
    <row r="49" spans="1:4" ht="18" customHeight="1" x14ac:dyDescent="0.2">
      <c r="A49" s="16">
        <v>36</v>
      </c>
      <c r="B49" s="29">
        <v>52</v>
      </c>
      <c r="C49" s="10">
        <v>36</v>
      </c>
      <c r="D49" s="9">
        <v>88</v>
      </c>
    </row>
    <row r="50" spans="1:4" ht="18" customHeight="1" x14ac:dyDescent="0.2">
      <c r="A50" s="16">
        <v>37</v>
      </c>
      <c r="B50" s="29">
        <v>49</v>
      </c>
      <c r="C50" s="10">
        <v>54</v>
      </c>
      <c r="D50" s="9">
        <v>103</v>
      </c>
    </row>
    <row r="51" spans="1:4" ht="18" customHeight="1" x14ac:dyDescent="0.2">
      <c r="A51" s="16">
        <v>38</v>
      </c>
      <c r="B51" s="29">
        <v>58</v>
      </c>
      <c r="C51" s="10">
        <v>48</v>
      </c>
      <c r="D51" s="9">
        <v>106</v>
      </c>
    </row>
    <row r="52" spans="1:4" ht="18" customHeight="1" x14ac:dyDescent="0.2">
      <c r="A52" s="16">
        <v>39</v>
      </c>
      <c r="B52" s="29">
        <v>70</v>
      </c>
      <c r="C52" s="10">
        <v>59</v>
      </c>
      <c r="D52" s="9">
        <v>129</v>
      </c>
    </row>
    <row r="53" spans="1:4" ht="18" customHeight="1" x14ac:dyDescent="0.2">
      <c r="A53" s="8" t="s">
        <v>17</v>
      </c>
      <c r="B53" s="29">
        <v>283</v>
      </c>
      <c r="C53" s="10">
        <v>259</v>
      </c>
      <c r="D53" s="9">
        <v>542</v>
      </c>
    </row>
    <row r="54" spans="1:4" ht="18" customHeight="1" x14ac:dyDescent="0.2">
      <c r="A54" s="16">
        <v>40</v>
      </c>
      <c r="B54" s="29">
        <v>57</v>
      </c>
      <c r="C54" s="10">
        <v>56</v>
      </c>
      <c r="D54" s="9">
        <v>113</v>
      </c>
    </row>
    <row r="55" spans="1:4" ht="18" customHeight="1" x14ac:dyDescent="0.2">
      <c r="A55" s="16">
        <v>41</v>
      </c>
      <c r="B55" s="29">
        <v>64</v>
      </c>
      <c r="C55" s="10">
        <v>45</v>
      </c>
      <c r="D55" s="9">
        <v>109</v>
      </c>
    </row>
    <row r="56" spans="1:4" ht="18" customHeight="1" x14ac:dyDescent="0.2">
      <c r="A56" s="16">
        <v>42</v>
      </c>
      <c r="B56" s="29">
        <v>64</v>
      </c>
      <c r="C56" s="10">
        <v>54</v>
      </c>
      <c r="D56" s="9">
        <v>118</v>
      </c>
    </row>
    <row r="57" spans="1:4" ht="18" customHeight="1" x14ac:dyDescent="0.2">
      <c r="A57" s="16">
        <v>43</v>
      </c>
      <c r="B57" s="29">
        <v>63</v>
      </c>
      <c r="C57" s="10">
        <v>57</v>
      </c>
      <c r="D57" s="9">
        <v>120</v>
      </c>
    </row>
    <row r="58" spans="1:4" ht="18" customHeight="1" x14ac:dyDescent="0.2">
      <c r="A58" s="16">
        <v>44</v>
      </c>
      <c r="B58" s="29">
        <v>69</v>
      </c>
      <c r="C58" s="10">
        <v>65</v>
      </c>
      <c r="D58" s="9">
        <v>134</v>
      </c>
    </row>
    <row r="59" spans="1:4" ht="18" customHeight="1" x14ac:dyDescent="0.2">
      <c r="A59" s="8" t="s">
        <v>16</v>
      </c>
      <c r="B59" s="29">
        <v>317</v>
      </c>
      <c r="C59" s="10">
        <v>277</v>
      </c>
      <c r="D59" s="9">
        <v>594</v>
      </c>
    </row>
    <row r="60" spans="1:4" ht="18" customHeight="1" x14ac:dyDescent="0.2">
      <c r="A60" s="16">
        <v>45</v>
      </c>
      <c r="B60" s="29">
        <v>70</v>
      </c>
      <c r="C60" s="10">
        <v>68</v>
      </c>
      <c r="D60" s="9">
        <v>138</v>
      </c>
    </row>
    <row r="61" spans="1:4" ht="18" customHeight="1" x14ac:dyDescent="0.2">
      <c r="A61" s="16">
        <v>46</v>
      </c>
      <c r="B61" s="29">
        <v>80</v>
      </c>
      <c r="C61" s="10">
        <v>72</v>
      </c>
      <c r="D61" s="9">
        <v>152</v>
      </c>
    </row>
    <row r="62" spans="1:4" ht="18" customHeight="1" x14ac:dyDescent="0.2">
      <c r="A62" s="16">
        <v>47</v>
      </c>
      <c r="B62" s="29">
        <v>74</v>
      </c>
      <c r="C62" s="10">
        <v>87</v>
      </c>
      <c r="D62" s="9">
        <v>161</v>
      </c>
    </row>
    <row r="63" spans="1:4" ht="18" customHeight="1" x14ac:dyDescent="0.2">
      <c r="A63" s="16">
        <v>48</v>
      </c>
      <c r="B63" s="29">
        <v>88</v>
      </c>
      <c r="C63" s="10">
        <v>82</v>
      </c>
      <c r="D63" s="9">
        <v>170</v>
      </c>
    </row>
    <row r="64" spans="1:4" ht="18" customHeight="1" x14ac:dyDescent="0.2">
      <c r="A64" s="16">
        <v>49</v>
      </c>
      <c r="B64" s="29">
        <v>92</v>
      </c>
      <c r="C64" s="10">
        <v>71</v>
      </c>
      <c r="D64" s="9">
        <v>163</v>
      </c>
    </row>
    <row r="65" spans="1:4" ht="18" customHeight="1" x14ac:dyDescent="0.2">
      <c r="A65" s="8" t="s">
        <v>15</v>
      </c>
      <c r="B65" s="29">
        <v>404</v>
      </c>
      <c r="C65" s="10">
        <v>380</v>
      </c>
      <c r="D65" s="9">
        <v>784</v>
      </c>
    </row>
    <row r="66" spans="1:4" ht="18" customHeight="1" x14ac:dyDescent="0.2">
      <c r="A66" s="16">
        <v>50</v>
      </c>
      <c r="B66" s="29">
        <v>96</v>
      </c>
      <c r="C66" s="10">
        <v>99</v>
      </c>
      <c r="D66" s="9">
        <v>195</v>
      </c>
    </row>
    <row r="67" spans="1:4" ht="18" customHeight="1" x14ac:dyDescent="0.2">
      <c r="A67" s="16">
        <v>51</v>
      </c>
      <c r="B67" s="29">
        <v>94</v>
      </c>
      <c r="C67" s="10">
        <v>101</v>
      </c>
      <c r="D67" s="9">
        <v>195</v>
      </c>
    </row>
    <row r="68" spans="1:4" ht="18" customHeight="1" x14ac:dyDescent="0.2">
      <c r="A68" s="16">
        <v>52</v>
      </c>
      <c r="B68" s="29">
        <v>86</v>
      </c>
      <c r="C68" s="10">
        <v>88</v>
      </c>
      <c r="D68" s="9">
        <v>174</v>
      </c>
    </row>
    <row r="69" spans="1:4" ht="18" customHeight="1" x14ac:dyDescent="0.2">
      <c r="A69" s="16">
        <v>53</v>
      </c>
      <c r="B69" s="29">
        <v>79</v>
      </c>
      <c r="C69" s="10">
        <v>86</v>
      </c>
      <c r="D69" s="9">
        <v>165</v>
      </c>
    </row>
    <row r="70" spans="1:4" ht="18" customHeight="1" x14ac:dyDescent="0.2">
      <c r="A70" s="16">
        <v>54</v>
      </c>
      <c r="B70" s="29">
        <v>86</v>
      </c>
      <c r="C70" s="10">
        <v>97</v>
      </c>
      <c r="D70" s="9">
        <v>183</v>
      </c>
    </row>
    <row r="71" spans="1:4" ht="18" customHeight="1" x14ac:dyDescent="0.2">
      <c r="A71" s="8" t="s">
        <v>14</v>
      </c>
      <c r="B71" s="29">
        <v>441</v>
      </c>
      <c r="C71" s="10">
        <v>471</v>
      </c>
      <c r="D71" s="9">
        <v>912</v>
      </c>
    </row>
    <row r="72" spans="1:4" ht="18" customHeight="1" x14ac:dyDescent="0.2">
      <c r="A72" s="16">
        <v>55</v>
      </c>
      <c r="B72" s="29">
        <v>71</v>
      </c>
      <c r="C72" s="10">
        <v>68</v>
      </c>
      <c r="D72" s="9">
        <v>139</v>
      </c>
    </row>
    <row r="73" spans="1:4" ht="18" customHeight="1" x14ac:dyDescent="0.2">
      <c r="A73" s="16">
        <v>56</v>
      </c>
      <c r="B73" s="29">
        <v>88</v>
      </c>
      <c r="C73" s="10">
        <v>63</v>
      </c>
      <c r="D73" s="9">
        <v>151</v>
      </c>
    </row>
    <row r="74" spans="1:4" ht="18" customHeight="1" x14ac:dyDescent="0.2">
      <c r="A74" s="16">
        <v>57</v>
      </c>
      <c r="B74" s="29">
        <v>68</v>
      </c>
      <c r="C74" s="10">
        <v>55</v>
      </c>
      <c r="D74" s="9">
        <v>123</v>
      </c>
    </row>
    <row r="75" spans="1:4" ht="18" customHeight="1" x14ac:dyDescent="0.2">
      <c r="A75" s="16">
        <v>58</v>
      </c>
      <c r="B75" s="29">
        <v>61</v>
      </c>
      <c r="C75" s="10">
        <v>70</v>
      </c>
      <c r="D75" s="9">
        <v>131</v>
      </c>
    </row>
    <row r="76" spans="1:4" ht="18" customHeight="1" x14ac:dyDescent="0.2">
      <c r="A76" s="16">
        <v>59</v>
      </c>
      <c r="B76" s="29">
        <v>62</v>
      </c>
      <c r="C76" s="10">
        <v>71</v>
      </c>
      <c r="D76" s="9">
        <v>133</v>
      </c>
    </row>
    <row r="77" spans="1:4" ht="18" customHeight="1" x14ac:dyDescent="0.2">
      <c r="A77" s="8" t="s">
        <v>13</v>
      </c>
      <c r="B77" s="29">
        <v>350</v>
      </c>
      <c r="C77" s="10">
        <v>327</v>
      </c>
      <c r="D77" s="9">
        <v>677</v>
      </c>
    </row>
    <row r="78" spans="1:4" ht="18" customHeight="1" x14ac:dyDescent="0.2">
      <c r="A78" s="16">
        <v>60</v>
      </c>
      <c r="B78" s="29">
        <v>64</v>
      </c>
      <c r="C78" s="10">
        <v>62</v>
      </c>
      <c r="D78" s="9">
        <v>126</v>
      </c>
    </row>
    <row r="79" spans="1:4" ht="18" customHeight="1" x14ac:dyDescent="0.2">
      <c r="A79" s="16">
        <v>61</v>
      </c>
      <c r="B79" s="29">
        <v>61</v>
      </c>
      <c r="C79" s="10">
        <v>64</v>
      </c>
      <c r="D79" s="9">
        <v>125</v>
      </c>
    </row>
    <row r="80" spans="1:4" ht="18" customHeight="1" x14ac:dyDescent="0.2">
      <c r="A80" s="16">
        <v>62</v>
      </c>
      <c r="B80" s="29">
        <v>54</v>
      </c>
      <c r="C80" s="10">
        <v>79</v>
      </c>
      <c r="D80" s="9">
        <v>133</v>
      </c>
    </row>
    <row r="81" spans="1:4" ht="18" customHeight="1" x14ac:dyDescent="0.2">
      <c r="A81" s="16">
        <v>63</v>
      </c>
      <c r="B81" s="29">
        <v>61</v>
      </c>
      <c r="C81" s="10">
        <v>68</v>
      </c>
      <c r="D81" s="9">
        <v>129</v>
      </c>
    </row>
    <row r="82" spans="1:4" ht="18" customHeight="1" x14ac:dyDescent="0.2">
      <c r="A82" s="16">
        <v>64</v>
      </c>
      <c r="B82" s="29">
        <v>56</v>
      </c>
      <c r="C82" s="10">
        <v>64</v>
      </c>
      <c r="D82" s="9">
        <v>120</v>
      </c>
    </row>
    <row r="83" spans="1:4" ht="18" customHeight="1" x14ac:dyDescent="0.2">
      <c r="A83" s="8" t="s">
        <v>12</v>
      </c>
      <c r="B83" s="29">
        <v>296</v>
      </c>
      <c r="C83" s="10">
        <v>337</v>
      </c>
      <c r="D83" s="9">
        <v>633</v>
      </c>
    </row>
    <row r="84" spans="1:4" ht="18" customHeight="1" x14ac:dyDescent="0.2">
      <c r="A84" s="8" t="s">
        <v>11</v>
      </c>
      <c r="B84" s="29">
        <v>3218</v>
      </c>
      <c r="C84" s="10">
        <v>2988</v>
      </c>
      <c r="D84" s="9">
        <v>6206</v>
      </c>
    </row>
    <row r="85" spans="1:4" ht="18" customHeight="1" x14ac:dyDescent="0.2">
      <c r="A85" s="16">
        <v>65</v>
      </c>
      <c r="B85" s="29">
        <v>56</v>
      </c>
      <c r="C85" s="10">
        <v>48</v>
      </c>
      <c r="D85" s="9">
        <v>104</v>
      </c>
    </row>
    <row r="86" spans="1:4" ht="18" customHeight="1" x14ac:dyDescent="0.2">
      <c r="A86" s="16">
        <v>66</v>
      </c>
      <c r="B86" s="29">
        <v>60</v>
      </c>
      <c r="C86" s="10">
        <v>65</v>
      </c>
      <c r="D86" s="9">
        <v>125</v>
      </c>
    </row>
    <row r="87" spans="1:4" ht="18" customHeight="1" x14ac:dyDescent="0.2">
      <c r="A87" s="16">
        <v>67</v>
      </c>
      <c r="B87" s="29">
        <v>53</v>
      </c>
      <c r="C87" s="10">
        <v>63</v>
      </c>
      <c r="D87" s="9">
        <v>116</v>
      </c>
    </row>
    <row r="88" spans="1:4" ht="18" customHeight="1" x14ac:dyDescent="0.2">
      <c r="A88" s="16">
        <v>68</v>
      </c>
      <c r="B88" s="29">
        <v>61</v>
      </c>
      <c r="C88" s="10">
        <v>69</v>
      </c>
      <c r="D88" s="9">
        <v>130</v>
      </c>
    </row>
    <row r="89" spans="1:4" ht="18" customHeight="1" x14ac:dyDescent="0.2">
      <c r="A89" s="16">
        <v>69</v>
      </c>
      <c r="B89" s="29">
        <v>59</v>
      </c>
      <c r="C89" s="10">
        <v>65</v>
      </c>
      <c r="D89" s="9">
        <v>124</v>
      </c>
    </row>
    <row r="90" spans="1:4" ht="18" customHeight="1" x14ac:dyDescent="0.2">
      <c r="A90" s="8" t="s">
        <v>10</v>
      </c>
      <c r="B90" s="29">
        <v>289</v>
      </c>
      <c r="C90" s="10">
        <v>310</v>
      </c>
      <c r="D90" s="9">
        <v>599</v>
      </c>
    </row>
    <row r="91" spans="1:4" ht="18" customHeight="1" x14ac:dyDescent="0.2">
      <c r="A91" s="16">
        <v>70</v>
      </c>
      <c r="B91" s="29">
        <v>65</v>
      </c>
      <c r="C91" s="10">
        <v>71</v>
      </c>
      <c r="D91" s="9">
        <v>136</v>
      </c>
    </row>
    <row r="92" spans="1:4" ht="18" customHeight="1" x14ac:dyDescent="0.2">
      <c r="A92" s="16">
        <v>71</v>
      </c>
      <c r="B92" s="29">
        <v>62</v>
      </c>
      <c r="C92" s="10">
        <v>69</v>
      </c>
      <c r="D92" s="9">
        <v>131</v>
      </c>
    </row>
    <row r="93" spans="1:4" ht="18" customHeight="1" x14ac:dyDescent="0.2">
      <c r="A93" s="16">
        <v>72</v>
      </c>
      <c r="B93" s="29">
        <v>60</v>
      </c>
      <c r="C93" s="10">
        <v>70</v>
      </c>
      <c r="D93" s="9">
        <v>130</v>
      </c>
    </row>
    <row r="94" spans="1:4" ht="18" customHeight="1" x14ac:dyDescent="0.2">
      <c r="A94" s="16">
        <v>73</v>
      </c>
      <c r="B94" s="29">
        <v>65</v>
      </c>
      <c r="C94" s="10">
        <v>81</v>
      </c>
      <c r="D94" s="9">
        <v>146</v>
      </c>
    </row>
    <row r="95" spans="1:4" ht="18" customHeight="1" x14ac:dyDescent="0.2">
      <c r="A95" s="16">
        <v>74</v>
      </c>
      <c r="B95" s="29">
        <v>76</v>
      </c>
      <c r="C95" s="10">
        <v>86</v>
      </c>
      <c r="D95" s="9">
        <v>162</v>
      </c>
    </row>
    <row r="96" spans="1:4" ht="18" customHeight="1" x14ac:dyDescent="0.2">
      <c r="A96" s="8" t="s">
        <v>9</v>
      </c>
      <c r="B96" s="29">
        <v>328</v>
      </c>
      <c r="C96" s="10">
        <v>377</v>
      </c>
      <c r="D96" s="9">
        <v>705</v>
      </c>
    </row>
    <row r="97" spans="1:4" ht="18" customHeight="1" x14ac:dyDescent="0.2">
      <c r="A97" s="16">
        <v>75</v>
      </c>
      <c r="B97" s="29">
        <v>62</v>
      </c>
      <c r="C97" s="10">
        <v>102</v>
      </c>
      <c r="D97" s="9">
        <v>164</v>
      </c>
    </row>
    <row r="98" spans="1:4" ht="18" customHeight="1" x14ac:dyDescent="0.2">
      <c r="A98" s="16">
        <v>76</v>
      </c>
      <c r="B98" s="29">
        <v>67</v>
      </c>
      <c r="C98" s="10">
        <v>85</v>
      </c>
      <c r="D98" s="9">
        <v>152</v>
      </c>
    </row>
    <row r="99" spans="1:4" ht="18" customHeight="1" x14ac:dyDescent="0.2">
      <c r="A99" s="16">
        <v>77</v>
      </c>
      <c r="B99" s="29">
        <v>28</v>
      </c>
      <c r="C99" s="10">
        <v>50</v>
      </c>
      <c r="D99" s="9">
        <v>78</v>
      </c>
    </row>
    <row r="100" spans="1:4" ht="18" customHeight="1" x14ac:dyDescent="0.2">
      <c r="A100" s="16">
        <v>78</v>
      </c>
      <c r="B100" s="29">
        <v>47</v>
      </c>
      <c r="C100" s="10">
        <v>60</v>
      </c>
      <c r="D100" s="9">
        <v>107</v>
      </c>
    </row>
    <row r="101" spans="1:4" ht="18" customHeight="1" x14ac:dyDescent="0.2">
      <c r="A101" s="16">
        <v>79</v>
      </c>
      <c r="B101" s="29">
        <v>67</v>
      </c>
      <c r="C101" s="10">
        <v>75</v>
      </c>
      <c r="D101" s="9">
        <v>142</v>
      </c>
    </row>
    <row r="102" spans="1:4" ht="18" customHeight="1" x14ac:dyDescent="0.2">
      <c r="A102" s="8" t="s">
        <v>8</v>
      </c>
      <c r="B102" s="29">
        <v>271</v>
      </c>
      <c r="C102" s="10">
        <v>372</v>
      </c>
      <c r="D102" s="9">
        <v>643</v>
      </c>
    </row>
    <row r="103" spans="1:4" ht="18" customHeight="1" x14ac:dyDescent="0.2">
      <c r="A103" s="16">
        <v>80</v>
      </c>
      <c r="B103" s="29">
        <v>41</v>
      </c>
      <c r="C103" s="10">
        <v>59</v>
      </c>
      <c r="D103" s="9">
        <v>100</v>
      </c>
    </row>
    <row r="104" spans="1:4" ht="18" customHeight="1" x14ac:dyDescent="0.2">
      <c r="A104" s="16">
        <v>81</v>
      </c>
      <c r="B104" s="29">
        <v>47</v>
      </c>
      <c r="C104" s="10">
        <v>61</v>
      </c>
      <c r="D104" s="9">
        <v>108</v>
      </c>
    </row>
    <row r="105" spans="1:4" ht="18" customHeight="1" x14ac:dyDescent="0.2">
      <c r="A105" s="16">
        <v>82</v>
      </c>
      <c r="B105" s="29">
        <v>38</v>
      </c>
      <c r="C105" s="10">
        <v>60</v>
      </c>
      <c r="D105" s="9">
        <v>98</v>
      </c>
    </row>
    <row r="106" spans="1:4" ht="18" customHeight="1" x14ac:dyDescent="0.2">
      <c r="A106" s="16">
        <v>83</v>
      </c>
      <c r="B106" s="29">
        <v>30</v>
      </c>
      <c r="C106" s="10">
        <v>56</v>
      </c>
      <c r="D106" s="9">
        <v>86</v>
      </c>
    </row>
    <row r="107" spans="1:4" ht="18" customHeight="1" x14ac:dyDescent="0.2">
      <c r="A107" s="16">
        <v>84</v>
      </c>
      <c r="B107" s="29">
        <v>27</v>
      </c>
      <c r="C107" s="10">
        <v>45</v>
      </c>
      <c r="D107" s="9">
        <v>72</v>
      </c>
    </row>
    <row r="108" spans="1:4" ht="18" customHeight="1" x14ac:dyDescent="0.2">
      <c r="A108" s="8" t="s">
        <v>7</v>
      </c>
      <c r="B108" s="29">
        <v>183</v>
      </c>
      <c r="C108" s="10">
        <v>281</v>
      </c>
      <c r="D108" s="9">
        <v>464</v>
      </c>
    </row>
    <row r="109" spans="1:4" ht="18" customHeight="1" x14ac:dyDescent="0.2">
      <c r="A109" s="16">
        <v>85</v>
      </c>
      <c r="B109" s="29">
        <v>36</v>
      </c>
      <c r="C109" s="10">
        <v>57</v>
      </c>
      <c r="D109" s="9">
        <v>93</v>
      </c>
    </row>
    <row r="110" spans="1:4" ht="18" customHeight="1" x14ac:dyDescent="0.2">
      <c r="A110" s="16">
        <v>86</v>
      </c>
      <c r="B110" s="29">
        <v>26</v>
      </c>
      <c r="C110" s="10">
        <v>48</v>
      </c>
      <c r="D110" s="9">
        <v>74</v>
      </c>
    </row>
    <row r="111" spans="1:4" ht="18" customHeight="1" x14ac:dyDescent="0.2">
      <c r="A111" s="16">
        <v>87</v>
      </c>
      <c r="B111" s="29">
        <v>26</v>
      </c>
      <c r="C111" s="10">
        <v>63</v>
      </c>
      <c r="D111" s="9">
        <v>89</v>
      </c>
    </row>
    <row r="112" spans="1:4" ht="18" customHeight="1" x14ac:dyDescent="0.2">
      <c r="A112" s="16">
        <v>88</v>
      </c>
      <c r="B112" s="29">
        <v>20</v>
      </c>
      <c r="C112" s="10">
        <v>36</v>
      </c>
      <c r="D112" s="9">
        <v>56</v>
      </c>
    </row>
    <row r="113" spans="1:4" ht="18" customHeight="1" x14ac:dyDescent="0.2">
      <c r="A113" s="16">
        <v>89</v>
      </c>
      <c r="B113" s="29">
        <v>25</v>
      </c>
      <c r="C113" s="10">
        <v>53</v>
      </c>
      <c r="D113" s="9">
        <v>78</v>
      </c>
    </row>
    <row r="114" spans="1:4" ht="18" customHeight="1" x14ac:dyDescent="0.2">
      <c r="A114" s="8" t="s">
        <v>6</v>
      </c>
      <c r="B114" s="29">
        <v>133</v>
      </c>
      <c r="C114" s="10">
        <v>257</v>
      </c>
      <c r="D114" s="9">
        <v>390</v>
      </c>
    </row>
    <row r="115" spans="1:4" ht="18" customHeight="1" x14ac:dyDescent="0.2">
      <c r="A115" s="16">
        <v>90</v>
      </c>
      <c r="B115" s="29">
        <v>15</v>
      </c>
      <c r="C115" s="10">
        <v>42</v>
      </c>
      <c r="D115" s="9">
        <v>57</v>
      </c>
    </row>
    <row r="116" spans="1:4" ht="18" customHeight="1" x14ac:dyDescent="0.2">
      <c r="A116" s="16">
        <v>91</v>
      </c>
      <c r="B116" s="29">
        <v>13</v>
      </c>
      <c r="C116" s="10">
        <v>36</v>
      </c>
      <c r="D116" s="9">
        <v>49</v>
      </c>
    </row>
    <row r="117" spans="1:4" ht="18" customHeight="1" x14ac:dyDescent="0.2">
      <c r="A117" s="16">
        <v>92</v>
      </c>
      <c r="B117" s="29">
        <v>12</v>
      </c>
      <c r="C117" s="10">
        <v>29</v>
      </c>
      <c r="D117" s="9">
        <v>41</v>
      </c>
    </row>
    <row r="118" spans="1:4" ht="18" customHeight="1" x14ac:dyDescent="0.2">
      <c r="A118" s="16">
        <v>93</v>
      </c>
      <c r="B118" s="29">
        <v>9</v>
      </c>
      <c r="C118" s="10">
        <v>22</v>
      </c>
      <c r="D118" s="9">
        <v>31</v>
      </c>
    </row>
    <row r="119" spans="1:4" ht="18" customHeight="1" x14ac:dyDescent="0.2">
      <c r="A119" s="16">
        <v>94</v>
      </c>
      <c r="B119" s="29">
        <v>6</v>
      </c>
      <c r="C119" s="10">
        <v>20</v>
      </c>
      <c r="D119" s="9">
        <v>26</v>
      </c>
    </row>
    <row r="120" spans="1:4" ht="18" customHeight="1" x14ac:dyDescent="0.2">
      <c r="A120" s="8" t="s">
        <v>5</v>
      </c>
      <c r="B120" s="29">
        <v>55</v>
      </c>
      <c r="C120" s="10">
        <v>149</v>
      </c>
      <c r="D120" s="9">
        <v>204</v>
      </c>
    </row>
    <row r="121" spans="1:4" ht="18" customHeight="1" x14ac:dyDescent="0.2">
      <c r="A121" s="16">
        <v>95</v>
      </c>
      <c r="B121" s="29">
        <v>5</v>
      </c>
      <c r="C121" s="10">
        <v>16</v>
      </c>
      <c r="D121" s="9">
        <v>21</v>
      </c>
    </row>
    <row r="122" spans="1:4" ht="18" customHeight="1" x14ac:dyDescent="0.2">
      <c r="A122" s="16">
        <v>96</v>
      </c>
      <c r="B122" s="29">
        <v>4</v>
      </c>
      <c r="C122" s="10">
        <v>11</v>
      </c>
      <c r="D122" s="9">
        <v>15</v>
      </c>
    </row>
    <row r="123" spans="1:4" ht="18" customHeight="1" x14ac:dyDescent="0.2">
      <c r="A123" s="16">
        <v>97</v>
      </c>
      <c r="B123" s="29">
        <v>3</v>
      </c>
      <c r="C123" s="10">
        <v>14</v>
      </c>
      <c r="D123" s="9">
        <v>17</v>
      </c>
    </row>
    <row r="124" spans="1:4" ht="18" customHeight="1" x14ac:dyDescent="0.2">
      <c r="A124" s="16">
        <v>98</v>
      </c>
      <c r="B124" s="29">
        <v>2</v>
      </c>
      <c r="C124" s="10">
        <v>7</v>
      </c>
      <c r="D124" s="9">
        <v>9</v>
      </c>
    </row>
    <row r="125" spans="1:4" ht="18" customHeight="1" x14ac:dyDescent="0.2">
      <c r="A125" s="16">
        <v>99</v>
      </c>
      <c r="B125" s="29">
        <v>0</v>
      </c>
      <c r="C125" s="10">
        <v>2</v>
      </c>
      <c r="D125" s="9">
        <v>2</v>
      </c>
    </row>
    <row r="126" spans="1:4" ht="18" customHeight="1" x14ac:dyDescent="0.2">
      <c r="A126" s="8" t="s">
        <v>4</v>
      </c>
      <c r="B126" s="29">
        <v>14</v>
      </c>
      <c r="C126" s="10">
        <v>50</v>
      </c>
      <c r="D126" s="9">
        <v>64</v>
      </c>
    </row>
    <row r="127" spans="1:4" ht="18" customHeight="1" x14ac:dyDescent="0.2">
      <c r="A127" s="16">
        <v>100</v>
      </c>
      <c r="B127" s="29">
        <v>0</v>
      </c>
      <c r="C127" s="10">
        <v>2</v>
      </c>
      <c r="D127" s="9">
        <v>2</v>
      </c>
    </row>
    <row r="128" spans="1:4" ht="18" customHeight="1" x14ac:dyDescent="0.2">
      <c r="A128" s="15" t="s">
        <v>3</v>
      </c>
      <c r="B128" s="29">
        <v>0</v>
      </c>
      <c r="C128" s="10">
        <v>8</v>
      </c>
      <c r="D128" s="9">
        <v>8</v>
      </c>
    </row>
    <row r="129" spans="1:4" ht="18" customHeight="1" x14ac:dyDescent="0.2">
      <c r="A129" s="8" t="s">
        <v>2</v>
      </c>
      <c r="B129" s="29">
        <v>0</v>
      </c>
      <c r="C129" s="10">
        <v>10</v>
      </c>
      <c r="D129" s="9">
        <v>10</v>
      </c>
    </row>
    <row r="130" spans="1:4" ht="18" customHeight="1" x14ac:dyDescent="0.2">
      <c r="A130" s="8" t="s">
        <v>1</v>
      </c>
      <c r="B130" s="28">
        <v>1273</v>
      </c>
      <c r="C130" s="6">
        <v>1806</v>
      </c>
      <c r="D130" s="5">
        <v>3079</v>
      </c>
    </row>
    <row r="131" spans="1:4" ht="18" customHeight="1" x14ac:dyDescent="0.2">
      <c r="A131" s="4" t="s">
        <v>0</v>
      </c>
      <c r="B131" s="27">
        <v>5091</v>
      </c>
      <c r="C131" s="2">
        <v>5359</v>
      </c>
      <c r="D131" s="1">
        <v>1045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8C9CE01-2151-490D-8D8D-9F1BC9D916A5}">
  <sheetPr codeName="Sheet2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44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19</v>
      </c>
      <c r="C5" s="18">
        <v>31</v>
      </c>
      <c r="D5" s="17">
        <v>50</v>
      </c>
    </row>
    <row r="6" spans="1:4" ht="18" customHeight="1" x14ac:dyDescent="0.2">
      <c r="A6" s="16">
        <v>1</v>
      </c>
      <c r="B6" s="29">
        <v>38</v>
      </c>
      <c r="C6" s="10">
        <v>28</v>
      </c>
      <c r="D6" s="9">
        <v>66</v>
      </c>
    </row>
    <row r="7" spans="1:4" ht="18" customHeight="1" x14ac:dyDescent="0.2">
      <c r="A7" s="16">
        <v>2</v>
      </c>
      <c r="B7" s="29">
        <v>35</v>
      </c>
      <c r="C7" s="10">
        <v>25</v>
      </c>
      <c r="D7" s="9">
        <v>60</v>
      </c>
    </row>
    <row r="8" spans="1:4" ht="18" customHeight="1" x14ac:dyDescent="0.2">
      <c r="A8" s="16">
        <v>3</v>
      </c>
      <c r="B8" s="29">
        <v>36</v>
      </c>
      <c r="C8" s="10">
        <v>22</v>
      </c>
      <c r="D8" s="9">
        <v>58</v>
      </c>
    </row>
    <row r="9" spans="1:4" ht="18" customHeight="1" x14ac:dyDescent="0.2">
      <c r="A9" s="16">
        <v>4</v>
      </c>
      <c r="B9" s="29">
        <v>28</v>
      </c>
      <c r="C9" s="10">
        <v>38</v>
      </c>
      <c r="D9" s="9">
        <v>66</v>
      </c>
    </row>
    <row r="10" spans="1:4" ht="18" customHeight="1" x14ac:dyDescent="0.2">
      <c r="A10" s="8" t="s">
        <v>25</v>
      </c>
      <c r="B10" s="29">
        <v>156</v>
      </c>
      <c r="C10" s="10">
        <v>144</v>
      </c>
      <c r="D10" s="9">
        <v>300</v>
      </c>
    </row>
    <row r="11" spans="1:4" ht="18" customHeight="1" x14ac:dyDescent="0.2">
      <c r="A11" s="16">
        <v>5</v>
      </c>
      <c r="B11" s="29">
        <v>25</v>
      </c>
      <c r="C11" s="10">
        <v>33</v>
      </c>
      <c r="D11" s="9">
        <v>58</v>
      </c>
    </row>
    <row r="12" spans="1:4" ht="18" customHeight="1" x14ac:dyDescent="0.2">
      <c r="A12" s="16">
        <v>6</v>
      </c>
      <c r="B12" s="29">
        <v>31</v>
      </c>
      <c r="C12" s="10">
        <v>46</v>
      </c>
      <c r="D12" s="9">
        <v>77</v>
      </c>
    </row>
    <row r="13" spans="1:4" ht="18" customHeight="1" x14ac:dyDescent="0.2">
      <c r="A13" s="16">
        <v>7</v>
      </c>
      <c r="B13" s="29">
        <v>36</v>
      </c>
      <c r="C13" s="10">
        <v>33</v>
      </c>
      <c r="D13" s="9">
        <v>69</v>
      </c>
    </row>
    <row r="14" spans="1:4" ht="18" customHeight="1" x14ac:dyDescent="0.2">
      <c r="A14" s="16">
        <v>8</v>
      </c>
      <c r="B14" s="29">
        <v>39</v>
      </c>
      <c r="C14" s="10">
        <v>28</v>
      </c>
      <c r="D14" s="9">
        <v>67</v>
      </c>
    </row>
    <row r="15" spans="1:4" ht="18" customHeight="1" x14ac:dyDescent="0.2">
      <c r="A15" s="16">
        <v>9</v>
      </c>
      <c r="B15" s="29">
        <v>32</v>
      </c>
      <c r="C15" s="10">
        <v>34</v>
      </c>
      <c r="D15" s="9">
        <v>66</v>
      </c>
    </row>
    <row r="16" spans="1:4" ht="18" customHeight="1" x14ac:dyDescent="0.2">
      <c r="A16" s="8" t="s">
        <v>24</v>
      </c>
      <c r="B16" s="29">
        <v>163</v>
      </c>
      <c r="C16" s="10">
        <v>174</v>
      </c>
      <c r="D16" s="9">
        <v>337</v>
      </c>
    </row>
    <row r="17" spans="1:4" ht="18" customHeight="1" x14ac:dyDescent="0.2">
      <c r="A17" s="16">
        <v>10</v>
      </c>
      <c r="B17" s="29">
        <v>33</v>
      </c>
      <c r="C17" s="10">
        <v>35</v>
      </c>
      <c r="D17" s="9">
        <v>68</v>
      </c>
    </row>
    <row r="18" spans="1:4" ht="18" customHeight="1" x14ac:dyDescent="0.2">
      <c r="A18" s="16">
        <v>11</v>
      </c>
      <c r="B18" s="29">
        <v>26</v>
      </c>
      <c r="C18" s="10">
        <v>30</v>
      </c>
      <c r="D18" s="9">
        <v>56</v>
      </c>
    </row>
    <row r="19" spans="1:4" ht="18" customHeight="1" x14ac:dyDescent="0.2">
      <c r="A19" s="16">
        <v>12</v>
      </c>
      <c r="B19" s="29">
        <v>39</v>
      </c>
      <c r="C19" s="10">
        <v>32</v>
      </c>
      <c r="D19" s="9">
        <v>71</v>
      </c>
    </row>
    <row r="20" spans="1:4" ht="18" customHeight="1" x14ac:dyDescent="0.2">
      <c r="A20" s="16">
        <v>13</v>
      </c>
      <c r="B20" s="29">
        <v>39</v>
      </c>
      <c r="C20" s="10">
        <v>25</v>
      </c>
      <c r="D20" s="9">
        <v>64</v>
      </c>
    </row>
    <row r="21" spans="1:4" ht="18" customHeight="1" x14ac:dyDescent="0.2">
      <c r="A21" s="16">
        <v>14</v>
      </c>
      <c r="B21" s="29">
        <v>33</v>
      </c>
      <c r="C21" s="10">
        <v>19</v>
      </c>
      <c r="D21" s="9">
        <v>52</v>
      </c>
    </row>
    <row r="22" spans="1:4" ht="18" customHeight="1" x14ac:dyDescent="0.2">
      <c r="A22" s="8" t="s">
        <v>23</v>
      </c>
      <c r="B22" s="29">
        <v>170</v>
      </c>
      <c r="C22" s="10">
        <v>141</v>
      </c>
      <c r="D22" s="9">
        <v>311</v>
      </c>
    </row>
    <row r="23" spans="1:4" ht="18" customHeight="1" x14ac:dyDescent="0.2">
      <c r="A23" s="8" t="s">
        <v>22</v>
      </c>
      <c r="B23" s="29">
        <v>489</v>
      </c>
      <c r="C23" s="10">
        <v>459</v>
      </c>
      <c r="D23" s="9">
        <v>948</v>
      </c>
    </row>
    <row r="24" spans="1:4" ht="18" customHeight="1" x14ac:dyDescent="0.2">
      <c r="A24" s="16">
        <v>15</v>
      </c>
      <c r="B24" s="29">
        <v>24</v>
      </c>
      <c r="C24" s="10">
        <v>30</v>
      </c>
      <c r="D24" s="9">
        <v>54</v>
      </c>
    </row>
    <row r="25" spans="1:4" ht="18" customHeight="1" x14ac:dyDescent="0.2">
      <c r="A25" s="16">
        <v>16</v>
      </c>
      <c r="B25" s="29">
        <v>34</v>
      </c>
      <c r="C25" s="10">
        <v>24</v>
      </c>
      <c r="D25" s="9">
        <v>58</v>
      </c>
    </row>
    <row r="26" spans="1:4" ht="18" customHeight="1" x14ac:dyDescent="0.2">
      <c r="A26" s="16">
        <v>17</v>
      </c>
      <c r="B26" s="29">
        <v>36</v>
      </c>
      <c r="C26" s="10">
        <v>30</v>
      </c>
      <c r="D26" s="9">
        <v>66</v>
      </c>
    </row>
    <row r="27" spans="1:4" ht="18" customHeight="1" x14ac:dyDescent="0.2">
      <c r="A27" s="16">
        <v>18</v>
      </c>
      <c r="B27" s="29">
        <v>20</v>
      </c>
      <c r="C27" s="10">
        <v>25</v>
      </c>
      <c r="D27" s="9">
        <v>45</v>
      </c>
    </row>
    <row r="28" spans="1:4" ht="18" customHeight="1" x14ac:dyDescent="0.2">
      <c r="A28" s="16">
        <v>19</v>
      </c>
      <c r="B28" s="29">
        <v>30</v>
      </c>
      <c r="C28" s="10">
        <v>30</v>
      </c>
      <c r="D28" s="9">
        <v>60</v>
      </c>
    </row>
    <row r="29" spans="1:4" ht="18" customHeight="1" x14ac:dyDescent="0.2">
      <c r="A29" s="8" t="s">
        <v>21</v>
      </c>
      <c r="B29" s="29">
        <v>144</v>
      </c>
      <c r="C29" s="10">
        <v>139</v>
      </c>
      <c r="D29" s="9">
        <v>283</v>
      </c>
    </row>
    <row r="30" spans="1:4" ht="18" customHeight="1" x14ac:dyDescent="0.2">
      <c r="A30" s="16">
        <v>20</v>
      </c>
      <c r="B30" s="29">
        <v>24</v>
      </c>
      <c r="C30" s="10">
        <v>27</v>
      </c>
      <c r="D30" s="9">
        <v>51</v>
      </c>
    </row>
    <row r="31" spans="1:4" ht="18" customHeight="1" x14ac:dyDescent="0.2">
      <c r="A31" s="16">
        <v>21</v>
      </c>
      <c r="B31" s="29">
        <v>36</v>
      </c>
      <c r="C31" s="10">
        <v>22</v>
      </c>
      <c r="D31" s="9">
        <v>58</v>
      </c>
    </row>
    <row r="32" spans="1:4" ht="18" customHeight="1" x14ac:dyDescent="0.2">
      <c r="A32" s="16">
        <v>22</v>
      </c>
      <c r="B32" s="29">
        <v>34</v>
      </c>
      <c r="C32" s="10">
        <v>26</v>
      </c>
      <c r="D32" s="9">
        <v>60</v>
      </c>
    </row>
    <row r="33" spans="1:4" ht="18" customHeight="1" x14ac:dyDescent="0.2">
      <c r="A33" s="16">
        <v>23</v>
      </c>
      <c r="B33" s="29">
        <v>45</v>
      </c>
      <c r="C33" s="10">
        <v>32</v>
      </c>
      <c r="D33" s="9">
        <v>77</v>
      </c>
    </row>
    <row r="34" spans="1:4" ht="18" customHeight="1" x14ac:dyDescent="0.2">
      <c r="A34" s="16">
        <v>24</v>
      </c>
      <c r="B34" s="29">
        <v>38</v>
      </c>
      <c r="C34" s="10">
        <v>45</v>
      </c>
      <c r="D34" s="9">
        <v>83</v>
      </c>
    </row>
    <row r="35" spans="1:4" ht="18" customHeight="1" x14ac:dyDescent="0.2">
      <c r="A35" s="8" t="s">
        <v>20</v>
      </c>
      <c r="B35" s="29">
        <v>177</v>
      </c>
      <c r="C35" s="10">
        <v>152</v>
      </c>
      <c r="D35" s="9">
        <v>329</v>
      </c>
    </row>
    <row r="36" spans="1:4" ht="18" customHeight="1" x14ac:dyDescent="0.2">
      <c r="A36" s="16">
        <v>25</v>
      </c>
      <c r="B36" s="29">
        <v>33</v>
      </c>
      <c r="C36" s="10">
        <v>43</v>
      </c>
      <c r="D36" s="9">
        <v>76</v>
      </c>
    </row>
    <row r="37" spans="1:4" ht="18" customHeight="1" x14ac:dyDescent="0.2">
      <c r="A37" s="16">
        <v>26</v>
      </c>
      <c r="B37" s="29">
        <v>43</v>
      </c>
      <c r="C37" s="10">
        <v>54</v>
      </c>
      <c r="D37" s="9">
        <v>97</v>
      </c>
    </row>
    <row r="38" spans="1:4" ht="18" customHeight="1" x14ac:dyDescent="0.2">
      <c r="A38" s="16">
        <v>27</v>
      </c>
      <c r="B38" s="29">
        <v>37</v>
      </c>
      <c r="C38" s="10">
        <v>30</v>
      </c>
      <c r="D38" s="9">
        <v>67</v>
      </c>
    </row>
    <row r="39" spans="1:4" ht="18" customHeight="1" x14ac:dyDescent="0.2">
      <c r="A39" s="16">
        <v>28</v>
      </c>
      <c r="B39" s="29">
        <v>50</v>
      </c>
      <c r="C39" s="10">
        <v>40</v>
      </c>
      <c r="D39" s="9">
        <v>90</v>
      </c>
    </row>
    <row r="40" spans="1:4" ht="18" customHeight="1" x14ac:dyDescent="0.2">
      <c r="A40" s="16">
        <v>29</v>
      </c>
      <c r="B40" s="29">
        <v>50</v>
      </c>
      <c r="C40" s="10">
        <v>33</v>
      </c>
      <c r="D40" s="9">
        <v>83</v>
      </c>
    </row>
    <row r="41" spans="1:4" ht="18" customHeight="1" x14ac:dyDescent="0.2">
      <c r="A41" s="8" t="s">
        <v>19</v>
      </c>
      <c r="B41" s="29">
        <v>213</v>
      </c>
      <c r="C41" s="10">
        <v>200</v>
      </c>
      <c r="D41" s="9">
        <v>413</v>
      </c>
    </row>
    <row r="42" spans="1:4" ht="18" customHeight="1" x14ac:dyDescent="0.2">
      <c r="A42" s="16">
        <v>30</v>
      </c>
      <c r="B42" s="29">
        <v>55</v>
      </c>
      <c r="C42" s="10">
        <v>59</v>
      </c>
      <c r="D42" s="9">
        <v>114</v>
      </c>
    </row>
    <row r="43" spans="1:4" ht="18" customHeight="1" x14ac:dyDescent="0.2">
      <c r="A43" s="16">
        <v>31</v>
      </c>
      <c r="B43" s="29">
        <v>41</v>
      </c>
      <c r="C43" s="10">
        <v>48</v>
      </c>
      <c r="D43" s="9">
        <v>89</v>
      </c>
    </row>
    <row r="44" spans="1:4" ht="18" customHeight="1" x14ac:dyDescent="0.2">
      <c r="A44" s="16">
        <v>32</v>
      </c>
      <c r="B44" s="29">
        <v>42</v>
      </c>
      <c r="C44" s="10">
        <v>30</v>
      </c>
      <c r="D44" s="9">
        <v>72</v>
      </c>
    </row>
    <row r="45" spans="1:4" ht="18" customHeight="1" x14ac:dyDescent="0.2">
      <c r="A45" s="16">
        <v>33</v>
      </c>
      <c r="B45" s="29">
        <v>47</v>
      </c>
      <c r="C45" s="10">
        <v>42</v>
      </c>
      <c r="D45" s="9">
        <v>89</v>
      </c>
    </row>
    <row r="46" spans="1:4" ht="18" customHeight="1" x14ac:dyDescent="0.2">
      <c r="A46" s="16">
        <v>34</v>
      </c>
      <c r="B46" s="29">
        <v>34</v>
      </c>
      <c r="C46" s="10">
        <v>45</v>
      </c>
      <c r="D46" s="9">
        <v>79</v>
      </c>
    </row>
    <row r="47" spans="1:4" ht="18" customHeight="1" x14ac:dyDescent="0.2">
      <c r="A47" s="8" t="s">
        <v>18</v>
      </c>
      <c r="B47" s="29">
        <v>219</v>
      </c>
      <c r="C47" s="10">
        <v>224</v>
      </c>
      <c r="D47" s="9">
        <v>443</v>
      </c>
    </row>
    <row r="48" spans="1:4" ht="18" customHeight="1" x14ac:dyDescent="0.2">
      <c r="A48" s="16">
        <v>35</v>
      </c>
      <c r="B48" s="29">
        <v>52</v>
      </c>
      <c r="C48" s="10">
        <v>38</v>
      </c>
      <c r="D48" s="9">
        <v>90</v>
      </c>
    </row>
    <row r="49" spans="1:4" ht="18" customHeight="1" x14ac:dyDescent="0.2">
      <c r="A49" s="16">
        <v>36</v>
      </c>
      <c r="B49" s="29">
        <v>45</v>
      </c>
      <c r="C49" s="10">
        <v>41</v>
      </c>
      <c r="D49" s="9">
        <v>86</v>
      </c>
    </row>
    <row r="50" spans="1:4" ht="18" customHeight="1" x14ac:dyDescent="0.2">
      <c r="A50" s="16">
        <v>37</v>
      </c>
      <c r="B50" s="29">
        <v>51</v>
      </c>
      <c r="C50" s="10">
        <v>49</v>
      </c>
      <c r="D50" s="9">
        <v>100</v>
      </c>
    </row>
    <row r="51" spans="1:4" ht="18" customHeight="1" x14ac:dyDescent="0.2">
      <c r="A51" s="16">
        <v>38</v>
      </c>
      <c r="B51" s="29">
        <v>53</v>
      </c>
      <c r="C51" s="10">
        <v>46</v>
      </c>
      <c r="D51" s="9">
        <v>99</v>
      </c>
    </row>
    <row r="52" spans="1:4" ht="18" customHeight="1" x14ac:dyDescent="0.2">
      <c r="A52" s="16">
        <v>39</v>
      </c>
      <c r="B52" s="29">
        <v>45</v>
      </c>
      <c r="C52" s="10">
        <v>40</v>
      </c>
      <c r="D52" s="9">
        <v>85</v>
      </c>
    </row>
    <row r="53" spans="1:4" ht="18" customHeight="1" x14ac:dyDescent="0.2">
      <c r="A53" s="8" t="s">
        <v>17</v>
      </c>
      <c r="B53" s="29">
        <v>246</v>
      </c>
      <c r="C53" s="10">
        <v>214</v>
      </c>
      <c r="D53" s="9">
        <v>460</v>
      </c>
    </row>
    <row r="54" spans="1:4" ht="18" customHeight="1" x14ac:dyDescent="0.2">
      <c r="A54" s="16">
        <v>40</v>
      </c>
      <c r="B54" s="29">
        <v>62</v>
      </c>
      <c r="C54" s="10">
        <v>41</v>
      </c>
      <c r="D54" s="9">
        <v>103</v>
      </c>
    </row>
    <row r="55" spans="1:4" ht="18" customHeight="1" x14ac:dyDescent="0.2">
      <c r="A55" s="16">
        <v>41</v>
      </c>
      <c r="B55" s="29">
        <v>55</v>
      </c>
      <c r="C55" s="10">
        <v>46</v>
      </c>
      <c r="D55" s="9">
        <v>101</v>
      </c>
    </row>
    <row r="56" spans="1:4" ht="18" customHeight="1" x14ac:dyDescent="0.2">
      <c r="A56" s="16">
        <v>42</v>
      </c>
      <c r="B56" s="29">
        <v>38</v>
      </c>
      <c r="C56" s="10">
        <v>45</v>
      </c>
      <c r="D56" s="9">
        <v>83</v>
      </c>
    </row>
    <row r="57" spans="1:4" ht="18" customHeight="1" x14ac:dyDescent="0.2">
      <c r="A57" s="16">
        <v>43</v>
      </c>
      <c r="B57" s="29">
        <v>45</v>
      </c>
      <c r="C57" s="10">
        <v>44</v>
      </c>
      <c r="D57" s="9">
        <v>89</v>
      </c>
    </row>
    <row r="58" spans="1:4" ht="18" customHeight="1" x14ac:dyDescent="0.2">
      <c r="A58" s="16">
        <v>44</v>
      </c>
      <c r="B58" s="29">
        <v>45</v>
      </c>
      <c r="C58" s="10">
        <v>42</v>
      </c>
      <c r="D58" s="9">
        <v>87</v>
      </c>
    </row>
    <row r="59" spans="1:4" ht="18" customHeight="1" x14ac:dyDescent="0.2">
      <c r="A59" s="8" t="s">
        <v>16</v>
      </c>
      <c r="B59" s="29">
        <v>245</v>
      </c>
      <c r="C59" s="10">
        <v>218</v>
      </c>
      <c r="D59" s="9">
        <v>463</v>
      </c>
    </row>
    <row r="60" spans="1:4" ht="18" customHeight="1" x14ac:dyDescent="0.2">
      <c r="A60" s="16">
        <v>45</v>
      </c>
      <c r="B60" s="29">
        <v>54</v>
      </c>
      <c r="C60" s="10">
        <v>50</v>
      </c>
      <c r="D60" s="9">
        <v>104</v>
      </c>
    </row>
    <row r="61" spans="1:4" ht="18" customHeight="1" x14ac:dyDescent="0.2">
      <c r="A61" s="16">
        <v>46</v>
      </c>
      <c r="B61" s="29">
        <v>55</v>
      </c>
      <c r="C61" s="10">
        <v>59</v>
      </c>
      <c r="D61" s="9">
        <v>114</v>
      </c>
    </row>
    <row r="62" spans="1:4" ht="18" customHeight="1" x14ac:dyDescent="0.2">
      <c r="A62" s="16">
        <v>47</v>
      </c>
      <c r="B62" s="29">
        <v>55</v>
      </c>
      <c r="C62" s="10">
        <v>51</v>
      </c>
      <c r="D62" s="9">
        <v>106</v>
      </c>
    </row>
    <row r="63" spans="1:4" ht="18" customHeight="1" x14ac:dyDescent="0.2">
      <c r="A63" s="16">
        <v>48</v>
      </c>
      <c r="B63" s="29">
        <v>52</v>
      </c>
      <c r="C63" s="10">
        <v>54</v>
      </c>
      <c r="D63" s="9">
        <v>106</v>
      </c>
    </row>
    <row r="64" spans="1:4" ht="18" customHeight="1" x14ac:dyDescent="0.2">
      <c r="A64" s="16">
        <v>49</v>
      </c>
      <c r="B64" s="29">
        <v>68</v>
      </c>
      <c r="C64" s="10">
        <v>47</v>
      </c>
      <c r="D64" s="9">
        <v>115</v>
      </c>
    </row>
    <row r="65" spans="1:4" ht="18" customHeight="1" x14ac:dyDescent="0.2">
      <c r="A65" s="8" t="s">
        <v>15</v>
      </c>
      <c r="B65" s="29">
        <v>284</v>
      </c>
      <c r="C65" s="10">
        <v>261</v>
      </c>
      <c r="D65" s="9">
        <v>545</v>
      </c>
    </row>
    <row r="66" spans="1:4" ht="18" customHeight="1" x14ac:dyDescent="0.2">
      <c r="A66" s="16">
        <v>50</v>
      </c>
      <c r="B66" s="29">
        <v>73</v>
      </c>
      <c r="C66" s="10">
        <v>61</v>
      </c>
      <c r="D66" s="9">
        <v>134</v>
      </c>
    </row>
    <row r="67" spans="1:4" ht="18" customHeight="1" x14ac:dyDescent="0.2">
      <c r="A67" s="16">
        <v>51</v>
      </c>
      <c r="B67" s="29">
        <v>56</v>
      </c>
      <c r="C67" s="10">
        <v>61</v>
      </c>
      <c r="D67" s="9">
        <v>117</v>
      </c>
    </row>
    <row r="68" spans="1:4" ht="18" customHeight="1" x14ac:dyDescent="0.2">
      <c r="A68" s="16">
        <v>52</v>
      </c>
      <c r="B68" s="29">
        <v>55</v>
      </c>
      <c r="C68" s="10">
        <v>53</v>
      </c>
      <c r="D68" s="9">
        <v>108</v>
      </c>
    </row>
    <row r="69" spans="1:4" ht="18" customHeight="1" x14ac:dyDescent="0.2">
      <c r="A69" s="16">
        <v>53</v>
      </c>
      <c r="B69" s="29">
        <v>49</v>
      </c>
      <c r="C69" s="10">
        <v>51</v>
      </c>
      <c r="D69" s="9">
        <v>100</v>
      </c>
    </row>
    <row r="70" spans="1:4" ht="18" customHeight="1" x14ac:dyDescent="0.2">
      <c r="A70" s="16">
        <v>54</v>
      </c>
      <c r="B70" s="29">
        <v>61</v>
      </c>
      <c r="C70" s="10">
        <v>64</v>
      </c>
      <c r="D70" s="9">
        <v>125</v>
      </c>
    </row>
    <row r="71" spans="1:4" ht="18" customHeight="1" x14ac:dyDescent="0.2">
      <c r="A71" s="8" t="s">
        <v>14</v>
      </c>
      <c r="B71" s="29">
        <v>294</v>
      </c>
      <c r="C71" s="10">
        <v>290</v>
      </c>
      <c r="D71" s="9">
        <v>584</v>
      </c>
    </row>
    <row r="72" spans="1:4" ht="18" customHeight="1" x14ac:dyDescent="0.2">
      <c r="A72" s="16">
        <v>55</v>
      </c>
      <c r="B72" s="29">
        <v>59</v>
      </c>
      <c r="C72" s="10">
        <v>54</v>
      </c>
      <c r="D72" s="9">
        <v>113</v>
      </c>
    </row>
    <row r="73" spans="1:4" ht="18" customHeight="1" x14ac:dyDescent="0.2">
      <c r="A73" s="16">
        <v>56</v>
      </c>
      <c r="B73" s="29">
        <v>60</v>
      </c>
      <c r="C73" s="10">
        <v>55</v>
      </c>
      <c r="D73" s="9">
        <v>115</v>
      </c>
    </row>
    <row r="74" spans="1:4" ht="18" customHeight="1" x14ac:dyDescent="0.2">
      <c r="A74" s="16">
        <v>57</v>
      </c>
      <c r="B74" s="29">
        <v>48</v>
      </c>
      <c r="C74" s="10">
        <v>60</v>
      </c>
      <c r="D74" s="9">
        <v>108</v>
      </c>
    </row>
    <row r="75" spans="1:4" ht="18" customHeight="1" x14ac:dyDescent="0.2">
      <c r="A75" s="16">
        <v>58</v>
      </c>
      <c r="B75" s="29">
        <v>70</v>
      </c>
      <c r="C75" s="10">
        <v>56</v>
      </c>
      <c r="D75" s="9">
        <v>126</v>
      </c>
    </row>
    <row r="76" spans="1:4" ht="18" customHeight="1" x14ac:dyDescent="0.2">
      <c r="A76" s="16">
        <v>59</v>
      </c>
      <c r="B76" s="29">
        <v>57</v>
      </c>
      <c r="C76" s="10">
        <v>64</v>
      </c>
      <c r="D76" s="9">
        <v>121</v>
      </c>
    </row>
    <row r="77" spans="1:4" ht="18" customHeight="1" x14ac:dyDescent="0.2">
      <c r="A77" s="8" t="s">
        <v>13</v>
      </c>
      <c r="B77" s="29">
        <v>294</v>
      </c>
      <c r="C77" s="10">
        <v>289</v>
      </c>
      <c r="D77" s="9">
        <v>583</v>
      </c>
    </row>
    <row r="78" spans="1:4" ht="18" customHeight="1" x14ac:dyDescent="0.2">
      <c r="A78" s="16">
        <v>60</v>
      </c>
      <c r="B78" s="29">
        <v>40</v>
      </c>
      <c r="C78" s="10">
        <v>61</v>
      </c>
      <c r="D78" s="9">
        <v>101</v>
      </c>
    </row>
    <row r="79" spans="1:4" ht="18" customHeight="1" x14ac:dyDescent="0.2">
      <c r="A79" s="16">
        <v>61</v>
      </c>
      <c r="B79" s="29">
        <v>42</v>
      </c>
      <c r="C79" s="10">
        <v>50</v>
      </c>
      <c r="D79" s="9">
        <v>92</v>
      </c>
    </row>
    <row r="80" spans="1:4" ht="18" customHeight="1" x14ac:dyDescent="0.2">
      <c r="A80" s="16">
        <v>62</v>
      </c>
      <c r="B80" s="29">
        <v>50</v>
      </c>
      <c r="C80" s="10">
        <v>35</v>
      </c>
      <c r="D80" s="9">
        <v>85</v>
      </c>
    </row>
    <row r="81" spans="1:4" ht="18" customHeight="1" x14ac:dyDescent="0.2">
      <c r="A81" s="16">
        <v>63</v>
      </c>
      <c r="B81" s="29">
        <v>48</v>
      </c>
      <c r="C81" s="10">
        <v>43</v>
      </c>
      <c r="D81" s="9">
        <v>91</v>
      </c>
    </row>
    <row r="82" spans="1:4" ht="18" customHeight="1" x14ac:dyDescent="0.2">
      <c r="A82" s="16">
        <v>64</v>
      </c>
      <c r="B82" s="29">
        <v>53</v>
      </c>
      <c r="C82" s="10">
        <v>43</v>
      </c>
      <c r="D82" s="9">
        <v>96</v>
      </c>
    </row>
    <row r="83" spans="1:4" ht="18" customHeight="1" x14ac:dyDescent="0.2">
      <c r="A83" s="8" t="s">
        <v>12</v>
      </c>
      <c r="B83" s="29">
        <v>233</v>
      </c>
      <c r="C83" s="10">
        <v>232</v>
      </c>
      <c r="D83" s="9">
        <v>465</v>
      </c>
    </row>
    <row r="84" spans="1:4" ht="18" customHeight="1" x14ac:dyDescent="0.2">
      <c r="A84" s="8" t="s">
        <v>11</v>
      </c>
      <c r="B84" s="29">
        <v>2349</v>
      </c>
      <c r="C84" s="10">
        <v>2219</v>
      </c>
      <c r="D84" s="9">
        <v>4568</v>
      </c>
    </row>
    <row r="85" spans="1:4" ht="18" customHeight="1" x14ac:dyDescent="0.2">
      <c r="A85" s="16">
        <v>65</v>
      </c>
      <c r="B85" s="29">
        <v>55</v>
      </c>
      <c r="C85" s="10">
        <v>43</v>
      </c>
      <c r="D85" s="9">
        <v>98</v>
      </c>
    </row>
    <row r="86" spans="1:4" ht="18" customHeight="1" x14ac:dyDescent="0.2">
      <c r="A86" s="16">
        <v>66</v>
      </c>
      <c r="B86" s="29">
        <v>39</v>
      </c>
      <c r="C86" s="10">
        <v>25</v>
      </c>
      <c r="D86" s="9">
        <v>64</v>
      </c>
    </row>
    <row r="87" spans="1:4" ht="18" customHeight="1" x14ac:dyDescent="0.2">
      <c r="A87" s="16">
        <v>67</v>
      </c>
      <c r="B87" s="29">
        <v>46</v>
      </c>
      <c r="C87" s="10">
        <v>48</v>
      </c>
      <c r="D87" s="9">
        <v>94</v>
      </c>
    </row>
    <row r="88" spans="1:4" ht="18" customHeight="1" x14ac:dyDescent="0.2">
      <c r="A88" s="16">
        <v>68</v>
      </c>
      <c r="B88" s="29">
        <v>33</v>
      </c>
      <c r="C88" s="10">
        <v>53</v>
      </c>
      <c r="D88" s="9">
        <v>86</v>
      </c>
    </row>
    <row r="89" spans="1:4" ht="18" customHeight="1" x14ac:dyDescent="0.2">
      <c r="A89" s="16">
        <v>69</v>
      </c>
      <c r="B89" s="29">
        <v>50</v>
      </c>
      <c r="C89" s="10">
        <v>44</v>
      </c>
      <c r="D89" s="9">
        <v>94</v>
      </c>
    </row>
    <row r="90" spans="1:4" ht="18" customHeight="1" x14ac:dyDescent="0.2">
      <c r="A90" s="8" t="s">
        <v>10</v>
      </c>
      <c r="B90" s="29">
        <v>223</v>
      </c>
      <c r="C90" s="10">
        <v>213</v>
      </c>
      <c r="D90" s="9">
        <v>436</v>
      </c>
    </row>
    <row r="91" spans="1:4" ht="18" customHeight="1" x14ac:dyDescent="0.2">
      <c r="A91" s="16">
        <v>70</v>
      </c>
      <c r="B91" s="29">
        <v>38</v>
      </c>
      <c r="C91" s="10">
        <v>49</v>
      </c>
      <c r="D91" s="9">
        <v>87</v>
      </c>
    </row>
    <row r="92" spans="1:4" ht="18" customHeight="1" x14ac:dyDescent="0.2">
      <c r="A92" s="16">
        <v>71</v>
      </c>
      <c r="B92" s="29">
        <v>29</v>
      </c>
      <c r="C92" s="10">
        <v>60</v>
      </c>
      <c r="D92" s="9">
        <v>89</v>
      </c>
    </row>
    <row r="93" spans="1:4" ht="18" customHeight="1" x14ac:dyDescent="0.2">
      <c r="A93" s="16">
        <v>72</v>
      </c>
      <c r="B93" s="29">
        <v>50</v>
      </c>
      <c r="C93" s="10">
        <v>59</v>
      </c>
      <c r="D93" s="9">
        <v>109</v>
      </c>
    </row>
    <row r="94" spans="1:4" ht="18" customHeight="1" x14ac:dyDescent="0.2">
      <c r="A94" s="16">
        <v>73</v>
      </c>
      <c r="B94" s="29">
        <v>59</v>
      </c>
      <c r="C94" s="10">
        <v>57</v>
      </c>
      <c r="D94" s="9">
        <v>116</v>
      </c>
    </row>
    <row r="95" spans="1:4" ht="18" customHeight="1" x14ac:dyDescent="0.2">
      <c r="A95" s="16">
        <v>74</v>
      </c>
      <c r="B95" s="29">
        <v>75</v>
      </c>
      <c r="C95" s="10">
        <v>74</v>
      </c>
      <c r="D95" s="9">
        <v>149</v>
      </c>
    </row>
    <row r="96" spans="1:4" ht="18" customHeight="1" x14ac:dyDescent="0.2">
      <c r="A96" s="8" t="s">
        <v>9</v>
      </c>
      <c r="B96" s="29">
        <v>251</v>
      </c>
      <c r="C96" s="10">
        <v>299</v>
      </c>
      <c r="D96" s="9">
        <v>550</v>
      </c>
    </row>
    <row r="97" spans="1:4" ht="18" customHeight="1" x14ac:dyDescent="0.2">
      <c r="A97" s="16">
        <v>75</v>
      </c>
      <c r="B97" s="29">
        <v>48</v>
      </c>
      <c r="C97" s="10">
        <v>75</v>
      </c>
      <c r="D97" s="9">
        <v>123</v>
      </c>
    </row>
    <row r="98" spans="1:4" ht="18" customHeight="1" x14ac:dyDescent="0.2">
      <c r="A98" s="16">
        <v>76</v>
      </c>
      <c r="B98" s="29">
        <v>55</v>
      </c>
      <c r="C98" s="10">
        <v>74</v>
      </c>
      <c r="D98" s="9">
        <v>129</v>
      </c>
    </row>
    <row r="99" spans="1:4" ht="18" customHeight="1" x14ac:dyDescent="0.2">
      <c r="A99" s="16">
        <v>77</v>
      </c>
      <c r="B99" s="29">
        <v>29</v>
      </c>
      <c r="C99" s="10">
        <v>40</v>
      </c>
      <c r="D99" s="9">
        <v>69</v>
      </c>
    </row>
    <row r="100" spans="1:4" ht="18" customHeight="1" x14ac:dyDescent="0.2">
      <c r="A100" s="16">
        <v>78</v>
      </c>
      <c r="B100" s="29">
        <v>37</v>
      </c>
      <c r="C100" s="10">
        <v>58</v>
      </c>
      <c r="D100" s="9">
        <v>95</v>
      </c>
    </row>
    <row r="101" spans="1:4" ht="18" customHeight="1" x14ac:dyDescent="0.2">
      <c r="A101" s="16">
        <v>79</v>
      </c>
      <c r="B101" s="29">
        <v>50</v>
      </c>
      <c r="C101" s="10">
        <v>77</v>
      </c>
      <c r="D101" s="9">
        <v>127</v>
      </c>
    </row>
    <row r="102" spans="1:4" ht="18" customHeight="1" x14ac:dyDescent="0.2">
      <c r="A102" s="8" t="s">
        <v>8</v>
      </c>
      <c r="B102" s="29">
        <v>219</v>
      </c>
      <c r="C102" s="10">
        <v>324</v>
      </c>
      <c r="D102" s="9">
        <v>543</v>
      </c>
    </row>
    <row r="103" spans="1:4" ht="18" customHeight="1" x14ac:dyDescent="0.2">
      <c r="A103" s="16">
        <v>80</v>
      </c>
      <c r="B103" s="29">
        <v>43</v>
      </c>
      <c r="C103" s="10">
        <v>52</v>
      </c>
      <c r="D103" s="9">
        <v>95</v>
      </c>
    </row>
    <row r="104" spans="1:4" ht="18" customHeight="1" x14ac:dyDescent="0.2">
      <c r="A104" s="16">
        <v>81</v>
      </c>
      <c r="B104" s="29">
        <v>41</v>
      </c>
      <c r="C104" s="10">
        <v>69</v>
      </c>
      <c r="D104" s="9">
        <v>110</v>
      </c>
    </row>
    <row r="105" spans="1:4" ht="18" customHeight="1" x14ac:dyDescent="0.2">
      <c r="A105" s="16">
        <v>82</v>
      </c>
      <c r="B105" s="29">
        <v>45</v>
      </c>
      <c r="C105" s="10">
        <v>64</v>
      </c>
      <c r="D105" s="9">
        <v>109</v>
      </c>
    </row>
    <row r="106" spans="1:4" ht="18" customHeight="1" x14ac:dyDescent="0.2">
      <c r="A106" s="16">
        <v>83</v>
      </c>
      <c r="B106" s="29">
        <v>32</v>
      </c>
      <c r="C106" s="10">
        <v>49</v>
      </c>
      <c r="D106" s="9">
        <v>81</v>
      </c>
    </row>
    <row r="107" spans="1:4" ht="18" customHeight="1" x14ac:dyDescent="0.2">
      <c r="A107" s="16">
        <v>84</v>
      </c>
      <c r="B107" s="29">
        <v>33</v>
      </c>
      <c r="C107" s="10">
        <v>40</v>
      </c>
      <c r="D107" s="9">
        <v>73</v>
      </c>
    </row>
    <row r="108" spans="1:4" ht="18" customHeight="1" x14ac:dyDescent="0.2">
      <c r="A108" s="8" t="s">
        <v>7</v>
      </c>
      <c r="B108" s="29">
        <v>194</v>
      </c>
      <c r="C108" s="10">
        <v>274</v>
      </c>
      <c r="D108" s="9">
        <v>468</v>
      </c>
    </row>
    <row r="109" spans="1:4" ht="18" customHeight="1" x14ac:dyDescent="0.2">
      <c r="A109" s="16">
        <v>85</v>
      </c>
      <c r="B109" s="29">
        <v>28</v>
      </c>
      <c r="C109" s="10">
        <v>43</v>
      </c>
      <c r="D109" s="9">
        <v>71</v>
      </c>
    </row>
    <row r="110" spans="1:4" ht="18" customHeight="1" x14ac:dyDescent="0.2">
      <c r="A110" s="16">
        <v>86</v>
      </c>
      <c r="B110" s="29">
        <v>26</v>
      </c>
      <c r="C110" s="10">
        <v>49</v>
      </c>
      <c r="D110" s="9">
        <v>75</v>
      </c>
    </row>
    <row r="111" spans="1:4" ht="18" customHeight="1" x14ac:dyDescent="0.2">
      <c r="A111" s="16">
        <v>87</v>
      </c>
      <c r="B111" s="29">
        <v>28</v>
      </c>
      <c r="C111" s="10">
        <v>45</v>
      </c>
      <c r="D111" s="9">
        <v>73</v>
      </c>
    </row>
    <row r="112" spans="1:4" ht="18" customHeight="1" x14ac:dyDescent="0.2">
      <c r="A112" s="16">
        <v>88</v>
      </c>
      <c r="B112" s="29">
        <v>25</v>
      </c>
      <c r="C112" s="10">
        <v>24</v>
      </c>
      <c r="D112" s="9">
        <v>49</v>
      </c>
    </row>
    <row r="113" spans="1:4" ht="18" customHeight="1" x14ac:dyDescent="0.2">
      <c r="A113" s="16">
        <v>89</v>
      </c>
      <c r="B113" s="29">
        <v>20</v>
      </c>
      <c r="C113" s="10">
        <v>33</v>
      </c>
      <c r="D113" s="9">
        <v>53</v>
      </c>
    </row>
    <row r="114" spans="1:4" ht="18" customHeight="1" x14ac:dyDescent="0.2">
      <c r="A114" s="8" t="s">
        <v>6</v>
      </c>
      <c r="B114" s="29">
        <v>127</v>
      </c>
      <c r="C114" s="10">
        <v>194</v>
      </c>
      <c r="D114" s="9">
        <v>321</v>
      </c>
    </row>
    <row r="115" spans="1:4" ht="18" customHeight="1" x14ac:dyDescent="0.2">
      <c r="A115" s="16">
        <v>90</v>
      </c>
      <c r="B115" s="29">
        <v>8</v>
      </c>
      <c r="C115" s="10">
        <v>35</v>
      </c>
      <c r="D115" s="9">
        <v>43</v>
      </c>
    </row>
    <row r="116" spans="1:4" ht="18" customHeight="1" x14ac:dyDescent="0.2">
      <c r="A116" s="16">
        <v>91</v>
      </c>
      <c r="B116" s="29">
        <v>7</v>
      </c>
      <c r="C116" s="10">
        <v>27</v>
      </c>
      <c r="D116" s="9">
        <v>34</v>
      </c>
    </row>
    <row r="117" spans="1:4" ht="18" customHeight="1" x14ac:dyDescent="0.2">
      <c r="A117" s="16">
        <v>92</v>
      </c>
      <c r="B117" s="29">
        <v>6</v>
      </c>
      <c r="C117" s="10">
        <v>24</v>
      </c>
      <c r="D117" s="9">
        <v>30</v>
      </c>
    </row>
    <row r="118" spans="1:4" ht="18" customHeight="1" x14ac:dyDescent="0.2">
      <c r="A118" s="16">
        <v>93</v>
      </c>
      <c r="B118" s="29">
        <v>10</v>
      </c>
      <c r="C118" s="10">
        <v>27</v>
      </c>
      <c r="D118" s="9">
        <v>37</v>
      </c>
    </row>
    <row r="119" spans="1:4" ht="18" customHeight="1" x14ac:dyDescent="0.2">
      <c r="A119" s="16">
        <v>94</v>
      </c>
      <c r="B119" s="29">
        <v>3</v>
      </c>
      <c r="C119" s="10">
        <v>15</v>
      </c>
      <c r="D119" s="9">
        <v>18</v>
      </c>
    </row>
    <row r="120" spans="1:4" ht="18" customHeight="1" x14ac:dyDescent="0.2">
      <c r="A120" s="8" t="s">
        <v>5</v>
      </c>
      <c r="B120" s="29">
        <v>34</v>
      </c>
      <c r="C120" s="10">
        <v>128</v>
      </c>
      <c r="D120" s="9">
        <v>162</v>
      </c>
    </row>
    <row r="121" spans="1:4" ht="18" customHeight="1" x14ac:dyDescent="0.2">
      <c r="A121" s="16">
        <v>95</v>
      </c>
      <c r="B121" s="29">
        <v>3</v>
      </c>
      <c r="C121" s="10">
        <v>7</v>
      </c>
      <c r="D121" s="9">
        <v>10</v>
      </c>
    </row>
    <row r="122" spans="1:4" ht="18" customHeight="1" x14ac:dyDescent="0.2">
      <c r="A122" s="16">
        <v>96</v>
      </c>
      <c r="B122" s="29">
        <v>2</v>
      </c>
      <c r="C122" s="10">
        <v>10</v>
      </c>
      <c r="D122" s="9">
        <v>12</v>
      </c>
    </row>
    <row r="123" spans="1:4" ht="18" customHeight="1" x14ac:dyDescent="0.2">
      <c r="A123" s="16">
        <v>97</v>
      </c>
      <c r="B123" s="29">
        <v>2</v>
      </c>
      <c r="C123" s="10">
        <v>6</v>
      </c>
      <c r="D123" s="9">
        <v>8</v>
      </c>
    </row>
    <row r="124" spans="1:4" ht="18" customHeight="1" x14ac:dyDescent="0.2">
      <c r="A124" s="16">
        <v>98</v>
      </c>
      <c r="B124" s="29">
        <v>0</v>
      </c>
      <c r="C124" s="10">
        <v>5</v>
      </c>
      <c r="D124" s="9">
        <v>5</v>
      </c>
    </row>
    <row r="125" spans="1:4" ht="18" customHeight="1" x14ac:dyDescent="0.2">
      <c r="A125" s="16">
        <v>99</v>
      </c>
      <c r="B125" s="29">
        <v>0</v>
      </c>
      <c r="C125" s="10">
        <v>5</v>
      </c>
      <c r="D125" s="9">
        <v>5</v>
      </c>
    </row>
    <row r="126" spans="1:4" ht="18" customHeight="1" x14ac:dyDescent="0.2">
      <c r="A126" s="8" t="s">
        <v>4</v>
      </c>
      <c r="B126" s="29">
        <v>7</v>
      </c>
      <c r="C126" s="10">
        <v>33</v>
      </c>
      <c r="D126" s="9">
        <v>40</v>
      </c>
    </row>
    <row r="127" spans="1:4" ht="18" customHeight="1" x14ac:dyDescent="0.2">
      <c r="A127" s="16">
        <v>100</v>
      </c>
      <c r="B127" s="29">
        <v>0</v>
      </c>
      <c r="C127" s="10">
        <v>4</v>
      </c>
      <c r="D127" s="9">
        <v>4</v>
      </c>
    </row>
    <row r="128" spans="1:4" ht="18" customHeight="1" x14ac:dyDescent="0.2">
      <c r="A128" s="15" t="s">
        <v>3</v>
      </c>
      <c r="B128" s="29">
        <v>0</v>
      </c>
      <c r="C128" s="10">
        <v>5</v>
      </c>
      <c r="D128" s="9">
        <v>5</v>
      </c>
    </row>
    <row r="129" spans="1:4" ht="18" customHeight="1" x14ac:dyDescent="0.2">
      <c r="A129" s="8" t="s">
        <v>2</v>
      </c>
      <c r="B129" s="29">
        <v>0</v>
      </c>
      <c r="C129" s="10">
        <v>9</v>
      </c>
      <c r="D129" s="9">
        <v>9</v>
      </c>
    </row>
    <row r="130" spans="1:4" ht="18" customHeight="1" x14ac:dyDescent="0.2">
      <c r="A130" s="8" t="s">
        <v>1</v>
      </c>
      <c r="B130" s="28">
        <v>1055</v>
      </c>
      <c r="C130" s="6">
        <v>1474</v>
      </c>
      <c r="D130" s="5">
        <v>2529</v>
      </c>
    </row>
    <row r="131" spans="1:4" ht="18" customHeight="1" x14ac:dyDescent="0.2">
      <c r="A131" s="4" t="s">
        <v>0</v>
      </c>
      <c r="B131" s="27">
        <v>3893</v>
      </c>
      <c r="C131" s="2">
        <v>4152</v>
      </c>
      <c r="D131" s="1">
        <v>8045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A0A3D01-D376-4C37-82FA-3F9D94939427}">
  <sheetPr codeName="Sheet2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45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16</v>
      </c>
      <c r="C5" s="18">
        <v>12</v>
      </c>
      <c r="D5" s="17">
        <v>28</v>
      </c>
    </row>
    <row r="6" spans="1:4" ht="18" customHeight="1" x14ac:dyDescent="0.2">
      <c r="A6" s="16">
        <v>1</v>
      </c>
      <c r="B6" s="29">
        <v>18</v>
      </c>
      <c r="C6" s="10">
        <v>19</v>
      </c>
      <c r="D6" s="9">
        <v>37</v>
      </c>
    </row>
    <row r="7" spans="1:4" ht="18" customHeight="1" x14ac:dyDescent="0.2">
      <c r="A7" s="16">
        <v>2</v>
      </c>
      <c r="B7" s="29">
        <v>23</v>
      </c>
      <c r="C7" s="10">
        <v>28</v>
      </c>
      <c r="D7" s="9">
        <v>51</v>
      </c>
    </row>
    <row r="8" spans="1:4" ht="18" customHeight="1" x14ac:dyDescent="0.2">
      <c r="A8" s="16">
        <v>3</v>
      </c>
      <c r="B8" s="29">
        <v>15</v>
      </c>
      <c r="C8" s="10">
        <v>28</v>
      </c>
      <c r="D8" s="9">
        <v>43</v>
      </c>
    </row>
    <row r="9" spans="1:4" ht="18" customHeight="1" x14ac:dyDescent="0.2">
      <c r="A9" s="16">
        <v>4</v>
      </c>
      <c r="B9" s="29">
        <v>22</v>
      </c>
      <c r="C9" s="10">
        <v>37</v>
      </c>
      <c r="D9" s="9">
        <v>59</v>
      </c>
    </row>
    <row r="10" spans="1:4" ht="18" customHeight="1" x14ac:dyDescent="0.2">
      <c r="A10" s="8" t="s">
        <v>25</v>
      </c>
      <c r="B10" s="29">
        <v>94</v>
      </c>
      <c r="C10" s="10">
        <v>124</v>
      </c>
      <c r="D10" s="9">
        <v>218</v>
      </c>
    </row>
    <row r="11" spans="1:4" ht="18" customHeight="1" x14ac:dyDescent="0.2">
      <c r="A11" s="16">
        <v>5</v>
      </c>
      <c r="B11" s="29">
        <v>21</v>
      </c>
      <c r="C11" s="10">
        <v>22</v>
      </c>
      <c r="D11" s="9">
        <v>43</v>
      </c>
    </row>
    <row r="12" spans="1:4" ht="18" customHeight="1" x14ac:dyDescent="0.2">
      <c r="A12" s="16">
        <v>6</v>
      </c>
      <c r="B12" s="29">
        <v>24</v>
      </c>
      <c r="C12" s="10">
        <v>40</v>
      </c>
      <c r="D12" s="9">
        <v>64</v>
      </c>
    </row>
    <row r="13" spans="1:4" ht="18" customHeight="1" x14ac:dyDescent="0.2">
      <c r="A13" s="16">
        <v>7</v>
      </c>
      <c r="B13" s="29">
        <v>30</v>
      </c>
      <c r="C13" s="10">
        <v>23</v>
      </c>
      <c r="D13" s="9">
        <v>53</v>
      </c>
    </row>
    <row r="14" spans="1:4" ht="18" customHeight="1" x14ac:dyDescent="0.2">
      <c r="A14" s="16">
        <v>8</v>
      </c>
      <c r="B14" s="29">
        <v>36</v>
      </c>
      <c r="C14" s="10">
        <v>31</v>
      </c>
      <c r="D14" s="9">
        <v>67</v>
      </c>
    </row>
    <row r="15" spans="1:4" ht="18" customHeight="1" x14ac:dyDescent="0.2">
      <c r="A15" s="16">
        <v>9</v>
      </c>
      <c r="B15" s="29">
        <v>28</v>
      </c>
      <c r="C15" s="10">
        <v>18</v>
      </c>
      <c r="D15" s="9">
        <v>46</v>
      </c>
    </row>
    <row r="16" spans="1:4" ht="18" customHeight="1" x14ac:dyDescent="0.2">
      <c r="A16" s="8" t="s">
        <v>24</v>
      </c>
      <c r="B16" s="29">
        <v>139</v>
      </c>
      <c r="C16" s="10">
        <v>134</v>
      </c>
      <c r="D16" s="9">
        <v>273</v>
      </c>
    </row>
    <row r="17" spans="1:4" ht="18" customHeight="1" x14ac:dyDescent="0.2">
      <c r="A17" s="16">
        <v>10</v>
      </c>
      <c r="B17" s="29">
        <v>23</v>
      </c>
      <c r="C17" s="10">
        <v>27</v>
      </c>
      <c r="D17" s="9">
        <v>50</v>
      </c>
    </row>
    <row r="18" spans="1:4" ht="18" customHeight="1" x14ac:dyDescent="0.2">
      <c r="A18" s="16">
        <v>11</v>
      </c>
      <c r="B18" s="29">
        <v>23</v>
      </c>
      <c r="C18" s="10">
        <v>26</v>
      </c>
      <c r="D18" s="9">
        <v>49</v>
      </c>
    </row>
    <row r="19" spans="1:4" ht="18" customHeight="1" x14ac:dyDescent="0.2">
      <c r="A19" s="16">
        <v>12</v>
      </c>
      <c r="B19" s="29">
        <v>27</v>
      </c>
      <c r="C19" s="10">
        <v>23</v>
      </c>
      <c r="D19" s="9">
        <v>50</v>
      </c>
    </row>
    <row r="20" spans="1:4" ht="18" customHeight="1" x14ac:dyDescent="0.2">
      <c r="A20" s="16">
        <v>13</v>
      </c>
      <c r="B20" s="29">
        <v>31</v>
      </c>
      <c r="C20" s="10">
        <v>22</v>
      </c>
      <c r="D20" s="9">
        <v>53</v>
      </c>
    </row>
    <row r="21" spans="1:4" ht="18" customHeight="1" x14ac:dyDescent="0.2">
      <c r="A21" s="16">
        <v>14</v>
      </c>
      <c r="B21" s="29">
        <v>25</v>
      </c>
      <c r="C21" s="10">
        <v>24</v>
      </c>
      <c r="D21" s="9">
        <v>49</v>
      </c>
    </row>
    <row r="22" spans="1:4" ht="18" customHeight="1" x14ac:dyDescent="0.2">
      <c r="A22" s="8" t="s">
        <v>23</v>
      </c>
      <c r="B22" s="29">
        <v>129</v>
      </c>
      <c r="C22" s="10">
        <v>122</v>
      </c>
      <c r="D22" s="9">
        <v>251</v>
      </c>
    </row>
    <row r="23" spans="1:4" ht="18" customHeight="1" x14ac:dyDescent="0.2">
      <c r="A23" s="8" t="s">
        <v>22</v>
      </c>
      <c r="B23" s="29">
        <v>362</v>
      </c>
      <c r="C23" s="10">
        <v>380</v>
      </c>
      <c r="D23" s="9">
        <v>742</v>
      </c>
    </row>
    <row r="24" spans="1:4" ht="18" customHeight="1" x14ac:dyDescent="0.2">
      <c r="A24" s="16">
        <v>15</v>
      </c>
      <c r="B24" s="29">
        <v>35</v>
      </c>
      <c r="C24" s="10">
        <v>35</v>
      </c>
      <c r="D24" s="9">
        <v>70</v>
      </c>
    </row>
    <row r="25" spans="1:4" ht="18" customHeight="1" x14ac:dyDescent="0.2">
      <c r="A25" s="16">
        <v>16</v>
      </c>
      <c r="B25" s="29">
        <v>19</v>
      </c>
      <c r="C25" s="10">
        <v>21</v>
      </c>
      <c r="D25" s="9">
        <v>40</v>
      </c>
    </row>
    <row r="26" spans="1:4" ht="18" customHeight="1" x14ac:dyDescent="0.2">
      <c r="A26" s="16">
        <v>17</v>
      </c>
      <c r="B26" s="29">
        <v>38</v>
      </c>
      <c r="C26" s="10">
        <v>24</v>
      </c>
      <c r="D26" s="9">
        <v>62</v>
      </c>
    </row>
    <row r="27" spans="1:4" ht="18" customHeight="1" x14ac:dyDescent="0.2">
      <c r="A27" s="16">
        <v>18</v>
      </c>
      <c r="B27" s="29">
        <v>35</v>
      </c>
      <c r="C27" s="10">
        <v>28</v>
      </c>
      <c r="D27" s="9">
        <v>63</v>
      </c>
    </row>
    <row r="28" spans="1:4" ht="18" customHeight="1" x14ac:dyDescent="0.2">
      <c r="A28" s="16">
        <v>19</v>
      </c>
      <c r="B28" s="29">
        <v>31</v>
      </c>
      <c r="C28" s="10">
        <v>33</v>
      </c>
      <c r="D28" s="9">
        <v>64</v>
      </c>
    </row>
    <row r="29" spans="1:4" ht="18" customHeight="1" x14ac:dyDescent="0.2">
      <c r="A29" s="8" t="s">
        <v>21</v>
      </c>
      <c r="B29" s="29">
        <v>158</v>
      </c>
      <c r="C29" s="10">
        <v>141</v>
      </c>
      <c r="D29" s="9">
        <v>299</v>
      </c>
    </row>
    <row r="30" spans="1:4" ht="18" customHeight="1" x14ac:dyDescent="0.2">
      <c r="A30" s="16">
        <v>20</v>
      </c>
      <c r="B30" s="29">
        <v>32</v>
      </c>
      <c r="C30" s="10">
        <v>31</v>
      </c>
      <c r="D30" s="9">
        <v>63</v>
      </c>
    </row>
    <row r="31" spans="1:4" ht="18" customHeight="1" x14ac:dyDescent="0.2">
      <c r="A31" s="16">
        <v>21</v>
      </c>
      <c r="B31" s="29">
        <v>40</v>
      </c>
      <c r="C31" s="10">
        <v>28</v>
      </c>
      <c r="D31" s="9">
        <v>68</v>
      </c>
    </row>
    <row r="32" spans="1:4" ht="18" customHeight="1" x14ac:dyDescent="0.2">
      <c r="A32" s="16">
        <v>22</v>
      </c>
      <c r="B32" s="29">
        <v>38</v>
      </c>
      <c r="C32" s="10">
        <v>34</v>
      </c>
      <c r="D32" s="9">
        <v>72</v>
      </c>
    </row>
    <row r="33" spans="1:4" ht="18" customHeight="1" x14ac:dyDescent="0.2">
      <c r="A33" s="16">
        <v>23</v>
      </c>
      <c r="B33" s="29">
        <v>27</v>
      </c>
      <c r="C33" s="10">
        <v>22</v>
      </c>
      <c r="D33" s="9">
        <v>49</v>
      </c>
    </row>
    <row r="34" spans="1:4" ht="18" customHeight="1" x14ac:dyDescent="0.2">
      <c r="A34" s="16">
        <v>24</v>
      </c>
      <c r="B34" s="29">
        <v>34</v>
      </c>
      <c r="C34" s="10">
        <v>16</v>
      </c>
      <c r="D34" s="9">
        <v>50</v>
      </c>
    </row>
    <row r="35" spans="1:4" ht="18" customHeight="1" x14ac:dyDescent="0.2">
      <c r="A35" s="8" t="s">
        <v>20</v>
      </c>
      <c r="B35" s="29">
        <v>171</v>
      </c>
      <c r="C35" s="10">
        <v>131</v>
      </c>
      <c r="D35" s="9">
        <v>302</v>
      </c>
    </row>
    <row r="36" spans="1:4" ht="18" customHeight="1" x14ac:dyDescent="0.2">
      <c r="A36" s="16">
        <v>25</v>
      </c>
      <c r="B36" s="29">
        <v>22</v>
      </c>
      <c r="C36" s="10">
        <v>26</v>
      </c>
      <c r="D36" s="9">
        <v>48</v>
      </c>
    </row>
    <row r="37" spans="1:4" ht="18" customHeight="1" x14ac:dyDescent="0.2">
      <c r="A37" s="16">
        <v>26</v>
      </c>
      <c r="B37" s="29">
        <v>21</v>
      </c>
      <c r="C37" s="10">
        <v>27</v>
      </c>
      <c r="D37" s="9">
        <v>48</v>
      </c>
    </row>
    <row r="38" spans="1:4" ht="18" customHeight="1" x14ac:dyDescent="0.2">
      <c r="A38" s="16">
        <v>27</v>
      </c>
      <c r="B38" s="29">
        <v>20</v>
      </c>
      <c r="C38" s="10">
        <v>23</v>
      </c>
      <c r="D38" s="9">
        <v>43</v>
      </c>
    </row>
    <row r="39" spans="1:4" ht="18" customHeight="1" x14ac:dyDescent="0.2">
      <c r="A39" s="16">
        <v>28</v>
      </c>
      <c r="B39" s="29">
        <v>22</v>
      </c>
      <c r="C39" s="10">
        <v>12</v>
      </c>
      <c r="D39" s="9">
        <v>34</v>
      </c>
    </row>
    <row r="40" spans="1:4" ht="18" customHeight="1" x14ac:dyDescent="0.2">
      <c r="A40" s="16">
        <v>29</v>
      </c>
      <c r="B40" s="29">
        <v>27</v>
      </c>
      <c r="C40" s="10">
        <v>19</v>
      </c>
      <c r="D40" s="9">
        <v>46</v>
      </c>
    </row>
    <row r="41" spans="1:4" ht="18" customHeight="1" x14ac:dyDescent="0.2">
      <c r="A41" s="8" t="s">
        <v>19</v>
      </c>
      <c r="B41" s="29">
        <v>112</v>
      </c>
      <c r="C41" s="10">
        <v>107</v>
      </c>
      <c r="D41" s="9">
        <v>219</v>
      </c>
    </row>
    <row r="42" spans="1:4" ht="18" customHeight="1" x14ac:dyDescent="0.2">
      <c r="A42" s="16">
        <v>30</v>
      </c>
      <c r="B42" s="29">
        <v>19</v>
      </c>
      <c r="C42" s="10">
        <v>25</v>
      </c>
      <c r="D42" s="9">
        <v>44</v>
      </c>
    </row>
    <row r="43" spans="1:4" ht="18" customHeight="1" x14ac:dyDescent="0.2">
      <c r="A43" s="16">
        <v>31</v>
      </c>
      <c r="B43" s="29">
        <v>26</v>
      </c>
      <c r="C43" s="10">
        <v>22</v>
      </c>
      <c r="D43" s="9">
        <v>48</v>
      </c>
    </row>
    <row r="44" spans="1:4" ht="18" customHeight="1" x14ac:dyDescent="0.2">
      <c r="A44" s="16">
        <v>32</v>
      </c>
      <c r="B44" s="29">
        <v>32</v>
      </c>
      <c r="C44" s="10">
        <v>23</v>
      </c>
      <c r="D44" s="9">
        <v>55</v>
      </c>
    </row>
    <row r="45" spans="1:4" ht="18" customHeight="1" x14ac:dyDescent="0.2">
      <c r="A45" s="16">
        <v>33</v>
      </c>
      <c r="B45" s="29">
        <v>33</v>
      </c>
      <c r="C45" s="10">
        <v>30</v>
      </c>
      <c r="D45" s="9">
        <v>63</v>
      </c>
    </row>
    <row r="46" spans="1:4" ht="18" customHeight="1" x14ac:dyDescent="0.2">
      <c r="A46" s="16">
        <v>34</v>
      </c>
      <c r="B46" s="29">
        <v>28</v>
      </c>
      <c r="C46" s="10">
        <v>31</v>
      </c>
      <c r="D46" s="9">
        <v>59</v>
      </c>
    </row>
    <row r="47" spans="1:4" ht="18" customHeight="1" x14ac:dyDescent="0.2">
      <c r="A47" s="8" t="s">
        <v>18</v>
      </c>
      <c r="B47" s="29">
        <v>138</v>
      </c>
      <c r="C47" s="10">
        <v>131</v>
      </c>
      <c r="D47" s="9">
        <v>269</v>
      </c>
    </row>
    <row r="48" spans="1:4" ht="18" customHeight="1" x14ac:dyDescent="0.2">
      <c r="A48" s="16">
        <v>35</v>
      </c>
      <c r="B48" s="29">
        <v>34</v>
      </c>
      <c r="C48" s="10">
        <v>32</v>
      </c>
      <c r="D48" s="9">
        <v>66</v>
      </c>
    </row>
    <row r="49" spans="1:4" ht="18" customHeight="1" x14ac:dyDescent="0.2">
      <c r="A49" s="16">
        <v>36</v>
      </c>
      <c r="B49" s="29">
        <v>34</v>
      </c>
      <c r="C49" s="10">
        <v>32</v>
      </c>
      <c r="D49" s="9">
        <v>66</v>
      </c>
    </row>
    <row r="50" spans="1:4" ht="18" customHeight="1" x14ac:dyDescent="0.2">
      <c r="A50" s="16">
        <v>37</v>
      </c>
      <c r="B50" s="29">
        <v>27</v>
      </c>
      <c r="C50" s="10">
        <v>32</v>
      </c>
      <c r="D50" s="9">
        <v>59</v>
      </c>
    </row>
    <row r="51" spans="1:4" ht="18" customHeight="1" x14ac:dyDescent="0.2">
      <c r="A51" s="16">
        <v>38</v>
      </c>
      <c r="B51" s="29">
        <v>29</v>
      </c>
      <c r="C51" s="10">
        <v>28</v>
      </c>
      <c r="D51" s="9">
        <v>57</v>
      </c>
    </row>
    <row r="52" spans="1:4" ht="18" customHeight="1" x14ac:dyDescent="0.2">
      <c r="A52" s="16">
        <v>39</v>
      </c>
      <c r="B52" s="29">
        <v>35</v>
      </c>
      <c r="C52" s="10">
        <v>29</v>
      </c>
      <c r="D52" s="9">
        <v>64</v>
      </c>
    </row>
    <row r="53" spans="1:4" ht="18" customHeight="1" x14ac:dyDescent="0.2">
      <c r="A53" s="8" t="s">
        <v>17</v>
      </c>
      <c r="B53" s="29">
        <v>159</v>
      </c>
      <c r="C53" s="10">
        <v>153</v>
      </c>
      <c r="D53" s="9">
        <v>312</v>
      </c>
    </row>
    <row r="54" spans="1:4" ht="18" customHeight="1" x14ac:dyDescent="0.2">
      <c r="A54" s="16">
        <v>40</v>
      </c>
      <c r="B54" s="29">
        <v>35</v>
      </c>
      <c r="C54" s="10">
        <v>41</v>
      </c>
      <c r="D54" s="9">
        <v>76</v>
      </c>
    </row>
    <row r="55" spans="1:4" ht="18" customHeight="1" x14ac:dyDescent="0.2">
      <c r="A55" s="16">
        <v>41</v>
      </c>
      <c r="B55" s="29">
        <v>38</v>
      </c>
      <c r="C55" s="10">
        <v>33</v>
      </c>
      <c r="D55" s="9">
        <v>71</v>
      </c>
    </row>
    <row r="56" spans="1:4" ht="18" customHeight="1" x14ac:dyDescent="0.2">
      <c r="A56" s="16">
        <v>42</v>
      </c>
      <c r="B56" s="29">
        <v>25</v>
      </c>
      <c r="C56" s="10">
        <v>32</v>
      </c>
      <c r="D56" s="9">
        <v>57</v>
      </c>
    </row>
    <row r="57" spans="1:4" ht="18" customHeight="1" x14ac:dyDescent="0.2">
      <c r="A57" s="16">
        <v>43</v>
      </c>
      <c r="B57" s="29">
        <v>31</v>
      </c>
      <c r="C57" s="10">
        <v>28</v>
      </c>
      <c r="D57" s="9">
        <v>59</v>
      </c>
    </row>
    <row r="58" spans="1:4" ht="18" customHeight="1" x14ac:dyDescent="0.2">
      <c r="A58" s="16">
        <v>44</v>
      </c>
      <c r="B58" s="29">
        <v>35</v>
      </c>
      <c r="C58" s="10">
        <v>34</v>
      </c>
      <c r="D58" s="9">
        <v>69</v>
      </c>
    </row>
    <row r="59" spans="1:4" ht="18" customHeight="1" x14ac:dyDescent="0.2">
      <c r="A59" s="8" t="s">
        <v>16</v>
      </c>
      <c r="B59" s="29">
        <v>164</v>
      </c>
      <c r="C59" s="10">
        <v>168</v>
      </c>
      <c r="D59" s="9">
        <v>332</v>
      </c>
    </row>
    <row r="60" spans="1:4" ht="18" customHeight="1" x14ac:dyDescent="0.2">
      <c r="A60" s="16">
        <v>45</v>
      </c>
      <c r="B60" s="29">
        <v>26</v>
      </c>
      <c r="C60" s="10">
        <v>43</v>
      </c>
      <c r="D60" s="9">
        <v>69</v>
      </c>
    </row>
    <row r="61" spans="1:4" ht="18" customHeight="1" x14ac:dyDescent="0.2">
      <c r="A61" s="16">
        <v>46</v>
      </c>
      <c r="B61" s="29">
        <v>57</v>
      </c>
      <c r="C61" s="10">
        <v>37</v>
      </c>
      <c r="D61" s="9">
        <v>94</v>
      </c>
    </row>
    <row r="62" spans="1:4" ht="18" customHeight="1" x14ac:dyDescent="0.2">
      <c r="A62" s="16">
        <v>47</v>
      </c>
      <c r="B62" s="29">
        <v>44</v>
      </c>
      <c r="C62" s="10">
        <v>43</v>
      </c>
      <c r="D62" s="9">
        <v>87</v>
      </c>
    </row>
    <row r="63" spans="1:4" ht="18" customHeight="1" x14ac:dyDescent="0.2">
      <c r="A63" s="16">
        <v>48</v>
      </c>
      <c r="B63" s="29">
        <v>52</v>
      </c>
      <c r="C63" s="10">
        <v>36</v>
      </c>
      <c r="D63" s="9">
        <v>88</v>
      </c>
    </row>
    <row r="64" spans="1:4" ht="18" customHeight="1" x14ac:dyDescent="0.2">
      <c r="A64" s="16">
        <v>49</v>
      </c>
      <c r="B64" s="29">
        <v>42</v>
      </c>
      <c r="C64" s="10">
        <v>48</v>
      </c>
      <c r="D64" s="9">
        <v>90</v>
      </c>
    </row>
    <row r="65" spans="1:4" ht="18" customHeight="1" x14ac:dyDescent="0.2">
      <c r="A65" s="8" t="s">
        <v>15</v>
      </c>
      <c r="B65" s="29">
        <v>221</v>
      </c>
      <c r="C65" s="10">
        <v>207</v>
      </c>
      <c r="D65" s="9">
        <v>428</v>
      </c>
    </row>
    <row r="66" spans="1:4" ht="18" customHeight="1" x14ac:dyDescent="0.2">
      <c r="A66" s="16">
        <v>50</v>
      </c>
      <c r="B66" s="29">
        <v>54</v>
      </c>
      <c r="C66" s="10">
        <v>65</v>
      </c>
      <c r="D66" s="9">
        <v>119</v>
      </c>
    </row>
    <row r="67" spans="1:4" ht="18" customHeight="1" x14ac:dyDescent="0.2">
      <c r="A67" s="16">
        <v>51</v>
      </c>
      <c r="B67" s="29">
        <v>41</v>
      </c>
      <c r="C67" s="10">
        <v>39</v>
      </c>
      <c r="D67" s="9">
        <v>80</v>
      </c>
    </row>
    <row r="68" spans="1:4" ht="18" customHeight="1" x14ac:dyDescent="0.2">
      <c r="A68" s="16">
        <v>52</v>
      </c>
      <c r="B68" s="29">
        <v>51</v>
      </c>
      <c r="C68" s="10">
        <v>42</v>
      </c>
      <c r="D68" s="9">
        <v>93</v>
      </c>
    </row>
    <row r="69" spans="1:4" ht="18" customHeight="1" x14ac:dyDescent="0.2">
      <c r="A69" s="16">
        <v>53</v>
      </c>
      <c r="B69" s="29">
        <v>41</v>
      </c>
      <c r="C69" s="10">
        <v>38</v>
      </c>
      <c r="D69" s="9">
        <v>79</v>
      </c>
    </row>
    <row r="70" spans="1:4" ht="18" customHeight="1" x14ac:dyDescent="0.2">
      <c r="A70" s="16">
        <v>54</v>
      </c>
      <c r="B70" s="29">
        <v>37</v>
      </c>
      <c r="C70" s="10">
        <v>36</v>
      </c>
      <c r="D70" s="9">
        <v>73</v>
      </c>
    </row>
    <row r="71" spans="1:4" ht="18" customHeight="1" x14ac:dyDescent="0.2">
      <c r="A71" s="8" t="s">
        <v>14</v>
      </c>
      <c r="B71" s="29">
        <v>224</v>
      </c>
      <c r="C71" s="10">
        <v>220</v>
      </c>
      <c r="D71" s="9">
        <v>444</v>
      </c>
    </row>
    <row r="72" spans="1:4" ht="18" customHeight="1" x14ac:dyDescent="0.2">
      <c r="A72" s="16">
        <v>55</v>
      </c>
      <c r="B72" s="29">
        <v>42</v>
      </c>
      <c r="C72" s="10">
        <v>46</v>
      </c>
      <c r="D72" s="9">
        <v>88</v>
      </c>
    </row>
    <row r="73" spans="1:4" ht="18" customHeight="1" x14ac:dyDescent="0.2">
      <c r="A73" s="16">
        <v>56</v>
      </c>
      <c r="B73" s="29">
        <v>33</v>
      </c>
      <c r="C73" s="10">
        <v>29</v>
      </c>
      <c r="D73" s="9">
        <v>62</v>
      </c>
    </row>
    <row r="74" spans="1:4" ht="18" customHeight="1" x14ac:dyDescent="0.2">
      <c r="A74" s="16">
        <v>57</v>
      </c>
      <c r="B74" s="29">
        <v>39</v>
      </c>
      <c r="C74" s="10">
        <v>38</v>
      </c>
      <c r="D74" s="9">
        <v>77</v>
      </c>
    </row>
    <row r="75" spans="1:4" ht="18" customHeight="1" x14ac:dyDescent="0.2">
      <c r="A75" s="16">
        <v>58</v>
      </c>
      <c r="B75" s="29">
        <v>34</v>
      </c>
      <c r="C75" s="10">
        <v>38</v>
      </c>
      <c r="D75" s="9">
        <v>72</v>
      </c>
    </row>
    <row r="76" spans="1:4" ht="18" customHeight="1" x14ac:dyDescent="0.2">
      <c r="A76" s="16">
        <v>59</v>
      </c>
      <c r="B76" s="29">
        <v>31</v>
      </c>
      <c r="C76" s="10">
        <v>38</v>
      </c>
      <c r="D76" s="9">
        <v>69</v>
      </c>
    </row>
    <row r="77" spans="1:4" ht="18" customHeight="1" x14ac:dyDescent="0.2">
      <c r="A77" s="8" t="s">
        <v>13</v>
      </c>
      <c r="B77" s="29">
        <v>179</v>
      </c>
      <c r="C77" s="10">
        <v>189</v>
      </c>
      <c r="D77" s="9">
        <v>368</v>
      </c>
    </row>
    <row r="78" spans="1:4" ht="18" customHeight="1" x14ac:dyDescent="0.2">
      <c r="A78" s="16">
        <v>60</v>
      </c>
      <c r="B78" s="29">
        <v>44</v>
      </c>
      <c r="C78" s="10">
        <v>24</v>
      </c>
      <c r="D78" s="9">
        <v>68</v>
      </c>
    </row>
    <row r="79" spans="1:4" ht="18" customHeight="1" x14ac:dyDescent="0.2">
      <c r="A79" s="16">
        <v>61</v>
      </c>
      <c r="B79" s="29">
        <v>40</v>
      </c>
      <c r="C79" s="10">
        <v>32</v>
      </c>
      <c r="D79" s="9">
        <v>72</v>
      </c>
    </row>
    <row r="80" spans="1:4" ht="18" customHeight="1" x14ac:dyDescent="0.2">
      <c r="A80" s="16">
        <v>62</v>
      </c>
      <c r="B80" s="29">
        <v>43</v>
      </c>
      <c r="C80" s="10">
        <v>35</v>
      </c>
      <c r="D80" s="9">
        <v>78</v>
      </c>
    </row>
    <row r="81" spans="1:4" ht="18" customHeight="1" x14ac:dyDescent="0.2">
      <c r="A81" s="16">
        <v>63</v>
      </c>
      <c r="B81" s="29">
        <v>37</v>
      </c>
      <c r="C81" s="10">
        <v>31</v>
      </c>
      <c r="D81" s="9">
        <v>68</v>
      </c>
    </row>
    <row r="82" spans="1:4" ht="18" customHeight="1" x14ac:dyDescent="0.2">
      <c r="A82" s="16">
        <v>64</v>
      </c>
      <c r="B82" s="29">
        <v>26</v>
      </c>
      <c r="C82" s="10">
        <v>34</v>
      </c>
      <c r="D82" s="9">
        <v>60</v>
      </c>
    </row>
    <row r="83" spans="1:4" ht="18" customHeight="1" x14ac:dyDescent="0.2">
      <c r="A83" s="8" t="s">
        <v>12</v>
      </c>
      <c r="B83" s="29">
        <v>190</v>
      </c>
      <c r="C83" s="10">
        <v>156</v>
      </c>
      <c r="D83" s="9">
        <v>346</v>
      </c>
    </row>
    <row r="84" spans="1:4" ht="18" customHeight="1" x14ac:dyDescent="0.2">
      <c r="A84" s="8" t="s">
        <v>11</v>
      </c>
      <c r="B84" s="29">
        <v>1716</v>
      </c>
      <c r="C84" s="10">
        <v>1603</v>
      </c>
      <c r="D84" s="9">
        <v>3319</v>
      </c>
    </row>
    <row r="85" spans="1:4" ht="18" customHeight="1" x14ac:dyDescent="0.2">
      <c r="A85" s="16">
        <v>65</v>
      </c>
      <c r="B85" s="29">
        <v>30</v>
      </c>
      <c r="C85" s="10">
        <v>30</v>
      </c>
      <c r="D85" s="9">
        <v>60</v>
      </c>
    </row>
    <row r="86" spans="1:4" ht="18" customHeight="1" x14ac:dyDescent="0.2">
      <c r="A86" s="16">
        <v>66</v>
      </c>
      <c r="B86" s="29">
        <v>20</v>
      </c>
      <c r="C86" s="10">
        <v>35</v>
      </c>
      <c r="D86" s="9">
        <v>55</v>
      </c>
    </row>
    <row r="87" spans="1:4" ht="18" customHeight="1" x14ac:dyDescent="0.2">
      <c r="A87" s="16">
        <v>67</v>
      </c>
      <c r="B87" s="29">
        <v>30</v>
      </c>
      <c r="C87" s="10">
        <v>35</v>
      </c>
      <c r="D87" s="9">
        <v>65</v>
      </c>
    </row>
    <row r="88" spans="1:4" ht="18" customHeight="1" x14ac:dyDescent="0.2">
      <c r="A88" s="16">
        <v>68</v>
      </c>
      <c r="B88" s="29">
        <v>43</v>
      </c>
      <c r="C88" s="10">
        <v>40</v>
      </c>
      <c r="D88" s="9">
        <v>83</v>
      </c>
    </row>
    <row r="89" spans="1:4" ht="18" customHeight="1" x14ac:dyDescent="0.2">
      <c r="A89" s="16">
        <v>69</v>
      </c>
      <c r="B89" s="29">
        <v>33</v>
      </c>
      <c r="C89" s="10">
        <v>25</v>
      </c>
      <c r="D89" s="9">
        <v>58</v>
      </c>
    </row>
    <row r="90" spans="1:4" ht="18" customHeight="1" x14ac:dyDescent="0.2">
      <c r="A90" s="8" t="s">
        <v>10</v>
      </c>
      <c r="B90" s="29">
        <v>156</v>
      </c>
      <c r="C90" s="10">
        <v>165</v>
      </c>
      <c r="D90" s="9">
        <v>321</v>
      </c>
    </row>
    <row r="91" spans="1:4" ht="18" customHeight="1" x14ac:dyDescent="0.2">
      <c r="A91" s="16">
        <v>70</v>
      </c>
      <c r="B91" s="29">
        <v>31</v>
      </c>
      <c r="C91" s="10">
        <v>41</v>
      </c>
      <c r="D91" s="9">
        <v>72</v>
      </c>
    </row>
    <row r="92" spans="1:4" ht="18" customHeight="1" x14ac:dyDescent="0.2">
      <c r="A92" s="16">
        <v>71</v>
      </c>
      <c r="B92" s="29">
        <v>35</v>
      </c>
      <c r="C92" s="10">
        <v>33</v>
      </c>
      <c r="D92" s="9">
        <v>68</v>
      </c>
    </row>
    <row r="93" spans="1:4" ht="18" customHeight="1" x14ac:dyDescent="0.2">
      <c r="A93" s="16">
        <v>72</v>
      </c>
      <c r="B93" s="29">
        <v>31</v>
      </c>
      <c r="C93" s="10">
        <v>41</v>
      </c>
      <c r="D93" s="9">
        <v>72</v>
      </c>
    </row>
    <row r="94" spans="1:4" ht="18" customHeight="1" x14ac:dyDescent="0.2">
      <c r="A94" s="16">
        <v>73</v>
      </c>
      <c r="B94" s="29">
        <v>37</v>
      </c>
      <c r="C94" s="10">
        <v>39</v>
      </c>
      <c r="D94" s="9">
        <v>76</v>
      </c>
    </row>
    <row r="95" spans="1:4" ht="18" customHeight="1" x14ac:dyDescent="0.2">
      <c r="A95" s="16">
        <v>74</v>
      </c>
      <c r="B95" s="29">
        <v>30</v>
      </c>
      <c r="C95" s="10">
        <v>48</v>
      </c>
      <c r="D95" s="9">
        <v>78</v>
      </c>
    </row>
    <row r="96" spans="1:4" ht="18" customHeight="1" x14ac:dyDescent="0.2">
      <c r="A96" s="8" t="s">
        <v>9</v>
      </c>
      <c r="B96" s="29">
        <v>164</v>
      </c>
      <c r="C96" s="10">
        <v>202</v>
      </c>
      <c r="D96" s="9">
        <v>366</v>
      </c>
    </row>
    <row r="97" spans="1:4" ht="18" customHeight="1" x14ac:dyDescent="0.2">
      <c r="A97" s="16">
        <v>75</v>
      </c>
      <c r="B97" s="29">
        <v>40</v>
      </c>
      <c r="C97" s="10">
        <v>50</v>
      </c>
      <c r="D97" s="9">
        <v>90</v>
      </c>
    </row>
    <row r="98" spans="1:4" ht="18" customHeight="1" x14ac:dyDescent="0.2">
      <c r="A98" s="16">
        <v>76</v>
      </c>
      <c r="B98" s="29">
        <v>35</v>
      </c>
      <c r="C98" s="10">
        <v>46</v>
      </c>
      <c r="D98" s="9">
        <v>81</v>
      </c>
    </row>
    <row r="99" spans="1:4" ht="18" customHeight="1" x14ac:dyDescent="0.2">
      <c r="A99" s="16">
        <v>77</v>
      </c>
      <c r="B99" s="29">
        <v>17</v>
      </c>
      <c r="C99" s="10">
        <v>20</v>
      </c>
      <c r="D99" s="9">
        <v>37</v>
      </c>
    </row>
    <row r="100" spans="1:4" ht="18" customHeight="1" x14ac:dyDescent="0.2">
      <c r="A100" s="16">
        <v>78</v>
      </c>
      <c r="B100" s="29">
        <v>25</v>
      </c>
      <c r="C100" s="10">
        <v>32</v>
      </c>
      <c r="D100" s="9">
        <v>57</v>
      </c>
    </row>
    <row r="101" spans="1:4" ht="18" customHeight="1" x14ac:dyDescent="0.2">
      <c r="A101" s="16">
        <v>79</v>
      </c>
      <c r="B101" s="29">
        <v>24</v>
      </c>
      <c r="C101" s="10">
        <v>36</v>
      </c>
      <c r="D101" s="9">
        <v>60</v>
      </c>
    </row>
    <row r="102" spans="1:4" ht="18" customHeight="1" x14ac:dyDescent="0.2">
      <c r="A102" s="8" t="s">
        <v>8</v>
      </c>
      <c r="B102" s="29">
        <v>141</v>
      </c>
      <c r="C102" s="10">
        <v>184</v>
      </c>
      <c r="D102" s="9">
        <v>325</v>
      </c>
    </row>
    <row r="103" spans="1:4" ht="18" customHeight="1" x14ac:dyDescent="0.2">
      <c r="A103" s="16">
        <v>80</v>
      </c>
      <c r="B103" s="29">
        <v>33</v>
      </c>
      <c r="C103" s="10">
        <v>39</v>
      </c>
      <c r="D103" s="9">
        <v>72</v>
      </c>
    </row>
    <row r="104" spans="1:4" ht="18" customHeight="1" x14ac:dyDescent="0.2">
      <c r="A104" s="16">
        <v>81</v>
      </c>
      <c r="B104" s="29">
        <v>26</v>
      </c>
      <c r="C104" s="10">
        <v>28</v>
      </c>
      <c r="D104" s="9">
        <v>54</v>
      </c>
    </row>
    <row r="105" spans="1:4" ht="18" customHeight="1" x14ac:dyDescent="0.2">
      <c r="A105" s="16">
        <v>82</v>
      </c>
      <c r="B105" s="29">
        <v>27</v>
      </c>
      <c r="C105" s="10">
        <v>33</v>
      </c>
      <c r="D105" s="9">
        <v>60</v>
      </c>
    </row>
    <row r="106" spans="1:4" ht="18" customHeight="1" x14ac:dyDescent="0.2">
      <c r="A106" s="16">
        <v>83</v>
      </c>
      <c r="B106" s="29">
        <v>18</v>
      </c>
      <c r="C106" s="10">
        <v>34</v>
      </c>
      <c r="D106" s="9">
        <v>52</v>
      </c>
    </row>
    <row r="107" spans="1:4" ht="18" customHeight="1" x14ac:dyDescent="0.2">
      <c r="A107" s="16">
        <v>84</v>
      </c>
      <c r="B107" s="29">
        <v>11</v>
      </c>
      <c r="C107" s="10">
        <v>16</v>
      </c>
      <c r="D107" s="9">
        <v>27</v>
      </c>
    </row>
    <row r="108" spans="1:4" ht="18" customHeight="1" x14ac:dyDescent="0.2">
      <c r="A108" s="8" t="s">
        <v>7</v>
      </c>
      <c r="B108" s="29">
        <v>115</v>
      </c>
      <c r="C108" s="10">
        <v>150</v>
      </c>
      <c r="D108" s="9">
        <v>265</v>
      </c>
    </row>
    <row r="109" spans="1:4" ht="18" customHeight="1" x14ac:dyDescent="0.2">
      <c r="A109" s="16">
        <v>85</v>
      </c>
      <c r="B109" s="29">
        <v>13</v>
      </c>
      <c r="C109" s="10">
        <v>24</v>
      </c>
      <c r="D109" s="9">
        <v>37</v>
      </c>
    </row>
    <row r="110" spans="1:4" ht="18" customHeight="1" x14ac:dyDescent="0.2">
      <c r="A110" s="16">
        <v>86</v>
      </c>
      <c r="B110" s="29">
        <v>14</v>
      </c>
      <c r="C110" s="10">
        <v>25</v>
      </c>
      <c r="D110" s="9">
        <v>39</v>
      </c>
    </row>
    <row r="111" spans="1:4" ht="18" customHeight="1" x14ac:dyDescent="0.2">
      <c r="A111" s="16">
        <v>87</v>
      </c>
      <c r="B111" s="29">
        <v>13</v>
      </c>
      <c r="C111" s="10">
        <v>33</v>
      </c>
      <c r="D111" s="9">
        <v>46</v>
      </c>
    </row>
    <row r="112" spans="1:4" ht="18" customHeight="1" x14ac:dyDescent="0.2">
      <c r="A112" s="16">
        <v>88</v>
      </c>
      <c r="B112" s="29">
        <v>4</v>
      </c>
      <c r="C112" s="10">
        <v>18</v>
      </c>
      <c r="D112" s="9">
        <v>22</v>
      </c>
    </row>
    <row r="113" spans="1:4" ht="18" customHeight="1" x14ac:dyDescent="0.2">
      <c r="A113" s="16">
        <v>89</v>
      </c>
      <c r="B113" s="29">
        <v>12</v>
      </c>
      <c r="C113" s="10">
        <v>28</v>
      </c>
      <c r="D113" s="9">
        <v>40</v>
      </c>
    </row>
    <row r="114" spans="1:4" ht="18" customHeight="1" x14ac:dyDescent="0.2">
      <c r="A114" s="8" t="s">
        <v>6</v>
      </c>
      <c r="B114" s="29">
        <v>56</v>
      </c>
      <c r="C114" s="10">
        <v>128</v>
      </c>
      <c r="D114" s="9">
        <v>184</v>
      </c>
    </row>
    <row r="115" spans="1:4" ht="18" customHeight="1" x14ac:dyDescent="0.2">
      <c r="A115" s="16">
        <v>90</v>
      </c>
      <c r="B115" s="29">
        <v>8</v>
      </c>
      <c r="C115" s="10">
        <v>23</v>
      </c>
      <c r="D115" s="9">
        <v>31</v>
      </c>
    </row>
    <row r="116" spans="1:4" ht="18" customHeight="1" x14ac:dyDescent="0.2">
      <c r="A116" s="16">
        <v>91</v>
      </c>
      <c r="B116" s="29">
        <v>8</v>
      </c>
      <c r="C116" s="10">
        <v>17</v>
      </c>
      <c r="D116" s="9">
        <v>25</v>
      </c>
    </row>
    <row r="117" spans="1:4" ht="18" customHeight="1" x14ac:dyDescent="0.2">
      <c r="A117" s="16">
        <v>92</v>
      </c>
      <c r="B117" s="29">
        <v>6</v>
      </c>
      <c r="C117" s="10">
        <v>14</v>
      </c>
      <c r="D117" s="9">
        <v>20</v>
      </c>
    </row>
    <row r="118" spans="1:4" ht="18" customHeight="1" x14ac:dyDescent="0.2">
      <c r="A118" s="16">
        <v>93</v>
      </c>
      <c r="B118" s="29">
        <v>3</v>
      </c>
      <c r="C118" s="10">
        <v>9</v>
      </c>
      <c r="D118" s="9">
        <v>12</v>
      </c>
    </row>
    <row r="119" spans="1:4" ht="18" customHeight="1" x14ac:dyDescent="0.2">
      <c r="A119" s="16">
        <v>94</v>
      </c>
      <c r="B119" s="29">
        <v>1</v>
      </c>
      <c r="C119" s="10">
        <v>8</v>
      </c>
      <c r="D119" s="9">
        <v>9</v>
      </c>
    </row>
    <row r="120" spans="1:4" ht="18" customHeight="1" x14ac:dyDescent="0.2">
      <c r="A120" s="8" t="s">
        <v>5</v>
      </c>
      <c r="B120" s="29">
        <v>26</v>
      </c>
      <c r="C120" s="10">
        <v>71</v>
      </c>
      <c r="D120" s="9">
        <v>97</v>
      </c>
    </row>
    <row r="121" spans="1:4" ht="18" customHeight="1" x14ac:dyDescent="0.2">
      <c r="A121" s="16">
        <v>95</v>
      </c>
      <c r="B121" s="29">
        <v>1</v>
      </c>
      <c r="C121" s="10">
        <v>8</v>
      </c>
      <c r="D121" s="9">
        <v>9</v>
      </c>
    </row>
    <row r="122" spans="1:4" ht="18" customHeight="1" x14ac:dyDescent="0.2">
      <c r="A122" s="16">
        <v>96</v>
      </c>
      <c r="B122" s="29">
        <v>3</v>
      </c>
      <c r="C122" s="10">
        <v>9</v>
      </c>
      <c r="D122" s="9">
        <v>12</v>
      </c>
    </row>
    <row r="123" spans="1:4" ht="18" customHeight="1" x14ac:dyDescent="0.2">
      <c r="A123" s="16">
        <v>97</v>
      </c>
      <c r="B123" s="29">
        <v>2</v>
      </c>
      <c r="C123" s="10">
        <v>6</v>
      </c>
      <c r="D123" s="9">
        <v>8</v>
      </c>
    </row>
    <row r="124" spans="1:4" ht="18" customHeight="1" x14ac:dyDescent="0.2">
      <c r="A124" s="16">
        <v>98</v>
      </c>
      <c r="B124" s="29">
        <v>0</v>
      </c>
      <c r="C124" s="10">
        <v>4</v>
      </c>
      <c r="D124" s="9">
        <v>4</v>
      </c>
    </row>
    <row r="125" spans="1:4" ht="18" customHeight="1" x14ac:dyDescent="0.2">
      <c r="A125" s="16">
        <v>99</v>
      </c>
      <c r="B125" s="29">
        <v>0</v>
      </c>
      <c r="C125" s="10">
        <v>0</v>
      </c>
      <c r="D125" s="9">
        <v>0</v>
      </c>
    </row>
    <row r="126" spans="1:4" ht="18" customHeight="1" x14ac:dyDescent="0.2">
      <c r="A126" s="8" t="s">
        <v>4</v>
      </c>
      <c r="B126" s="29">
        <v>6</v>
      </c>
      <c r="C126" s="10">
        <v>27</v>
      </c>
      <c r="D126" s="9">
        <v>33</v>
      </c>
    </row>
    <row r="127" spans="1:4" ht="18" customHeight="1" x14ac:dyDescent="0.2">
      <c r="A127" s="16">
        <v>100</v>
      </c>
      <c r="B127" s="29">
        <v>0</v>
      </c>
      <c r="C127" s="10">
        <v>3</v>
      </c>
      <c r="D127" s="9">
        <v>3</v>
      </c>
    </row>
    <row r="128" spans="1:4" ht="18" customHeight="1" x14ac:dyDescent="0.2">
      <c r="A128" s="15" t="s">
        <v>3</v>
      </c>
      <c r="B128" s="29">
        <v>0</v>
      </c>
      <c r="C128" s="10">
        <v>0</v>
      </c>
      <c r="D128" s="9">
        <v>0</v>
      </c>
    </row>
    <row r="129" spans="1:4" ht="18" customHeight="1" x14ac:dyDescent="0.2">
      <c r="A129" s="8" t="s">
        <v>2</v>
      </c>
      <c r="B129" s="29">
        <v>0</v>
      </c>
      <c r="C129" s="10">
        <v>3</v>
      </c>
      <c r="D129" s="9">
        <v>3</v>
      </c>
    </row>
    <row r="130" spans="1:4" ht="18" customHeight="1" x14ac:dyDescent="0.2">
      <c r="A130" s="8" t="s">
        <v>1</v>
      </c>
      <c r="B130" s="28">
        <v>664</v>
      </c>
      <c r="C130" s="6">
        <v>930</v>
      </c>
      <c r="D130" s="5">
        <v>1594</v>
      </c>
    </row>
    <row r="131" spans="1:4" ht="18" customHeight="1" x14ac:dyDescent="0.2">
      <c r="A131" s="4" t="s">
        <v>0</v>
      </c>
      <c r="B131" s="27">
        <v>2742</v>
      </c>
      <c r="C131" s="2">
        <v>2913</v>
      </c>
      <c r="D131" s="1">
        <v>5655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D48ED8D-3151-4C29-85A7-9D6BB47D218B}">
  <sheetPr codeName="Sheet2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46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30</v>
      </c>
      <c r="C5" s="18">
        <v>25</v>
      </c>
      <c r="D5" s="17">
        <v>55</v>
      </c>
    </row>
    <row r="6" spans="1:4" ht="18" customHeight="1" x14ac:dyDescent="0.2">
      <c r="A6" s="16">
        <v>1</v>
      </c>
      <c r="B6" s="29">
        <v>25</v>
      </c>
      <c r="C6" s="10">
        <v>28</v>
      </c>
      <c r="D6" s="9">
        <v>53</v>
      </c>
    </row>
    <row r="7" spans="1:4" ht="18" customHeight="1" x14ac:dyDescent="0.2">
      <c r="A7" s="16">
        <v>2</v>
      </c>
      <c r="B7" s="29">
        <v>23</v>
      </c>
      <c r="C7" s="10">
        <v>26</v>
      </c>
      <c r="D7" s="9">
        <v>49</v>
      </c>
    </row>
    <row r="8" spans="1:4" ht="18" customHeight="1" x14ac:dyDescent="0.2">
      <c r="A8" s="16">
        <v>3</v>
      </c>
      <c r="B8" s="29">
        <v>37</v>
      </c>
      <c r="C8" s="10">
        <v>19</v>
      </c>
      <c r="D8" s="9">
        <v>56</v>
      </c>
    </row>
    <row r="9" spans="1:4" ht="18" customHeight="1" x14ac:dyDescent="0.2">
      <c r="A9" s="16">
        <v>4</v>
      </c>
      <c r="B9" s="29">
        <v>27</v>
      </c>
      <c r="C9" s="10">
        <v>33</v>
      </c>
      <c r="D9" s="9">
        <v>60</v>
      </c>
    </row>
    <row r="10" spans="1:4" ht="18" customHeight="1" x14ac:dyDescent="0.2">
      <c r="A10" s="8" t="s">
        <v>25</v>
      </c>
      <c r="B10" s="29">
        <v>142</v>
      </c>
      <c r="C10" s="10">
        <v>131</v>
      </c>
      <c r="D10" s="9">
        <v>273</v>
      </c>
    </row>
    <row r="11" spans="1:4" ht="18" customHeight="1" x14ac:dyDescent="0.2">
      <c r="A11" s="16">
        <v>5</v>
      </c>
      <c r="B11" s="29">
        <v>23</v>
      </c>
      <c r="C11" s="10">
        <v>34</v>
      </c>
      <c r="D11" s="9">
        <v>57</v>
      </c>
    </row>
    <row r="12" spans="1:4" ht="18" customHeight="1" x14ac:dyDescent="0.2">
      <c r="A12" s="16">
        <v>6</v>
      </c>
      <c r="B12" s="29">
        <v>24</v>
      </c>
      <c r="C12" s="10">
        <v>27</v>
      </c>
      <c r="D12" s="9">
        <v>51</v>
      </c>
    </row>
    <row r="13" spans="1:4" ht="18" customHeight="1" x14ac:dyDescent="0.2">
      <c r="A13" s="16">
        <v>7</v>
      </c>
      <c r="B13" s="29">
        <v>31</v>
      </c>
      <c r="C13" s="10">
        <v>29</v>
      </c>
      <c r="D13" s="9">
        <v>60</v>
      </c>
    </row>
    <row r="14" spans="1:4" ht="18" customHeight="1" x14ac:dyDescent="0.2">
      <c r="A14" s="16">
        <v>8</v>
      </c>
      <c r="B14" s="29">
        <v>27</v>
      </c>
      <c r="C14" s="10">
        <v>30</v>
      </c>
      <c r="D14" s="9">
        <v>57</v>
      </c>
    </row>
    <row r="15" spans="1:4" ht="18" customHeight="1" x14ac:dyDescent="0.2">
      <c r="A15" s="16">
        <v>9</v>
      </c>
      <c r="B15" s="29">
        <v>33</v>
      </c>
      <c r="C15" s="10">
        <v>40</v>
      </c>
      <c r="D15" s="9">
        <v>73</v>
      </c>
    </row>
    <row r="16" spans="1:4" ht="18" customHeight="1" x14ac:dyDescent="0.2">
      <c r="A16" s="8" t="s">
        <v>24</v>
      </c>
      <c r="B16" s="29">
        <v>138</v>
      </c>
      <c r="C16" s="10">
        <v>160</v>
      </c>
      <c r="D16" s="9">
        <v>298</v>
      </c>
    </row>
    <row r="17" spans="1:4" ht="18" customHeight="1" x14ac:dyDescent="0.2">
      <c r="A17" s="16">
        <v>10</v>
      </c>
      <c r="B17" s="29">
        <v>34</v>
      </c>
      <c r="C17" s="10">
        <v>32</v>
      </c>
      <c r="D17" s="9">
        <v>66</v>
      </c>
    </row>
    <row r="18" spans="1:4" ht="18" customHeight="1" x14ac:dyDescent="0.2">
      <c r="A18" s="16">
        <v>11</v>
      </c>
      <c r="B18" s="29">
        <v>39</v>
      </c>
      <c r="C18" s="10">
        <v>36</v>
      </c>
      <c r="D18" s="9">
        <v>75</v>
      </c>
    </row>
    <row r="19" spans="1:4" ht="18" customHeight="1" x14ac:dyDescent="0.2">
      <c r="A19" s="16">
        <v>12</v>
      </c>
      <c r="B19" s="29">
        <v>36</v>
      </c>
      <c r="C19" s="10">
        <v>39</v>
      </c>
      <c r="D19" s="9">
        <v>75</v>
      </c>
    </row>
    <row r="20" spans="1:4" ht="18" customHeight="1" x14ac:dyDescent="0.2">
      <c r="A20" s="16">
        <v>13</v>
      </c>
      <c r="B20" s="29">
        <v>30</v>
      </c>
      <c r="C20" s="10">
        <v>43</v>
      </c>
      <c r="D20" s="9">
        <v>73</v>
      </c>
    </row>
    <row r="21" spans="1:4" ht="18" customHeight="1" x14ac:dyDescent="0.2">
      <c r="A21" s="16">
        <v>14</v>
      </c>
      <c r="B21" s="29">
        <v>45</v>
      </c>
      <c r="C21" s="10">
        <v>46</v>
      </c>
      <c r="D21" s="9">
        <v>91</v>
      </c>
    </row>
    <row r="22" spans="1:4" ht="18" customHeight="1" x14ac:dyDescent="0.2">
      <c r="A22" s="8" t="s">
        <v>23</v>
      </c>
      <c r="B22" s="29">
        <v>184</v>
      </c>
      <c r="C22" s="10">
        <v>196</v>
      </c>
      <c r="D22" s="9">
        <v>380</v>
      </c>
    </row>
    <row r="23" spans="1:4" ht="18" customHeight="1" x14ac:dyDescent="0.2">
      <c r="A23" s="8" t="s">
        <v>22</v>
      </c>
      <c r="B23" s="29">
        <v>464</v>
      </c>
      <c r="C23" s="10">
        <v>487</v>
      </c>
      <c r="D23" s="9">
        <v>951</v>
      </c>
    </row>
    <row r="24" spans="1:4" ht="18" customHeight="1" x14ac:dyDescent="0.2">
      <c r="A24" s="16">
        <v>15</v>
      </c>
      <c r="B24" s="29">
        <v>43</v>
      </c>
      <c r="C24" s="10">
        <v>37</v>
      </c>
      <c r="D24" s="9">
        <v>80</v>
      </c>
    </row>
    <row r="25" spans="1:4" ht="18" customHeight="1" x14ac:dyDescent="0.2">
      <c r="A25" s="16">
        <v>16</v>
      </c>
      <c r="B25" s="29">
        <v>42</v>
      </c>
      <c r="C25" s="10">
        <v>49</v>
      </c>
      <c r="D25" s="9">
        <v>91</v>
      </c>
    </row>
    <row r="26" spans="1:4" ht="18" customHeight="1" x14ac:dyDescent="0.2">
      <c r="A26" s="16">
        <v>17</v>
      </c>
      <c r="B26" s="29">
        <v>38</v>
      </c>
      <c r="C26" s="10">
        <v>30</v>
      </c>
      <c r="D26" s="9">
        <v>68</v>
      </c>
    </row>
    <row r="27" spans="1:4" ht="18" customHeight="1" x14ac:dyDescent="0.2">
      <c r="A27" s="16">
        <v>18</v>
      </c>
      <c r="B27" s="29">
        <v>112</v>
      </c>
      <c r="C27" s="10">
        <v>91</v>
      </c>
      <c r="D27" s="9">
        <v>203</v>
      </c>
    </row>
    <row r="28" spans="1:4" ht="18" customHeight="1" x14ac:dyDescent="0.2">
      <c r="A28" s="16">
        <v>19</v>
      </c>
      <c r="B28" s="29">
        <v>198</v>
      </c>
      <c r="C28" s="10">
        <v>113</v>
      </c>
      <c r="D28" s="9">
        <v>311</v>
      </c>
    </row>
    <row r="29" spans="1:4" ht="18" customHeight="1" x14ac:dyDescent="0.2">
      <c r="A29" s="8" t="s">
        <v>21</v>
      </c>
      <c r="B29" s="29">
        <v>433</v>
      </c>
      <c r="C29" s="10">
        <v>320</v>
      </c>
      <c r="D29" s="9">
        <v>753</v>
      </c>
    </row>
    <row r="30" spans="1:4" ht="18" customHeight="1" x14ac:dyDescent="0.2">
      <c r="A30" s="16">
        <v>20</v>
      </c>
      <c r="B30" s="29">
        <v>213</v>
      </c>
      <c r="C30" s="10">
        <v>103</v>
      </c>
      <c r="D30" s="9">
        <v>316</v>
      </c>
    </row>
    <row r="31" spans="1:4" ht="18" customHeight="1" x14ac:dyDescent="0.2">
      <c r="A31" s="16">
        <v>21</v>
      </c>
      <c r="B31" s="29">
        <v>209</v>
      </c>
      <c r="C31" s="10">
        <v>113</v>
      </c>
      <c r="D31" s="9">
        <v>322</v>
      </c>
    </row>
    <row r="32" spans="1:4" ht="18" customHeight="1" x14ac:dyDescent="0.2">
      <c r="A32" s="16">
        <v>22</v>
      </c>
      <c r="B32" s="29">
        <v>186</v>
      </c>
      <c r="C32" s="10">
        <v>79</v>
      </c>
      <c r="D32" s="9">
        <v>265</v>
      </c>
    </row>
    <row r="33" spans="1:4" ht="18" customHeight="1" x14ac:dyDescent="0.2">
      <c r="A33" s="16">
        <v>23</v>
      </c>
      <c r="B33" s="29">
        <v>165</v>
      </c>
      <c r="C33" s="10">
        <v>88</v>
      </c>
      <c r="D33" s="9">
        <v>253</v>
      </c>
    </row>
    <row r="34" spans="1:4" ht="18" customHeight="1" x14ac:dyDescent="0.2">
      <c r="A34" s="16">
        <v>24</v>
      </c>
      <c r="B34" s="29">
        <v>117</v>
      </c>
      <c r="C34" s="10">
        <v>62</v>
      </c>
      <c r="D34" s="9">
        <v>179</v>
      </c>
    </row>
    <row r="35" spans="1:4" ht="18" customHeight="1" x14ac:dyDescent="0.2">
      <c r="A35" s="8" t="s">
        <v>20</v>
      </c>
      <c r="B35" s="29">
        <v>890</v>
      </c>
      <c r="C35" s="10">
        <v>445</v>
      </c>
      <c r="D35" s="9">
        <v>1335</v>
      </c>
    </row>
    <row r="36" spans="1:4" ht="18" customHeight="1" x14ac:dyDescent="0.2">
      <c r="A36" s="16">
        <v>25</v>
      </c>
      <c r="B36" s="29">
        <v>97</v>
      </c>
      <c r="C36" s="10">
        <v>50</v>
      </c>
      <c r="D36" s="9">
        <v>147</v>
      </c>
    </row>
    <row r="37" spans="1:4" ht="18" customHeight="1" x14ac:dyDescent="0.2">
      <c r="A37" s="16">
        <v>26</v>
      </c>
      <c r="B37" s="29">
        <v>70</v>
      </c>
      <c r="C37" s="10">
        <v>53</v>
      </c>
      <c r="D37" s="9">
        <v>123</v>
      </c>
    </row>
    <row r="38" spans="1:4" ht="18" customHeight="1" x14ac:dyDescent="0.2">
      <c r="A38" s="16">
        <v>27</v>
      </c>
      <c r="B38" s="29">
        <v>63</v>
      </c>
      <c r="C38" s="10">
        <v>55</v>
      </c>
      <c r="D38" s="9">
        <v>118</v>
      </c>
    </row>
    <row r="39" spans="1:4" ht="18" customHeight="1" x14ac:dyDescent="0.2">
      <c r="A39" s="16">
        <v>28</v>
      </c>
      <c r="B39" s="29">
        <v>67</v>
      </c>
      <c r="C39" s="10">
        <v>61</v>
      </c>
      <c r="D39" s="9">
        <v>128</v>
      </c>
    </row>
    <row r="40" spans="1:4" ht="18" customHeight="1" x14ac:dyDescent="0.2">
      <c r="A40" s="16">
        <v>29</v>
      </c>
      <c r="B40" s="29">
        <v>46</v>
      </c>
      <c r="C40" s="10">
        <v>37</v>
      </c>
      <c r="D40" s="9">
        <v>83</v>
      </c>
    </row>
    <row r="41" spans="1:4" ht="18" customHeight="1" x14ac:dyDescent="0.2">
      <c r="A41" s="8" t="s">
        <v>19</v>
      </c>
      <c r="B41" s="29">
        <v>343</v>
      </c>
      <c r="C41" s="10">
        <v>256</v>
      </c>
      <c r="D41" s="9">
        <v>599</v>
      </c>
    </row>
    <row r="42" spans="1:4" ht="18" customHeight="1" x14ac:dyDescent="0.2">
      <c r="A42" s="16">
        <v>30</v>
      </c>
      <c r="B42" s="29">
        <v>57</v>
      </c>
      <c r="C42" s="10">
        <v>52</v>
      </c>
      <c r="D42" s="9">
        <v>109</v>
      </c>
    </row>
    <row r="43" spans="1:4" ht="18" customHeight="1" x14ac:dyDescent="0.2">
      <c r="A43" s="16">
        <v>31</v>
      </c>
      <c r="B43" s="29">
        <v>57</v>
      </c>
      <c r="C43" s="10">
        <v>37</v>
      </c>
      <c r="D43" s="9">
        <v>94</v>
      </c>
    </row>
    <row r="44" spans="1:4" ht="18" customHeight="1" x14ac:dyDescent="0.2">
      <c r="A44" s="16">
        <v>32</v>
      </c>
      <c r="B44" s="29">
        <v>57</v>
      </c>
      <c r="C44" s="10">
        <v>40</v>
      </c>
      <c r="D44" s="9">
        <v>97</v>
      </c>
    </row>
    <row r="45" spans="1:4" ht="18" customHeight="1" x14ac:dyDescent="0.2">
      <c r="A45" s="16">
        <v>33</v>
      </c>
      <c r="B45" s="29">
        <v>50</v>
      </c>
      <c r="C45" s="10">
        <v>35</v>
      </c>
      <c r="D45" s="9">
        <v>85</v>
      </c>
    </row>
    <row r="46" spans="1:4" ht="18" customHeight="1" x14ac:dyDescent="0.2">
      <c r="A46" s="16">
        <v>34</v>
      </c>
      <c r="B46" s="29">
        <v>49</v>
      </c>
      <c r="C46" s="10">
        <v>43</v>
      </c>
      <c r="D46" s="9">
        <v>92</v>
      </c>
    </row>
    <row r="47" spans="1:4" ht="18" customHeight="1" x14ac:dyDescent="0.2">
      <c r="A47" s="8" t="s">
        <v>18</v>
      </c>
      <c r="B47" s="29">
        <v>270</v>
      </c>
      <c r="C47" s="10">
        <v>207</v>
      </c>
      <c r="D47" s="9">
        <v>477</v>
      </c>
    </row>
    <row r="48" spans="1:4" ht="18" customHeight="1" x14ac:dyDescent="0.2">
      <c r="A48" s="16">
        <v>35</v>
      </c>
      <c r="B48" s="29">
        <v>59</v>
      </c>
      <c r="C48" s="10">
        <v>33</v>
      </c>
      <c r="D48" s="9">
        <v>92</v>
      </c>
    </row>
    <row r="49" spans="1:4" ht="18" customHeight="1" x14ac:dyDescent="0.2">
      <c r="A49" s="16">
        <v>36</v>
      </c>
      <c r="B49" s="29">
        <v>52</v>
      </c>
      <c r="C49" s="10">
        <v>46</v>
      </c>
      <c r="D49" s="9">
        <v>98</v>
      </c>
    </row>
    <row r="50" spans="1:4" ht="18" customHeight="1" x14ac:dyDescent="0.2">
      <c r="A50" s="16">
        <v>37</v>
      </c>
      <c r="B50" s="29">
        <v>37</v>
      </c>
      <c r="C50" s="10">
        <v>37</v>
      </c>
      <c r="D50" s="9">
        <v>74</v>
      </c>
    </row>
    <row r="51" spans="1:4" ht="18" customHeight="1" x14ac:dyDescent="0.2">
      <c r="A51" s="16">
        <v>38</v>
      </c>
      <c r="B51" s="29">
        <v>57</v>
      </c>
      <c r="C51" s="10">
        <v>53</v>
      </c>
      <c r="D51" s="9">
        <v>110</v>
      </c>
    </row>
    <row r="52" spans="1:4" ht="18" customHeight="1" x14ac:dyDescent="0.2">
      <c r="A52" s="16">
        <v>39</v>
      </c>
      <c r="B52" s="29">
        <v>54</v>
      </c>
      <c r="C52" s="10">
        <v>51</v>
      </c>
      <c r="D52" s="9">
        <v>105</v>
      </c>
    </row>
    <row r="53" spans="1:4" ht="18" customHeight="1" x14ac:dyDescent="0.2">
      <c r="A53" s="8" t="s">
        <v>17</v>
      </c>
      <c r="B53" s="29">
        <v>259</v>
      </c>
      <c r="C53" s="10">
        <v>220</v>
      </c>
      <c r="D53" s="9">
        <v>479</v>
      </c>
    </row>
    <row r="54" spans="1:4" ht="18" customHeight="1" x14ac:dyDescent="0.2">
      <c r="A54" s="16">
        <v>40</v>
      </c>
      <c r="B54" s="29">
        <v>52</v>
      </c>
      <c r="C54" s="10">
        <v>47</v>
      </c>
      <c r="D54" s="9">
        <v>99</v>
      </c>
    </row>
    <row r="55" spans="1:4" ht="18" customHeight="1" x14ac:dyDescent="0.2">
      <c r="A55" s="16">
        <v>41</v>
      </c>
      <c r="B55" s="29">
        <v>52</v>
      </c>
      <c r="C55" s="10">
        <v>55</v>
      </c>
      <c r="D55" s="9">
        <v>107</v>
      </c>
    </row>
    <row r="56" spans="1:4" ht="18" customHeight="1" x14ac:dyDescent="0.2">
      <c r="A56" s="16">
        <v>42</v>
      </c>
      <c r="B56" s="29">
        <v>56</v>
      </c>
      <c r="C56" s="10">
        <v>49</v>
      </c>
      <c r="D56" s="9">
        <v>105</v>
      </c>
    </row>
    <row r="57" spans="1:4" ht="18" customHeight="1" x14ac:dyDescent="0.2">
      <c r="A57" s="16">
        <v>43</v>
      </c>
      <c r="B57" s="29">
        <v>65</v>
      </c>
      <c r="C57" s="10">
        <v>53</v>
      </c>
      <c r="D57" s="9">
        <v>118</v>
      </c>
    </row>
    <row r="58" spans="1:4" ht="18" customHeight="1" x14ac:dyDescent="0.2">
      <c r="A58" s="16">
        <v>44</v>
      </c>
      <c r="B58" s="29">
        <v>76</v>
      </c>
      <c r="C58" s="10">
        <v>70</v>
      </c>
      <c r="D58" s="9">
        <v>146</v>
      </c>
    </row>
    <row r="59" spans="1:4" ht="18" customHeight="1" x14ac:dyDescent="0.2">
      <c r="A59" s="8" t="s">
        <v>16</v>
      </c>
      <c r="B59" s="29">
        <v>301</v>
      </c>
      <c r="C59" s="10">
        <v>274</v>
      </c>
      <c r="D59" s="9">
        <v>575</v>
      </c>
    </row>
    <row r="60" spans="1:4" ht="18" customHeight="1" x14ac:dyDescent="0.2">
      <c r="A60" s="16">
        <v>45</v>
      </c>
      <c r="B60" s="29">
        <v>59</v>
      </c>
      <c r="C60" s="10">
        <v>59</v>
      </c>
      <c r="D60" s="9">
        <v>118</v>
      </c>
    </row>
    <row r="61" spans="1:4" ht="18" customHeight="1" x14ac:dyDescent="0.2">
      <c r="A61" s="16">
        <v>46</v>
      </c>
      <c r="B61" s="29">
        <v>51</v>
      </c>
      <c r="C61" s="10">
        <v>58</v>
      </c>
      <c r="D61" s="9">
        <v>109</v>
      </c>
    </row>
    <row r="62" spans="1:4" ht="18" customHeight="1" x14ac:dyDescent="0.2">
      <c r="A62" s="16">
        <v>47</v>
      </c>
      <c r="B62" s="29">
        <v>71</v>
      </c>
      <c r="C62" s="10">
        <v>52</v>
      </c>
      <c r="D62" s="9">
        <v>123</v>
      </c>
    </row>
    <row r="63" spans="1:4" ht="18" customHeight="1" x14ac:dyDescent="0.2">
      <c r="A63" s="16">
        <v>48</v>
      </c>
      <c r="B63" s="29">
        <v>75</v>
      </c>
      <c r="C63" s="10">
        <v>80</v>
      </c>
      <c r="D63" s="9">
        <v>155</v>
      </c>
    </row>
    <row r="64" spans="1:4" ht="18" customHeight="1" x14ac:dyDescent="0.2">
      <c r="A64" s="16">
        <v>49</v>
      </c>
      <c r="B64" s="29">
        <v>66</v>
      </c>
      <c r="C64" s="10">
        <v>78</v>
      </c>
      <c r="D64" s="9">
        <v>144</v>
      </c>
    </row>
    <row r="65" spans="1:4" ht="18" customHeight="1" x14ac:dyDescent="0.2">
      <c r="A65" s="8" t="s">
        <v>15</v>
      </c>
      <c r="B65" s="29">
        <v>322</v>
      </c>
      <c r="C65" s="10">
        <v>327</v>
      </c>
      <c r="D65" s="9">
        <v>649</v>
      </c>
    </row>
    <row r="66" spans="1:4" ht="18" customHeight="1" x14ac:dyDescent="0.2">
      <c r="A66" s="16">
        <v>50</v>
      </c>
      <c r="B66" s="29">
        <v>84</v>
      </c>
      <c r="C66" s="10">
        <v>90</v>
      </c>
      <c r="D66" s="9">
        <v>174</v>
      </c>
    </row>
    <row r="67" spans="1:4" ht="18" customHeight="1" x14ac:dyDescent="0.2">
      <c r="A67" s="16">
        <v>51</v>
      </c>
      <c r="B67" s="29">
        <v>94</v>
      </c>
      <c r="C67" s="10">
        <v>79</v>
      </c>
      <c r="D67" s="9">
        <v>173</v>
      </c>
    </row>
    <row r="68" spans="1:4" ht="18" customHeight="1" x14ac:dyDescent="0.2">
      <c r="A68" s="16">
        <v>52</v>
      </c>
      <c r="B68" s="29">
        <v>84</v>
      </c>
      <c r="C68" s="10">
        <v>60</v>
      </c>
      <c r="D68" s="9">
        <v>144</v>
      </c>
    </row>
    <row r="69" spans="1:4" ht="18" customHeight="1" x14ac:dyDescent="0.2">
      <c r="A69" s="16">
        <v>53</v>
      </c>
      <c r="B69" s="29">
        <v>70</v>
      </c>
      <c r="C69" s="10">
        <v>68</v>
      </c>
      <c r="D69" s="9">
        <v>138</v>
      </c>
    </row>
    <row r="70" spans="1:4" ht="18" customHeight="1" x14ac:dyDescent="0.2">
      <c r="A70" s="16">
        <v>54</v>
      </c>
      <c r="B70" s="29">
        <v>60</v>
      </c>
      <c r="C70" s="10">
        <v>70</v>
      </c>
      <c r="D70" s="9">
        <v>130</v>
      </c>
    </row>
    <row r="71" spans="1:4" ht="18" customHeight="1" x14ac:dyDescent="0.2">
      <c r="A71" s="8" t="s">
        <v>14</v>
      </c>
      <c r="B71" s="29">
        <v>392</v>
      </c>
      <c r="C71" s="10">
        <v>367</v>
      </c>
      <c r="D71" s="9">
        <v>759</v>
      </c>
    </row>
    <row r="72" spans="1:4" ht="18" customHeight="1" x14ac:dyDescent="0.2">
      <c r="A72" s="16">
        <v>55</v>
      </c>
      <c r="B72" s="29">
        <v>58</v>
      </c>
      <c r="C72" s="10">
        <v>77</v>
      </c>
      <c r="D72" s="9">
        <v>135</v>
      </c>
    </row>
    <row r="73" spans="1:4" ht="18" customHeight="1" x14ac:dyDescent="0.2">
      <c r="A73" s="16">
        <v>56</v>
      </c>
      <c r="B73" s="29">
        <v>68</v>
      </c>
      <c r="C73" s="10">
        <v>63</v>
      </c>
      <c r="D73" s="9">
        <v>131</v>
      </c>
    </row>
    <row r="74" spans="1:4" ht="18" customHeight="1" x14ac:dyDescent="0.2">
      <c r="A74" s="16">
        <v>57</v>
      </c>
      <c r="B74" s="29">
        <v>48</v>
      </c>
      <c r="C74" s="10">
        <v>36</v>
      </c>
      <c r="D74" s="9">
        <v>84</v>
      </c>
    </row>
    <row r="75" spans="1:4" ht="18" customHeight="1" x14ac:dyDescent="0.2">
      <c r="A75" s="16">
        <v>58</v>
      </c>
      <c r="B75" s="29">
        <v>49</v>
      </c>
      <c r="C75" s="10">
        <v>49</v>
      </c>
      <c r="D75" s="9">
        <v>98</v>
      </c>
    </row>
    <row r="76" spans="1:4" ht="18" customHeight="1" x14ac:dyDescent="0.2">
      <c r="A76" s="16">
        <v>59</v>
      </c>
      <c r="B76" s="29">
        <v>60</v>
      </c>
      <c r="C76" s="10">
        <v>46</v>
      </c>
      <c r="D76" s="9">
        <v>106</v>
      </c>
    </row>
    <row r="77" spans="1:4" ht="18" customHeight="1" x14ac:dyDescent="0.2">
      <c r="A77" s="8" t="s">
        <v>13</v>
      </c>
      <c r="B77" s="29">
        <v>283</v>
      </c>
      <c r="C77" s="10">
        <v>271</v>
      </c>
      <c r="D77" s="9">
        <v>554</v>
      </c>
    </row>
    <row r="78" spans="1:4" ht="18" customHeight="1" x14ac:dyDescent="0.2">
      <c r="A78" s="16">
        <v>60</v>
      </c>
      <c r="B78" s="29">
        <v>73</v>
      </c>
      <c r="C78" s="10">
        <v>54</v>
      </c>
      <c r="D78" s="9">
        <v>127</v>
      </c>
    </row>
    <row r="79" spans="1:4" ht="18" customHeight="1" x14ac:dyDescent="0.2">
      <c r="A79" s="16">
        <v>61</v>
      </c>
      <c r="B79" s="29">
        <v>53</v>
      </c>
      <c r="C79" s="10">
        <v>54</v>
      </c>
      <c r="D79" s="9">
        <v>107</v>
      </c>
    </row>
    <row r="80" spans="1:4" ht="18" customHeight="1" x14ac:dyDescent="0.2">
      <c r="A80" s="16">
        <v>62</v>
      </c>
      <c r="B80" s="29">
        <v>42</v>
      </c>
      <c r="C80" s="10">
        <v>51</v>
      </c>
      <c r="D80" s="9">
        <v>93</v>
      </c>
    </row>
    <row r="81" spans="1:4" ht="18" customHeight="1" x14ac:dyDescent="0.2">
      <c r="A81" s="16">
        <v>63</v>
      </c>
      <c r="B81" s="29">
        <v>64</v>
      </c>
      <c r="C81" s="10">
        <v>59</v>
      </c>
      <c r="D81" s="9">
        <v>123</v>
      </c>
    </row>
    <row r="82" spans="1:4" ht="18" customHeight="1" x14ac:dyDescent="0.2">
      <c r="A82" s="16">
        <v>64</v>
      </c>
      <c r="B82" s="29">
        <v>57</v>
      </c>
      <c r="C82" s="10">
        <v>47</v>
      </c>
      <c r="D82" s="9">
        <v>104</v>
      </c>
    </row>
    <row r="83" spans="1:4" ht="18" customHeight="1" x14ac:dyDescent="0.2">
      <c r="A83" s="8" t="s">
        <v>12</v>
      </c>
      <c r="B83" s="29">
        <v>289</v>
      </c>
      <c r="C83" s="10">
        <v>265</v>
      </c>
      <c r="D83" s="9">
        <v>554</v>
      </c>
    </row>
    <row r="84" spans="1:4" ht="18" customHeight="1" x14ac:dyDescent="0.2">
      <c r="A84" s="8" t="s">
        <v>11</v>
      </c>
      <c r="B84" s="29">
        <v>3782</v>
      </c>
      <c r="C84" s="10">
        <v>2952</v>
      </c>
      <c r="D84" s="9">
        <v>6734</v>
      </c>
    </row>
    <row r="85" spans="1:4" ht="18" customHeight="1" x14ac:dyDescent="0.2">
      <c r="A85" s="16">
        <v>65</v>
      </c>
      <c r="B85" s="29">
        <v>41</v>
      </c>
      <c r="C85" s="10">
        <v>36</v>
      </c>
      <c r="D85" s="9">
        <v>77</v>
      </c>
    </row>
    <row r="86" spans="1:4" ht="18" customHeight="1" x14ac:dyDescent="0.2">
      <c r="A86" s="16">
        <v>66</v>
      </c>
      <c r="B86" s="29">
        <v>63</v>
      </c>
      <c r="C86" s="10">
        <v>40</v>
      </c>
      <c r="D86" s="9">
        <v>103</v>
      </c>
    </row>
    <row r="87" spans="1:4" ht="18" customHeight="1" x14ac:dyDescent="0.2">
      <c r="A87" s="16">
        <v>67</v>
      </c>
      <c r="B87" s="29">
        <v>43</v>
      </c>
      <c r="C87" s="10">
        <v>48</v>
      </c>
      <c r="D87" s="9">
        <v>91</v>
      </c>
    </row>
    <row r="88" spans="1:4" ht="18" customHeight="1" x14ac:dyDescent="0.2">
      <c r="A88" s="16">
        <v>68</v>
      </c>
      <c r="B88" s="29">
        <v>50</v>
      </c>
      <c r="C88" s="10">
        <v>50</v>
      </c>
      <c r="D88" s="9">
        <v>100</v>
      </c>
    </row>
    <row r="89" spans="1:4" ht="18" customHeight="1" x14ac:dyDescent="0.2">
      <c r="A89" s="16">
        <v>69</v>
      </c>
      <c r="B89" s="29">
        <v>36</v>
      </c>
      <c r="C89" s="10">
        <v>51</v>
      </c>
      <c r="D89" s="9">
        <v>87</v>
      </c>
    </row>
    <row r="90" spans="1:4" ht="18" customHeight="1" x14ac:dyDescent="0.2">
      <c r="A90" s="8" t="s">
        <v>10</v>
      </c>
      <c r="B90" s="29">
        <v>233</v>
      </c>
      <c r="C90" s="10">
        <v>225</v>
      </c>
      <c r="D90" s="9">
        <v>458</v>
      </c>
    </row>
    <row r="91" spans="1:4" ht="18" customHeight="1" x14ac:dyDescent="0.2">
      <c r="A91" s="16">
        <v>70</v>
      </c>
      <c r="B91" s="29">
        <v>53</v>
      </c>
      <c r="C91" s="10">
        <v>52</v>
      </c>
      <c r="D91" s="9">
        <v>105</v>
      </c>
    </row>
    <row r="92" spans="1:4" ht="18" customHeight="1" x14ac:dyDescent="0.2">
      <c r="A92" s="16">
        <v>71</v>
      </c>
      <c r="B92" s="29">
        <v>52</v>
      </c>
      <c r="C92" s="10">
        <v>58</v>
      </c>
      <c r="D92" s="9">
        <v>110</v>
      </c>
    </row>
    <row r="93" spans="1:4" ht="18" customHeight="1" x14ac:dyDescent="0.2">
      <c r="A93" s="16">
        <v>72</v>
      </c>
      <c r="B93" s="29">
        <v>51</v>
      </c>
      <c r="C93" s="10">
        <v>58</v>
      </c>
      <c r="D93" s="9">
        <v>109</v>
      </c>
    </row>
    <row r="94" spans="1:4" ht="18" customHeight="1" x14ac:dyDescent="0.2">
      <c r="A94" s="16">
        <v>73</v>
      </c>
      <c r="B94" s="29">
        <v>52</v>
      </c>
      <c r="C94" s="10">
        <v>61</v>
      </c>
      <c r="D94" s="9">
        <v>113</v>
      </c>
    </row>
    <row r="95" spans="1:4" ht="18" customHeight="1" x14ac:dyDescent="0.2">
      <c r="A95" s="16">
        <v>74</v>
      </c>
      <c r="B95" s="29">
        <v>66</v>
      </c>
      <c r="C95" s="10">
        <v>75</v>
      </c>
      <c r="D95" s="9">
        <v>141</v>
      </c>
    </row>
    <row r="96" spans="1:4" ht="18" customHeight="1" x14ac:dyDescent="0.2">
      <c r="A96" s="8" t="s">
        <v>9</v>
      </c>
      <c r="B96" s="29">
        <v>274</v>
      </c>
      <c r="C96" s="10">
        <v>304</v>
      </c>
      <c r="D96" s="9">
        <v>578</v>
      </c>
    </row>
    <row r="97" spans="1:4" ht="18" customHeight="1" x14ac:dyDescent="0.2">
      <c r="A97" s="16">
        <v>75</v>
      </c>
      <c r="B97" s="29">
        <v>69</v>
      </c>
      <c r="C97" s="10">
        <v>85</v>
      </c>
      <c r="D97" s="9">
        <v>154</v>
      </c>
    </row>
    <row r="98" spans="1:4" ht="18" customHeight="1" x14ac:dyDescent="0.2">
      <c r="A98" s="16">
        <v>76</v>
      </c>
      <c r="B98" s="29">
        <v>79</v>
      </c>
      <c r="C98" s="10">
        <v>69</v>
      </c>
      <c r="D98" s="9">
        <v>148</v>
      </c>
    </row>
    <row r="99" spans="1:4" ht="18" customHeight="1" x14ac:dyDescent="0.2">
      <c r="A99" s="16">
        <v>77</v>
      </c>
      <c r="B99" s="29">
        <v>38</v>
      </c>
      <c r="C99" s="10">
        <v>37</v>
      </c>
      <c r="D99" s="9">
        <v>75</v>
      </c>
    </row>
    <row r="100" spans="1:4" ht="18" customHeight="1" x14ac:dyDescent="0.2">
      <c r="A100" s="16">
        <v>78</v>
      </c>
      <c r="B100" s="29">
        <v>36</v>
      </c>
      <c r="C100" s="10">
        <v>46</v>
      </c>
      <c r="D100" s="9">
        <v>82</v>
      </c>
    </row>
    <row r="101" spans="1:4" ht="18" customHeight="1" x14ac:dyDescent="0.2">
      <c r="A101" s="16">
        <v>79</v>
      </c>
      <c r="B101" s="29">
        <v>42</v>
      </c>
      <c r="C101" s="10">
        <v>58</v>
      </c>
      <c r="D101" s="9">
        <v>100</v>
      </c>
    </row>
    <row r="102" spans="1:4" ht="18" customHeight="1" x14ac:dyDescent="0.2">
      <c r="A102" s="8" t="s">
        <v>8</v>
      </c>
      <c r="B102" s="29">
        <v>264</v>
      </c>
      <c r="C102" s="10">
        <v>295</v>
      </c>
      <c r="D102" s="9">
        <v>559</v>
      </c>
    </row>
    <row r="103" spans="1:4" ht="18" customHeight="1" x14ac:dyDescent="0.2">
      <c r="A103" s="16">
        <v>80</v>
      </c>
      <c r="B103" s="29">
        <v>31</v>
      </c>
      <c r="C103" s="10">
        <v>50</v>
      </c>
      <c r="D103" s="9">
        <v>81</v>
      </c>
    </row>
    <row r="104" spans="1:4" ht="18" customHeight="1" x14ac:dyDescent="0.2">
      <c r="A104" s="16">
        <v>81</v>
      </c>
      <c r="B104" s="29">
        <v>42</v>
      </c>
      <c r="C104" s="10">
        <v>43</v>
      </c>
      <c r="D104" s="9">
        <v>85</v>
      </c>
    </row>
    <row r="105" spans="1:4" ht="18" customHeight="1" x14ac:dyDescent="0.2">
      <c r="A105" s="16">
        <v>82</v>
      </c>
      <c r="B105" s="29">
        <v>37</v>
      </c>
      <c r="C105" s="10">
        <v>36</v>
      </c>
      <c r="D105" s="9">
        <v>73</v>
      </c>
    </row>
    <row r="106" spans="1:4" ht="18" customHeight="1" x14ac:dyDescent="0.2">
      <c r="A106" s="16">
        <v>83</v>
      </c>
      <c r="B106" s="29">
        <v>24</v>
      </c>
      <c r="C106" s="10">
        <v>34</v>
      </c>
      <c r="D106" s="9">
        <v>58</v>
      </c>
    </row>
    <row r="107" spans="1:4" ht="18" customHeight="1" x14ac:dyDescent="0.2">
      <c r="A107" s="16">
        <v>84</v>
      </c>
      <c r="B107" s="29">
        <v>17</v>
      </c>
      <c r="C107" s="10">
        <v>31</v>
      </c>
      <c r="D107" s="9">
        <v>48</v>
      </c>
    </row>
    <row r="108" spans="1:4" ht="18" customHeight="1" x14ac:dyDescent="0.2">
      <c r="A108" s="8" t="s">
        <v>7</v>
      </c>
      <c r="B108" s="29">
        <v>151</v>
      </c>
      <c r="C108" s="10">
        <v>194</v>
      </c>
      <c r="D108" s="9">
        <v>345</v>
      </c>
    </row>
    <row r="109" spans="1:4" ht="18" customHeight="1" x14ac:dyDescent="0.2">
      <c r="A109" s="16">
        <v>85</v>
      </c>
      <c r="B109" s="29">
        <v>10</v>
      </c>
      <c r="C109" s="10">
        <v>35</v>
      </c>
      <c r="D109" s="9">
        <v>45</v>
      </c>
    </row>
    <row r="110" spans="1:4" ht="18" customHeight="1" x14ac:dyDescent="0.2">
      <c r="A110" s="16">
        <v>86</v>
      </c>
      <c r="B110" s="29">
        <v>16</v>
      </c>
      <c r="C110" s="10">
        <v>34</v>
      </c>
      <c r="D110" s="9">
        <v>50</v>
      </c>
    </row>
    <row r="111" spans="1:4" ht="18" customHeight="1" x14ac:dyDescent="0.2">
      <c r="A111" s="16">
        <v>87</v>
      </c>
      <c r="B111" s="29">
        <v>11</v>
      </c>
      <c r="C111" s="10">
        <v>41</v>
      </c>
      <c r="D111" s="9">
        <v>52</v>
      </c>
    </row>
    <row r="112" spans="1:4" ht="18" customHeight="1" x14ac:dyDescent="0.2">
      <c r="A112" s="16">
        <v>88</v>
      </c>
      <c r="B112" s="29">
        <v>10</v>
      </c>
      <c r="C112" s="10">
        <v>27</v>
      </c>
      <c r="D112" s="9">
        <v>37</v>
      </c>
    </row>
    <row r="113" spans="1:4" ht="18" customHeight="1" x14ac:dyDescent="0.2">
      <c r="A113" s="16">
        <v>89</v>
      </c>
      <c r="B113" s="29">
        <v>11</v>
      </c>
      <c r="C113" s="10">
        <v>39</v>
      </c>
      <c r="D113" s="9">
        <v>50</v>
      </c>
    </row>
    <row r="114" spans="1:4" ht="18" customHeight="1" x14ac:dyDescent="0.2">
      <c r="A114" s="8" t="s">
        <v>6</v>
      </c>
      <c r="B114" s="29">
        <v>58</v>
      </c>
      <c r="C114" s="10">
        <v>176</v>
      </c>
      <c r="D114" s="9">
        <v>234</v>
      </c>
    </row>
    <row r="115" spans="1:4" ht="18" customHeight="1" x14ac:dyDescent="0.2">
      <c r="A115" s="16">
        <v>90</v>
      </c>
      <c r="B115" s="29">
        <v>10</v>
      </c>
      <c r="C115" s="10">
        <v>37</v>
      </c>
      <c r="D115" s="9">
        <v>47</v>
      </c>
    </row>
    <row r="116" spans="1:4" ht="18" customHeight="1" x14ac:dyDescent="0.2">
      <c r="A116" s="16">
        <v>91</v>
      </c>
      <c r="B116" s="29">
        <v>7</v>
      </c>
      <c r="C116" s="10">
        <v>18</v>
      </c>
      <c r="D116" s="9">
        <v>25</v>
      </c>
    </row>
    <row r="117" spans="1:4" ht="18" customHeight="1" x14ac:dyDescent="0.2">
      <c r="A117" s="16">
        <v>92</v>
      </c>
      <c r="B117" s="29">
        <v>9</v>
      </c>
      <c r="C117" s="10">
        <v>14</v>
      </c>
      <c r="D117" s="9">
        <v>23</v>
      </c>
    </row>
    <row r="118" spans="1:4" ht="18" customHeight="1" x14ac:dyDescent="0.2">
      <c r="A118" s="16">
        <v>93</v>
      </c>
      <c r="B118" s="29">
        <v>6</v>
      </c>
      <c r="C118" s="10">
        <v>16</v>
      </c>
      <c r="D118" s="9">
        <v>22</v>
      </c>
    </row>
    <row r="119" spans="1:4" ht="18" customHeight="1" x14ac:dyDescent="0.2">
      <c r="A119" s="16">
        <v>94</v>
      </c>
      <c r="B119" s="29">
        <v>3</v>
      </c>
      <c r="C119" s="10">
        <v>7</v>
      </c>
      <c r="D119" s="9">
        <v>10</v>
      </c>
    </row>
    <row r="120" spans="1:4" ht="18" customHeight="1" x14ac:dyDescent="0.2">
      <c r="A120" s="8" t="s">
        <v>5</v>
      </c>
      <c r="B120" s="29">
        <v>35</v>
      </c>
      <c r="C120" s="10">
        <v>92</v>
      </c>
      <c r="D120" s="9">
        <v>127</v>
      </c>
    </row>
    <row r="121" spans="1:4" ht="18" customHeight="1" x14ac:dyDescent="0.2">
      <c r="A121" s="16">
        <v>95</v>
      </c>
      <c r="B121" s="29">
        <v>5</v>
      </c>
      <c r="C121" s="10">
        <v>5</v>
      </c>
      <c r="D121" s="9">
        <v>10</v>
      </c>
    </row>
    <row r="122" spans="1:4" ht="18" customHeight="1" x14ac:dyDescent="0.2">
      <c r="A122" s="16">
        <v>96</v>
      </c>
      <c r="B122" s="29">
        <v>2</v>
      </c>
      <c r="C122" s="10">
        <v>9</v>
      </c>
      <c r="D122" s="9">
        <v>11</v>
      </c>
    </row>
    <row r="123" spans="1:4" ht="18" customHeight="1" x14ac:dyDescent="0.2">
      <c r="A123" s="16">
        <v>97</v>
      </c>
      <c r="B123" s="29">
        <v>2</v>
      </c>
      <c r="C123" s="10">
        <v>11</v>
      </c>
      <c r="D123" s="9">
        <v>13</v>
      </c>
    </row>
    <row r="124" spans="1:4" ht="18" customHeight="1" x14ac:dyDescent="0.2">
      <c r="A124" s="16">
        <v>98</v>
      </c>
      <c r="B124" s="29">
        <v>3</v>
      </c>
      <c r="C124" s="10">
        <v>6</v>
      </c>
      <c r="D124" s="9">
        <v>9</v>
      </c>
    </row>
    <row r="125" spans="1:4" ht="18" customHeight="1" x14ac:dyDescent="0.2">
      <c r="A125" s="16">
        <v>99</v>
      </c>
      <c r="B125" s="29">
        <v>0</v>
      </c>
      <c r="C125" s="10">
        <v>5</v>
      </c>
      <c r="D125" s="9">
        <v>5</v>
      </c>
    </row>
    <row r="126" spans="1:4" ht="18" customHeight="1" x14ac:dyDescent="0.2">
      <c r="A126" s="8" t="s">
        <v>4</v>
      </c>
      <c r="B126" s="29">
        <v>12</v>
      </c>
      <c r="C126" s="10">
        <v>36</v>
      </c>
      <c r="D126" s="9">
        <v>48</v>
      </c>
    </row>
    <row r="127" spans="1:4" ht="18" customHeight="1" x14ac:dyDescent="0.2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2">
      <c r="A128" s="15" t="s">
        <v>3</v>
      </c>
      <c r="B128" s="29">
        <v>0</v>
      </c>
      <c r="C128" s="10">
        <v>5</v>
      </c>
      <c r="D128" s="9">
        <v>5</v>
      </c>
    </row>
    <row r="129" spans="1:4" ht="18" customHeight="1" x14ac:dyDescent="0.2">
      <c r="A129" s="8" t="s">
        <v>2</v>
      </c>
      <c r="B129" s="29">
        <v>0</v>
      </c>
      <c r="C129" s="10">
        <v>6</v>
      </c>
      <c r="D129" s="9">
        <v>6</v>
      </c>
    </row>
    <row r="130" spans="1:4" ht="18" customHeight="1" x14ac:dyDescent="0.2">
      <c r="A130" s="8" t="s">
        <v>1</v>
      </c>
      <c r="B130" s="28">
        <v>1027</v>
      </c>
      <c r="C130" s="6">
        <v>1328</v>
      </c>
      <c r="D130" s="5">
        <v>2355</v>
      </c>
    </row>
    <row r="131" spans="1:4" ht="18" customHeight="1" x14ac:dyDescent="0.2">
      <c r="A131" s="4" t="s">
        <v>0</v>
      </c>
      <c r="B131" s="27">
        <v>5273</v>
      </c>
      <c r="C131" s="2">
        <v>4767</v>
      </c>
      <c r="D131" s="1">
        <v>1004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06201C9-0D00-41EF-8C97-7AA912E98C1C}">
  <sheetPr codeName="Sheet2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47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7</v>
      </c>
      <c r="C5" s="18">
        <v>13</v>
      </c>
      <c r="D5" s="17">
        <v>20</v>
      </c>
    </row>
    <row r="6" spans="1:4" ht="18" customHeight="1" x14ac:dyDescent="0.2">
      <c r="A6" s="16">
        <v>1</v>
      </c>
      <c r="B6" s="29">
        <v>8</v>
      </c>
      <c r="C6" s="10">
        <v>15</v>
      </c>
      <c r="D6" s="9">
        <v>23</v>
      </c>
    </row>
    <row r="7" spans="1:4" ht="18" customHeight="1" x14ac:dyDescent="0.2">
      <c r="A7" s="16">
        <v>2</v>
      </c>
      <c r="B7" s="29">
        <v>18</v>
      </c>
      <c r="C7" s="10">
        <v>11</v>
      </c>
      <c r="D7" s="9">
        <v>29</v>
      </c>
    </row>
    <row r="8" spans="1:4" ht="18" customHeight="1" x14ac:dyDescent="0.2">
      <c r="A8" s="16">
        <v>3</v>
      </c>
      <c r="B8" s="29">
        <v>11</v>
      </c>
      <c r="C8" s="10">
        <v>13</v>
      </c>
      <c r="D8" s="9">
        <v>24</v>
      </c>
    </row>
    <row r="9" spans="1:4" ht="18" customHeight="1" x14ac:dyDescent="0.2">
      <c r="A9" s="16">
        <v>4</v>
      </c>
      <c r="B9" s="29">
        <v>12</v>
      </c>
      <c r="C9" s="10">
        <v>12</v>
      </c>
      <c r="D9" s="9">
        <v>24</v>
      </c>
    </row>
    <row r="10" spans="1:4" ht="18" customHeight="1" x14ac:dyDescent="0.2">
      <c r="A10" s="8" t="s">
        <v>25</v>
      </c>
      <c r="B10" s="29">
        <v>56</v>
      </c>
      <c r="C10" s="10">
        <v>64</v>
      </c>
      <c r="D10" s="9">
        <v>120</v>
      </c>
    </row>
    <row r="11" spans="1:4" ht="18" customHeight="1" x14ac:dyDescent="0.2">
      <c r="A11" s="16">
        <v>5</v>
      </c>
      <c r="B11" s="29">
        <v>14</v>
      </c>
      <c r="C11" s="10">
        <v>22</v>
      </c>
      <c r="D11" s="9">
        <v>36</v>
      </c>
    </row>
    <row r="12" spans="1:4" ht="18" customHeight="1" x14ac:dyDescent="0.2">
      <c r="A12" s="16">
        <v>6</v>
      </c>
      <c r="B12" s="29">
        <v>12</v>
      </c>
      <c r="C12" s="10">
        <v>12</v>
      </c>
      <c r="D12" s="9">
        <v>24</v>
      </c>
    </row>
    <row r="13" spans="1:4" ht="18" customHeight="1" x14ac:dyDescent="0.2">
      <c r="A13" s="16">
        <v>7</v>
      </c>
      <c r="B13" s="29">
        <v>10</v>
      </c>
      <c r="C13" s="10">
        <v>17</v>
      </c>
      <c r="D13" s="9">
        <v>27</v>
      </c>
    </row>
    <row r="14" spans="1:4" ht="18" customHeight="1" x14ac:dyDescent="0.2">
      <c r="A14" s="16">
        <v>8</v>
      </c>
      <c r="B14" s="29">
        <v>15</v>
      </c>
      <c r="C14" s="10">
        <v>14</v>
      </c>
      <c r="D14" s="9">
        <v>29</v>
      </c>
    </row>
    <row r="15" spans="1:4" ht="18" customHeight="1" x14ac:dyDescent="0.2">
      <c r="A15" s="16">
        <v>9</v>
      </c>
      <c r="B15" s="29">
        <v>17</v>
      </c>
      <c r="C15" s="10">
        <v>12</v>
      </c>
      <c r="D15" s="9">
        <v>29</v>
      </c>
    </row>
    <row r="16" spans="1:4" ht="18" customHeight="1" x14ac:dyDescent="0.2">
      <c r="A16" s="8" t="s">
        <v>24</v>
      </c>
      <c r="B16" s="29">
        <v>68</v>
      </c>
      <c r="C16" s="10">
        <v>77</v>
      </c>
      <c r="D16" s="9">
        <v>145</v>
      </c>
    </row>
    <row r="17" spans="1:4" ht="18" customHeight="1" x14ac:dyDescent="0.2">
      <c r="A17" s="16">
        <v>10</v>
      </c>
      <c r="B17" s="29">
        <v>11</v>
      </c>
      <c r="C17" s="10">
        <v>20</v>
      </c>
      <c r="D17" s="9">
        <v>31</v>
      </c>
    </row>
    <row r="18" spans="1:4" ht="18" customHeight="1" x14ac:dyDescent="0.2">
      <c r="A18" s="16">
        <v>11</v>
      </c>
      <c r="B18" s="29">
        <v>23</v>
      </c>
      <c r="C18" s="10">
        <v>14</v>
      </c>
      <c r="D18" s="9">
        <v>37</v>
      </c>
    </row>
    <row r="19" spans="1:4" ht="18" customHeight="1" x14ac:dyDescent="0.2">
      <c r="A19" s="16">
        <v>12</v>
      </c>
      <c r="B19" s="29">
        <v>10</v>
      </c>
      <c r="C19" s="10">
        <v>13</v>
      </c>
      <c r="D19" s="9">
        <v>23</v>
      </c>
    </row>
    <row r="20" spans="1:4" ht="18" customHeight="1" x14ac:dyDescent="0.2">
      <c r="A20" s="16">
        <v>13</v>
      </c>
      <c r="B20" s="29">
        <v>18</v>
      </c>
      <c r="C20" s="10">
        <v>20</v>
      </c>
      <c r="D20" s="9">
        <v>38</v>
      </c>
    </row>
    <row r="21" spans="1:4" ht="18" customHeight="1" x14ac:dyDescent="0.2">
      <c r="A21" s="16">
        <v>14</v>
      </c>
      <c r="B21" s="29">
        <v>19</v>
      </c>
      <c r="C21" s="10">
        <v>16</v>
      </c>
      <c r="D21" s="9">
        <v>35</v>
      </c>
    </row>
    <row r="22" spans="1:4" ht="18" customHeight="1" x14ac:dyDescent="0.2">
      <c r="A22" s="8" t="s">
        <v>23</v>
      </c>
      <c r="B22" s="29">
        <v>81</v>
      </c>
      <c r="C22" s="10">
        <v>83</v>
      </c>
      <c r="D22" s="9">
        <v>164</v>
      </c>
    </row>
    <row r="23" spans="1:4" ht="18" customHeight="1" x14ac:dyDescent="0.2">
      <c r="A23" s="8" t="s">
        <v>22</v>
      </c>
      <c r="B23" s="29">
        <v>205</v>
      </c>
      <c r="C23" s="10">
        <v>224</v>
      </c>
      <c r="D23" s="9">
        <v>429</v>
      </c>
    </row>
    <row r="24" spans="1:4" ht="18" customHeight="1" x14ac:dyDescent="0.2">
      <c r="A24" s="16">
        <v>15</v>
      </c>
      <c r="B24" s="29">
        <v>19</v>
      </c>
      <c r="C24" s="10">
        <v>16</v>
      </c>
      <c r="D24" s="9">
        <v>35</v>
      </c>
    </row>
    <row r="25" spans="1:4" ht="18" customHeight="1" x14ac:dyDescent="0.2">
      <c r="A25" s="16">
        <v>16</v>
      </c>
      <c r="B25" s="29">
        <v>22</v>
      </c>
      <c r="C25" s="10">
        <v>20</v>
      </c>
      <c r="D25" s="9">
        <v>42</v>
      </c>
    </row>
    <row r="26" spans="1:4" ht="18" customHeight="1" x14ac:dyDescent="0.2">
      <c r="A26" s="16">
        <v>17</v>
      </c>
      <c r="B26" s="29">
        <v>20</v>
      </c>
      <c r="C26" s="10">
        <v>20</v>
      </c>
      <c r="D26" s="9">
        <v>40</v>
      </c>
    </row>
    <row r="27" spans="1:4" ht="18" customHeight="1" x14ac:dyDescent="0.2">
      <c r="A27" s="16">
        <v>18</v>
      </c>
      <c r="B27" s="29">
        <v>18</v>
      </c>
      <c r="C27" s="10">
        <v>23</v>
      </c>
      <c r="D27" s="9">
        <v>41</v>
      </c>
    </row>
    <row r="28" spans="1:4" ht="18" customHeight="1" x14ac:dyDescent="0.2">
      <c r="A28" s="16">
        <v>19</v>
      </c>
      <c r="B28" s="29">
        <v>26</v>
      </c>
      <c r="C28" s="10">
        <v>25</v>
      </c>
      <c r="D28" s="9">
        <v>51</v>
      </c>
    </row>
    <row r="29" spans="1:4" ht="18" customHeight="1" x14ac:dyDescent="0.2">
      <c r="A29" s="8" t="s">
        <v>21</v>
      </c>
      <c r="B29" s="29">
        <v>105</v>
      </c>
      <c r="C29" s="10">
        <v>104</v>
      </c>
      <c r="D29" s="9">
        <v>209</v>
      </c>
    </row>
    <row r="30" spans="1:4" ht="18" customHeight="1" x14ac:dyDescent="0.2">
      <c r="A30" s="16">
        <v>20</v>
      </c>
      <c r="B30" s="29">
        <v>22</v>
      </c>
      <c r="C30" s="10">
        <v>22</v>
      </c>
      <c r="D30" s="9">
        <v>44</v>
      </c>
    </row>
    <row r="31" spans="1:4" ht="18" customHeight="1" x14ac:dyDescent="0.2">
      <c r="A31" s="16">
        <v>21</v>
      </c>
      <c r="B31" s="29">
        <v>27</v>
      </c>
      <c r="C31" s="10">
        <v>22</v>
      </c>
      <c r="D31" s="9">
        <v>49</v>
      </c>
    </row>
    <row r="32" spans="1:4" ht="18" customHeight="1" x14ac:dyDescent="0.2">
      <c r="A32" s="16">
        <v>22</v>
      </c>
      <c r="B32" s="29">
        <v>29</v>
      </c>
      <c r="C32" s="10">
        <v>32</v>
      </c>
      <c r="D32" s="9">
        <v>61</v>
      </c>
    </row>
    <row r="33" spans="1:4" ht="18" customHeight="1" x14ac:dyDescent="0.2">
      <c r="A33" s="16">
        <v>23</v>
      </c>
      <c r="B33" s="29">
        <v>13</v>
      </c>
      <c r="C33" s="10">
        <v>19</v>
      </c>
      <c r="D33" s="9">
        <v>32</v>
      </c>
    </row>
    <row r="34" spans="1:4" ht="18" customHeight="1" x14ac:dyDescent="0.2">
      <c r="A34" s="16">
        <v>24</v>
      </c>
      <c r="B34" s="29">
        <v>16</v>
      </c>
      <c r="C34" s="10">
        <v>24</v>
      </c>
      <c r="D34" s="9">
        <v>40</v>
      </c>
    </row>
    <row r="35" spans="1:4" ht="18" customHeight="1" x14ac:dyDescent="0.2">
      <c r="A35" s="8" t="s">
        <v>20</v>
      </c>
      <c r="B35" s="29">
        <v>107</v>
      </c>
      <c r="C35" s="10">
        <v>119</v>
      </c>
      <c r="D35" s="9">
        <v>226</v>
      </c>
    </row>
    <row r="36" spans="1:4" ht="18" customHeight="1" x14ac:dyDescent="0.2">
      <c r="A36" s="16">
        <v>25</v>
      </c>
      <c r="B36" s="29">
        <v>14</v>
      </c>
      <c r="C36" s="10">
        <v>16</v>
      </c>
      <c r="D36" s="9">
        <v>30</v>
      </c>
    </row>
    <row r="37" spans="1:4" ht="18" customHeight="1" x14ac:dyDescent="0.2">
      <c r="A37" s="16">
        <v>26</v>
      </c>
      <c r="B37" s="29">
        <v>21</v>
      </c>
      <c r="C37" s="10">
        <v>17</v>
      </c>
      <c r="D37" s="9">
        <v>38</v>
      </c>
    </row>
    <row r="38" spans="1:4" ht="18" customHeight="1" x14ac:dyDescent="0.2">
      <c r="A38" s="16">
        <v>27</v>
      </c>
      <c r="B38" s="29">
        <v>26</v>
      </c>
      <c r="C38" s="10">
        <v>21</v>
      </c>
      <c r="D38" s="9">
        <v>47</v>
      </c>
    </row>
    <row r="39" spans="1:4" ht="18" customHeight="1" x14ac:dyDescent="0.2">
      <c r="A39" s="16">
        <v>28</v>
      </c>
      <c r="B39" s="29">
        <v>17</v>
      </c>
      <c r="C39" s="10">
        <v>23</v>
      </c>
      <c r="D39" s="9">
        <v>40</v>
      </c>
    </row>
    <row r="40" spans="1:4" ht="18" customHeight="1" x14ac:dyDescent="0.2">
      <c r="A40" s="16">
        <v>29</v>
      </c>
      <c r="B40" s="29">
        <v>17</v>
      </c>
      <c r="C40" s="10">
        <v>18</v>
      </c>
      <c r="D40" s="9">
        <v>35</v>
      </c>
    </row>
    <row r="41" spans="1:4" ht="18" customHeight="1" x14ac:dyDescent="0.2">
      <c r="A41" s="8" t="s">
        <v>19</v>
      </c>
      <c r="B41" s="29">
        <v>95</v>
      </c>
      <c r="C41" s="10">
        <v>95</v>
      </c>
      <c r="D41" s="9">
        <v>190</v>
      </c>
    </row>
    <row r="42" spans="1:4" ht="18" customHeight="1" x14ac:dyDescent="0.2">
      <c r="A42" s="16">
        <v>30</v>
      </c>
      <c r="B42" s="29">
        <v>21</v>
      </c>
      <c r="C42" s="10">
        <v>10</v>
      </c>
      <c r="D42" s="9">
        <v>31</v>
      </c>
    </row>
    <row r="43" spans="1:4" ht="18" customHeight="1" x14ac:dyDescent="0.2">
      <c r="A43" s="16">
        <v>31</v>
      </c>
      <c r="B43" s="29">
        <v>20</v>
      </c>
      <c r="C43" s="10">
        <v>18</v>
      </c>
      <c r="D43" s="9">
        <v>38</v>
      </c>
    </row>
    <row r="44" spans="1:4" ht="18" customHeight="1" x14ac:dyDescent="0.2">
      <c r="A44" s="16">
        <v>32</v>
      </c>
      <c r="B44" s="29">
        <v>23</v>
      </c>
      <c r="C44" s="10">
        <v>11</v>
      </c>
      <c r="D44" s="9">
        <v>34</v>
      </c>
    </row>
    <row r="45" spans="1:4" ht="18" customHeight="1" x14ac:dyDescent="0.2">
      <c r="A45" s="16">
        <v>33</v>
      </c>
      <c r="B45" s="29">
        <v>21</v>
      </c>
      <c r="C45" s="10">
        <v>20</v>
      </c>
      <c r="D45" s="9">
        <v>41</v>
      </c>
    </row>
    <row r="46" spans="1:4" ht="18" customHeight="1" x14ac:dyDescent="0.2">
      <c r="A46" s="16">
        <v>34</v>
      </c>
      <c r="B46" s="29">
        <v>28</v>
      </c>
      <c r="C46" s="10">
        <v>15</v>
      </c>
      <c r="D46" s="9">
        <v>43</v>
      </c>
    </row>
    <row r="47" spans="1:4" ht="18" customHeight="1" x14ac:dyDescent="0.2">
      <c r="A47" s="8" t="s">
        <v>18</v>
      </c>
      <c r="B47" s="29">
        <v>113</v>
      </c>
      <c r="C47" s="10">
        <v>74</v>
      </c>
      <c r="D47" s="9">
        <v>187</v>
      </c>
    </row>
    <row r="48" spans="1:4" ht="18" customHeight="1" x14ac:dyDescent="0.2">
      <c r="A48" s="16">
        <v>35</v>
      </c>
      <c r="B48" s="29">
        <v>15</v>
      </c>
      <c r="C48" s="10">
        <v>9</v>
      </c>
      <c r="D48" s="9">
        <v>24</v>
      </c>
    </row>
    <row r="49" spans="1:4" ht="18" customHeight="1" x14ac:dyDescent="0.2">
      <c r="A49" s="16">
        <v>36</v>
      </c>
      <c r="B49" s="29">
        <v>21</v>
      </c>
      <c r="C49" s="10">
        <v>27</v>
      </c>
      <c r="D49" s="9">
        <v>48</v>
      </c>
    </row>
    <row r="50" spans="1:4" ht="18" customHeight="1" x14ac:dyDescent="0.2">
      <c r="A50" s="16">
        <v>37</v>
      </c>
      <c r="B50" s="29">
        <v>24</v>
      </c>
      <c r="C50" s="10">
        <v>21</v>
      </c>
      <c r="D50" s="9">
        <v>45</v>
      </c>
    </row>
    <row r="51" spans="1:4" ht="18" customHeight="1" x14ac:dyDescent="0.2">
      <c r="A51" s="16">
        <v>38</v>
      </c>
      <c r="B51" s="29">
        <v>13</v>
      </c>
      <c r="C51" s="10">
        <v>24</v>
      </c>
      <c r="D51" s="9">
        <v>37</v>
      </c>
    </row>
    <row r="52" spans="1:4" ht="18" customHeight="1" x14ac:dyDescent="0.2">
      <c r="A52" s="16">
        <v>39</v>
      </c>
      <c r="B52" s="29">
        <v>21</v>
      </c>
      <c r="C52" s="10">
        <v>20</v>
      </c>
      <c r="D52" s="9">
        <v>41</v>
      </c>
    </row>
    <row r="53" spans="1:4" ht="18" customHeight="1" x14ac:dyDescent="0.2">
      <c r="A53" s="8" t="s">
        <v>17</v>
      </c>
      <c r="B53" s="29">
        <v>94</v>
      </c>
      <c r="C53" s="10">
        <v>101</v>
      </c>
      <c r="D53" s="9">
        <v>195</v>
      </c>
    </row>
    <row r="54" spans="1:4" ht="18" customHeight="1" x14ac:dyDescent="0.2">
      <c r="A54" s="16">
        <v>40</v>
      </c>
      <c r="B54" s="29">
        <v>20</v>
      </c>
      <c r="C54" s="10">
        <v>15</v>
      </c>
      <c r="D54" s="9">
        <v>35</v>
      </c>
    </row>
    <row r="55" spans="1:4" ht="18" customHeight="1" x14ac:dyDescent="0.2">
      <c r="A55" s="16">
        <v>41</v>
      </c>
      <c r="B55" s="29">
        <v>19</v>
      </c>
      <c r="C55" s="10">
        <v>22</v>
      </c>
      <c r="D55" s="9">
        <v>41</v>
      </c>
    </row>
    <row r="56" spans="1:4" ht="18" customHeight="1" x14ac:dyDescent="0.2">
      <c r="A56" s="16">
        <v>42</v>
      </c>
      <c r="B56" s="29">
        <v>26</v>
      </c>
      <c r="C56" s="10">
        <v>24</v>
      </c>
      <c r="D56" s="9">
        <v>50</v>
      </c>
    </row>
    <row r="57" spans="1:4" ht="18" customHeight="1" x14ac:dyDescent="0.2">
      <c r="A57" s="16">
        <v>43</v>
      </c>
      <c r="B57" s="29">
        <v>20</v>
      </c>
      <c r="C57" s="10">
        <v>23</v>
      </c>
      <c r="D57" s="9">
        <v>43</v>
      </c>
    </row>
    <row r="58" spans="1:4" ht="18" customHeight="1" x14ac:dyDescent="0.2">
      <c r="A58" s="16">
        <v>44</v>
      </c>
      <c r="B58" s="29">
        <v>24</v>
      </c>
      <c r="C58" s="10">
        <v>22</v>
      </c>
      <c r="D58" s="9">
        <v>46</v>
      </c>
    </row>
    <row r="59" spans="1:4" ht="18" customHeight="1" x14ac:dyDescent="0.2">
      <c r="A59" s="8" t="s">
        <v>16</v>
      </c>
      <c r="B59" s="29">
        <v>109</v>
      </c>
      <c r="C59" s="10">
        <v>106</v>
      </c>
      <c r="D59" s="9">
        <v>215</v>
      </c>
    </row>
    <row r="60" spans="1:4" ht="18" customHeight="1" x14ac:dyDescent="0.2">
      <c r="A60" s="16">
        <v>45</v>
      </c>
      <c r="B60" s="29">
        <v>26</v>
      </c>
      <c r="C60" s="10">
        <v>23</v>
      </c>
      <c r="D60" s="9">
        <v>49</v>
      </c>
    </row>
    <row r="61" spans="1:4" ht="18" customHeight="1" x14ac:dyDescent="0.2">
      <c r="A61" s="16">
        <v>46</v>
      </c>
      <c r="B61" s="29">
        <v>28</v>
      </c>
      <c r="C61" s="10">
        <v>32</v>
      </c>
      <c r="D61" s="9">
        <v>60</v>
      </c>
    </row>
    <row r="62" spans="1:4" ht="18" customHeight="1" x14ac:dyDescent="0.2">
      <c r="A62" s="16">
        <v>47</v>
      </c>
      <c r="B62" s="29">
        <v>28</v>
      </c>
      <c r="C62" s="10">
        <v>37</v>
      </c>
      <c r="D62" s="9">
        <v>65</v>
      </c>
    </row>
    <row r="63" spans="1:4" ht="18" customHeight="1" x14ac:dyDescent="0.2">
      <c r="A63" s="16">
        <v>48</v>
      </c>
      <c r="B63" s="29">
        <v>38</v>
      </c>
      <c r="C63" s="10">
        <v>28</v>
      </c>
      <c r="D63" s="9">
        <v>66</v>
      </c>
    </row>
    <row r="64" spans="1:4" ht="18" customHeight="1" x14ac:dyDescent="0.2">
      <c r="A64" s="16">
        <v>49</v>
      </c>
      <c r="B64" s="29">
        <v>37</v>
      </c>
      <c r="C64" s="10">
        <v>40</v>
      </c>
      <c r="D64" s="9">
        <v>77</v>
      </c>
    </row>
    <row r="65" spans="1:4" ht="18" customHeight="1" x14ac:dyDescent="0.2">
      <c r="A65" s="8" t="s">
        <v>15</v>
      </c>
      <c r="B65" s="29">
        <v>157</v>
      </c>
      <c r="C65" s="10">
        <v>160</v>
      </c>
      <c r="D65" s="9">
        <v>317</v>
      </c>
    </row>
    <row r="66" spans="1:4" ht="18" customHeight="1" x14ac:dyDescent="0.2">
      <c r="A66" s="16">
        <v>50</v>
      </c>
      <c r="B66" s="29">
        <v>44</v>
      </c>
      <c r="C66" s="10">
        <v>45</v>
      </c>
      <c r="D66" s="9">
        <v>89</v>
      </c>
    </row>
    <row r="67" spans="1:4" ht="18" customHeight="1" x14ac:dyDescent="0.2">
      <c r="A67" s="16">
        <v>51</v>
      </c>
      <c r="B67" s="29">
        <v>29</v>
      </c>
      <c r="C67" s="10">
        <v>38</v>
      </c>
      <c r="D67" s="9">
        <v>67</v>
      </c>
    </row>
    <row r="68" spans="1:4" ht="18" customHeight="1" x14ac:dyDescent="0.2">
      <c r="A68" s="16">
        <v>52</v>
      </c>
      <c r="B68" s="29">
        <v>27</v>
      </c>
      <c r="C68" s="10">
        <v>27</v>
      </c>
      <c r="D68" s="9">
        <v>54</v>
      </c>
    </row>
    <row r="69" spans="1:4" ht="18" customHeight="1" x14ac:dyDescent="0.2">
      <c r="A69" s="16">
        <v>53</v>
      </c>
      <c r="B69" s="29">
        <v>31</v>
      </c>
      <c r="C69" s="10">
        <v>29</v>
      </c>
      <c r="D69" s="9">
        <v>60</v>
      </c>
    </row>
    <row r="70" spans="1:4" ht="18" customHeight="1" x14ac:dyDescent="0.2">
      <c r="A70" s="16">
        <v>54</v>
      </c>
      <c r="B70" s="29">
        <v>27</v>
      </c>
      <c r="C70" s="10">
        <v>40</v>
      </c>
      <c r="D70" s="9">
        <v>67</v>
      </c>
    </row>
    <row r="71" spans="1:4" ht="18" customHeight="1" x14ac:dyDescent="0.2">
      <c r="A71" s="8" t="s">
        <v>14</v>
      </c>
      <c r="B71" s="29">
        <v>158</v>
      </c>
      <c r="C71" s="10">
        <v>179</v>
      </c>
      <c r="D71" s="9">
        <v>337</v>
      </c>
    </row>
    <row r="72" spans="1:4" ht="18" customHeight="1" x14ac:dyDescent="0.2">
      <c r="A72" s="16">
        <v>55</v>
      </c>
      <c r="B72" s="29">
        <v>19</v>
      </c>
      <c r="C72" s="10">
        <v>24</v>
      </c>
      <c r="D72" s="9">
        <v>43</v>
      </c>
    </row>
    <row r="73" spans="1:4" ht="18" customHeight="1" x14ac:dyDescent="0.2">
      <c r="A73" s="16">
        <v>56</v>
      </c>
      <c r="B73" s="29">
        <v>39</v>
      </c>
      <c r="C73" s="10">
        <v>37</v>
      </c>
      <c r="D73" s="9">
        <v>76</v>
      </c>
    </row>
    <row r="74" spans="1:4" ht="18" customHeight="1" x14ac:dyDescent="0.2">
      <c r="A74" s="16">
        <v>57</v>
      </c>
      <c r="B74" s="29">
        <v>32</v>
      </c>
      <c r="C74" s="10">
        <v>28</v>
      </c>
      <c r="D74" s="9">
        <v>60</v>
      </c>
    </row>
    <row r="75" spans="1:4" ht="18" customHeight="1" x14ac:dyDescent="0.2">
      <c r="A75" s="16">
        <v>58</v>
      </c>
      <c r="B75" s="29">
        <v>27</v>
      </c>
      <c r="C75" s="10">
        <v>34</v>
      </c>
      <c r="D75" s="9">
        <v>61</v>
      </c>
    </row>
    <row r="76" spans="1:4" ht="18" customHeight="1" x14ac:dyDescent="0.2">
      <c r="A76" s="16">
        <v>59</v>
      </c>
      <c r="B76" s="29">
        <v>25</v>
      </c>
      <c r="C76" s="10">
        <v>27</v>
      </c>
      <c r="D76" s="9">
        <v>52</v>
      </c>
    </row>
    <row r="77" spans="1:4" ht="18" customHeight="1" x14ac:dyDescent="0.2">
      <c r="A77" s="8" t="s">
        <v>13</v>
      </c>
      <c r="B77" s="29">
        <v>142</v>
      </c>
      <c r="C77" s="10">
        <v>150</v>
      </c>
      <c r="D77" s="9">
        <v>292</v>
      </c>
    </row>
    <row r="78" spans="1:4" ht="18" customHeight="1" x14ac:dyDescent="0.2">
      <c r="A78" s="16">
        <v>60</v>
      </c>
      <c r="B78" s="29">
        <v>35</v>
      </c>
      <c r="C78" s="10">
        <v>22</v>
      </c>
      <c r="D78" s="9">
        <v>57</v>
      </c>
    </row>
    <row r="79" spans="1:4" ht="18" customHeight="1" x14ac:dyDescent="0.2">
      <c r="A79" s="16">
        <v>61</v>
      </c>
      <c r="B79" s="29">
        <v>21</v>
      </c>
      <c r="C79" s="10">
        <v>23</v>
      </c>
      <c r="D79" s="9">
        <v>44</v>
      </c>
    </row>
    <row r="80" spans="1:4" ht="18" customHeight="1" x14ac:dyDescent="0.2">
      <c r="A80" s="16">
        <v>62</v>
      </c>
      <c r="B80" s="29">
        <v>34</v>
      </c>
      <c r="C80" s="10">
        <v>34</v>
      </c>
      <c r="D80" s="9">
        <v>68</v>
      </c>
    </row>
    <row r="81" spans="1:4" ht="18" customHeight="1" x14ac:dyDescent="0.2">
      <c r="A81" s="16">
        <v>63</v>
      </c>
      <c r="B81" s="29">
        <v>29</v>
      </c>
      <c r="C81" s="10">
        <v>18</v>
      </c>
      <c r="D81" s="9">
        <v>47</v>
      </c>
    </row>
    <row r="82" spans="1:4" ht="18" customHeight="1" x14ac:dyDescent="0.2">
      <c r="A82" s="16">
        <v>64</v>
      </c>
      <c r="B82" s="29">
        <v>24</v>
      </c>
      <c r="C82" s="10">
        <v>34</v>
      </c>
      <c r="D82" s="9">
        <v>58</v>
      </c>
    </row>
    <row r="83" spans="1:4" ht="18" customHeight="1" x14ac:dyDescent="0.2">
      <c r="A83" s="8" t="s">
        <v>12</v>
      </c>
      <c r="B83" s="29">
        <v>143</v>
      </c>
      <c r="C83" s="10">
        <v>131</v>
      </c>
      <c r="D83" s="9">
        <v>274</v>
      </c>
    </row>
    <row r="84" spans="1:4" ht="18" customHeight="1" x14ac:dyDescent="0.2">
      <c r="A84" s="8" t="s">
        <v>11</v>
      </c>
      <c r="B84" s="29">
        <v>1223</v>
      </c>
      <c r="C84" s="10">
        <v>1219</v>
      </c>
      <c r="D84" s="9">
        <v>2442</v>
      </c>
    </row>
    <row r="85" spans="1:4" ht="18" customHeight="1" x14ac:dyDescent="0.2">
      <c r="A85" s="16">
        <v>65</v>
      </c>
      <c r="B85" s="29">
        <v>16</v>
      </c>
      <c r="C85" s="10">
        <v>19</v>
      </c>
      <c r="D85" s="9">
        <v>35</v>
      </c>
    </row>
    <row r="86" spans="1:4" ht="18" customHeight="1" x14ac:dyDescent="0.2">
      <c r="A86" s="16">
        <v>66</v>
      </c>
      <c r="B86" s="29">
        <v>19</v>
      </c>
      <c r="C86" s="10">
        <v>23</v>
      </c>
      <c r="D86" s="9">
        <v>42</v>
      </c>
    </row>
    <row r="87" spans="1:4" ht="18" customHeight="1" x14ac:dyDescent="0.2">
      <c r="A87" s="16">
        <v>67</v>
      </c>
      <c r="B87" s="29">
        <v>14</v>
      </c>
      <c r="C87" s="10">
        <v>19</v>
      </c>
      <c r="D87" s="9">
        <v>33</v>
      </c>
    </row>
    <row r="88" spans="1:4" ht="18" customHeight="1" x14ac:dyDescent="0.2">
      <c r="A88" s="16">
        <v>68</v>
      </c>
      <c r="B88" s="29">
        <v>27</v>
      </c>
      <c r="C88" s="10">
        <v>29</v>
      </c>
      <c r="D88" s="9">
        <v>56</v>
      </c>
    </row>
    <row r="89" spans="1:4" ht="18" customHeight="1" x14ac:dyDescent="0.2">
      <c r="A89" s="16">
        <v>69</v>
      </c>
      <c r="B89" s="29">
        <v>23</v>
      </c>
      <c r="C89" s="10">
        <v>23</v>
      </c>
      <c r="D89" s="9">
        <v>46</v>
      </c>
    </row>
    <row r="90" spans="1:4" ht="18" customHeight="1" x14ac:dyDescent="0.2">
      <c r="A90" s="8" t="s">
        <v>10</v>
      </c>
      <c r="B90" s="29">
        <v>99</v>
      </c>
      <c r="C90" s="10">
        <v>113</v>
      </c>
      <c r="D90" s="9">
        <v>212</v>
      </c>
    </row>
    <row r="91" spans="1:4" ht="18" customHeight="1" x14ac:dyDescent="0.2">
      <c r="A91" s="16">
        <v>70</v>
      </c>
      <c r="B91" s="29">
        <v>26</v>
      </c>
      <c r="C91" s="10">
        <v>23</v>
      </c>
      <c r="D91" s="9">
        <v>49</v>
      </c>
    </row>
    <row r="92" spans="1:4" ht="18" customHeight="1" x14ac:dyDescent="0.2">
      <c r="A92" s="16">
        <v>71</v>
      </c>
      <c r="B92" s="29">
        <v>26</v>
      </c>
      <c r="C92" s="10">
        <v>30</v>
      </c>
      <c r="D92" s="9">
        <v>56</v>
      </c>
    </row>
    <row r="93" spans="1:4" ht="18" customHeight="1" x14ac:dyDescent="0.2">
      <c r="A93" s="16">
        <v>72</v>
      </c>
      <c r="B93" s="29">
        <v>26</v>
      </c>
      <c r="C93" s="10">
        <v>33</v>
      </c>
      <c r="D93" s="9">
        <v>59</v>
      </c>
    </row>
    <row r="94" spans="1:4" ht="18" customHeight="1" x14ac:dyDescent="0.2">
      <c r="A94" s="16">
        <v>73</v>
      </c>
      <c r="B94" s="29">
        <v>36</v>
      </c>
      <c r="C94" s="10">
        <v>40</v>
      </c>
      <c r="D94" s="9">
        <v>76</v>
      </c>
    </row>
    <row r="95" spans="1:4" ht="18" customHeight="1" x14ac:dyDescent="0.2">
      <c r="A95" s="16">
        <v>74</v>
      </c>
      <c r="B95" s="29">
        <v>29</v>
      </c>
      <c r="C95" s="10">
        <v>34</v>
      </c>
      <c r="D95" s="9">
        <v>63</v>
      </c>
    </row>
    <row r="96" spans="1:4" ht="18" customHeight="1" x14ac:dyDescent="0.2">
      <c r="A96" s="8" t="s">
        <v>9</v>
      </c>
      <c r="B96" s="29">
        <v>143</v>
      </c>
      <c r="C96" s="10">
        <v>160</v>
      </c>
      <c r="D96" s="9">
        <v>303</v>
      </c>
    </row>
    <row r="97" spans="1:4" ht="18" customHeight="1" x14ac:dyDescent="0.2">
      <c r="A97" s="16">
        <v>75</v>
      </c>
      <c r="B97" s="29">
        <v>26</v>
      </c>
      <c r="C97" s="10">
        <v>37</v>
      </c>
      <c r="D97" s="9">
        <v>63</v>
      </c>
    </row>
    <row r="98" spans="1:4" ht="18" customHeight="1" x14ac:dyDescent="0.2">
      <c r="A98" s="16">
        <v>76</v>
      </c>
      <c r="B98" s="29">
        <v>18</v>
      </c>
      <c r="C98" s="10">
        <v>39</v>
      </c>
      <c r="D98" s="9">
        <v>57</v>
      </c>
    </row>
    <row r="99" spans="1:4" ht="18" customHeight="1" x14ac:dyDescent="0.2">
      <c r="A99" s="16">
        <v>77</v>
      </c>
      <c r="B99" s="29">
        <v>15</v>
      </c>
      <c r="C99" s="10">
        <v>17</v>
      </c>
      <c r="D99" s="9">
        <v>32</v>
      </c>
    </row>
    <row r="100" spans="1:4" ht="18" customHeight="1" x14ac:dyDescent="0.2">
      <c r="A100" s="16">
        <v>78</v>
      </c>
      <c r="B100" s="29">
        <v>13</v>
      </c>
      <c r="C100" s="10">
        <v>22</v>
      </c>
      <c r="D100" s="9">
        <v>35</v>
      </c>
    </row>
    <row r="101" spans="1:4" ht="18" customHeight="1" x14ac:dyDescent="0.2">
      <c r="A101" s="16">
        <v>79</v>
      </c>
      <c r="B101" s="29">
        <v>18</v>
      </c>
      <c r="C101" s="10">
        <v>31</v>
      </c>
      <c r="D101" s="9">
        <v>49</v>
      </c>
    </row>
    <row r="102" spans="1:4" ht="18" customHeight="1" x14ac:dyDescent="0.2">
      <c r="A102" s="8" t="s">
        <v>8</v>
      </c>
      <c r="B102" s="29">
        <v>90</v>
      </c>
      <c r="C102" s="10">
        <v>146</v>
      </c>
      <c r="D102" s="9">
        <v>236</v>
      </c>
    </row>
    <row r="103" spans="1:4" ht="18" customHeight="1" x14ac:dyDescent="0.2">
      <c r="A103" s="16">
        <v>80</v>
      </c>
      <c r="B103" s="29">
        <v>19</v>
      </c>
      <c r="C103" s="10">
        <v>32</v>
      </c>
      <c r="D103" s="9">
        <v>51</v>
      </c>
    </row>
    <row r="104" spans="1:4" ht="18" customHeight="1" x14ac:dyDescent="0.2">
      <c r="A104" s="16">
        <v>81</v>
      </c>
      <c r="B104" s="29">
        <v>20</v>
      </c>
      <c r="C104" s="10">
        <v>30</v>
      </c>
      <c r="D104" s="9">
        <v>50</v>
      </c>
    </row>
    <row r="105" spans="1:4" ht="18" customHeight="1" x14ac:dyDescent="0.2">
      <c r="A105" s="16">
        <v>82</v>
      </c>
      <c r="B105" s="29">
        <v>17</v>
      </c>
      <c r="C105" s="10">
        <v>27</v>
      </c>
      <c r="D105" s="9">
        <v>44</v>
      </c>
    </row>
    <row r="106" spans="1:4" ht="18" customHeight="1" x14ac:dyDescent="0.2">
      <c r="A106" s="16">
        <v>83</v>
      </c>
      <c r="B106" s="29">
        <v>20</v>
      </c>
      <c r="C106" s="10">
        <v>27</v>
      </c>
      <c r="D106" s="9">
        <v>47</v>
      </c>
    </row>
    <row r="107" spans="1:4" ht="18" customHeight="1" x14ac:dyDescent="0.2">
      <c r="A107" s="16">
        <v>84</v>
      </c>
      <c r="B107" s="29">
        <v>14</v>
      </c>
      <c r="C107" s="10">
        <v>18</v>
      </c>
      <c r="D107" s="9">
        <v>32</v>
      </c>
    </row>
    <row r="108" spans="1:4" ht="18" customHeight="1" x14ac:dyDescent="0.2">
      <c r="A108" s="8" t="s">
        <v>7</v>
      </c>
      <c r="B108" s="29">
        <v>90</v>
      </c>
      <c r="C108" s="10">
        <v>134</v>
      </c>
      <c r="D108" s="9">
        <v>224</v>
      </c>
    </row>
    <row r="109" spans="1:4" ht="18" customHeight="1" x14ac:dyDescent="0.2">
      <c r="A109" s="16">
        <v>85</v>
      </c>
      <c r="B109" s="29">
        <v>17</v>
      </c>
      <c r="C109" s="10">
        <v>24</v>
      </c>
      <c r="D109" s="9">
        <v>41</v>
      </c>
    </row>
    <row r="110" spans="1:4" ht="18" customHeight="1" x14ac:dyDescent="0.2">
      <c r="A110" s="16">
        <v>86</v>
      </c>
      <c r="B110" s="29">
        <v>4</v>
      </c>
      <c r="C110" s="10">
        <v>8</v>
      </c>
      <c r="D110" s="9">
        <v>12</v>
      </c>
    </row>
    <row r="111" spans="1:4" ht="18" customHeight="1" x14ac:dyDescent="0.2">
      <c r="A111" s="16">
        <v>87</v>
      </c>
      <c r="B111" s="29">
        <v>8</v>
      </c>
      <c r="C111" s="10">
        <v>25</v>
      </c>
      <c r="D111" s="9">
        <v>33</v>
      </c>
    </row>
    <row r="112" spans="1:4" ht="18" customHeight="1" x14ac:dyDescent="0.2">
      <c r="A112" s="16">
        <v>88</v>
      </c>
      <c r="B112" s="29">
        <v>10</v>
      </c>
      <c r="C112" s="10">
        <v>8</v>
      </c>
      <c r="D112" s="9">
        <v>18</v>
      </c>
    </row>
    <row r="113" spans="1:4" ht="18" customHeight="1" x14ac:dyDescent="0.2">
      <c r="A113" s="16">
        <v>89</v>
      </c>
      <c r="B113" s="29">
        <v>5</v>
      </c>
      <c r="C113" s="10">
        <v>8</v>
      </c>
      <c r="D113" s="9">
        <v>13</v>
      </c>
    </row>
    <row r="114" spans="1:4" ht="18" customHeight="1" x14ac:dyDescent="0.2">
      <c r="A114" s="8" t="s">
        <v>6</v>
      </c>
      <c r="B114" s="29">
        <v>44</v>
      </c>
      <c r="C114" s="10">
        <v>73</v>
      </c>
      <c r="D114" s="9">
        <v>117</v>
      </c>
    </row>
    <row r="115" spans="1:4" ht="18" customHeight="1" x14ac:dyDescent="0.2">
      <c r="A115" s="16">
        <v>90</v>
      </c>
      <c r="B115" s="29">
        <v>9</v>
      </c>
      <c r="C115" s="10">
        <v>15</v>
      </c>
      <c r="D115" s="9">
        <v>24</v>
      </c>
    </row>
    <row r="116" spans="1:4" ht="18" customHeight="1" x14ac:dyDescent="0.2">
      <c r="A116" s="16">
        <v>91</v>
      </c>
      <c r="B116" s="29">
        <v>3</v>
      </c>
      <c r="C116" s="10">
        <v>9</v>
      </c>
      <c r="D116" s="9">
        <v>12</v>
      </c>
    </row>
    <row r="117" spans="1:4" ht="18" customHeight="1" x14ac:dyDescent="0.2">
      <c r="A117" s="16">
        <v>92</v>
      </c>
      <c r="B117" s="29">
        <v>4</v>
      </c>
      <c r="C117" s="10">
        <v>9</v>
      </c>
      <c r="D117" s="9">
        <v>13</v>
      </c>
    </row>
    <row r="118" spans="1:4" ht="18" customHeight="1" x14ac:dyDescent="0.2">
      <c r="A118" s="16">
        <v>93</v>
      </c>
      <c r="B118" s="29">
        <v>0</v>
      </c>
      <c r="C118" s="10">
        <v>2</v>
      </c>
      <c r="D118" s="9">
        <v>2</v>
      </c>
    </row>
    <row r="119" spans="1:4" ht="18" customHeight="1" x14ac:dyDescent="0.2">
      <c r="A119" s="16">
        <v>94</v>
      </c>
      <c r="B119" s="29">
        <v>0</v>
      </c>
      <c r="C119" s="10">
        <v>5</v>
      </c>
      <c r="D119" s="9">
        <v>5</v>
      </c>
    </row>
    <row r="120" spans="1:4" ht="18" customHeight="1" x14ac:dyDescent="0.2">
      <c r="A120" s="8" t="s">
        <v>5</v>
      </c>
      <c r="B120" s="29">
        <v>16</v>
      </c>
      <c r="C120" s="10">
        <v>40</v>
      </c>
      <c r="D120" s="9">
        <v>56</v>
      </c>
    </row>
    <row r="121" spans="1:4" ht="18" customHeight="1" x14ac:dyDescent="0.2">
      <c r="A121" s="16">
        <v>95</v>
      </c>
      <c r="B121" s="29">
        <v>1</v>
      </c>
      <c r="C121" s="10">
        <v>7</v>
      </c>
      <c r="D121" s="9">
        <v>8</v>
      </c>
    </row>
    <row r="122" spans="1:4" ht="18" customHeight="1" x14ac:dyDescent="0.2">
      <c r="A122" s="16">
        <v>96</v>
      </c>
      <c r="B122" s="29">
        <v>1</v>
      </c>
      <c r="C122" s="10">
        <v>2</v>
      </c>
      <c r="D122" s="9">
        <v>3</v>
      </c>
    </row>
    <row r="123" spans="1:4" ht="18" customHeight="1" x14ac:dyDescent="0.2">
      <c r="A123" s="16">
        <v>97</v>
      </c>
      <c r="B123" s="29">
        <v>1</v>
      </c>
      <c r="C123" s="10">
        <v>3</v>
      </c>
      <c r="D123" s="9">
        <v>4</v>
      </c>
    </row>
    <row r="124" spans="1:4" ht="18" customHeight="1" x14ac:dyDescent="0.2">
      <c r="A124" s="16">
        <v>98</v>
      </c>
      <c r="B124" s="29">
        <v>0</v>
      </c>
      <c r="C124" s="10">
        <v>3</v>
      </c>
      <c r="D124" s="9">
        <v>3</v>
      </c>
    </row>
    <row r="125" spans="1:4" ht="18" customHeight="1" x14ac:dyDescent="0.2">
      <c r="A125" s="16">
        <v>99</v>
      </c>
      <c r="B125" s="29">
        <v>0</v>
      </c>
      <c r="C125" s="10">
        <v>3</v>
      </c>
      <c r="D125" s="9">
        <v>3</v>
      </c>
    </row>
    <row r="126" spans="1:4" ht="18" customHeight="1" x14ac:dyDescent="0.2">
      <c r="A126" s="8" t="s">
        <v>4</v>
      </c>
      <c r="B126" s="29">
        <v>3</v>
      </c>
      <c r="C126" s="10">
        <v>18</v>
      </c>
      <c r="D126" s="9">
        <v>21</v>
      </c>
    </row>
    <row r="127" spans="1:4" ht="18" customHeight="1" x14ac:dyDescent="0.2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2">
      <c r="A128" s="15" t="s">
        <v>3</v>
      </c>
      <c r="B128" s="29">
        <v>0</v>
      </c>
      <c r="C128" s="10">
        <v>0</v>
      </c>
      <c r="D128" s="9">
        <v>0</v>
      </c>
    </row>
    <row r="129" spans="1:4" ht="18" customHeight="1" x14ac:dyDescent="0.2">
      <c r="A129" s="8" t="s">
        <v>2</v>
      </c>
      <c r="B129" s="29">
        <v>0</v>
      </c>
      <c r="C129" s="10">
        <v>1</v>
      </c>
      <c r="D129" s="9">
        <v>1</v>
      </c>
    </row>
    <row r="130" spans="1:4" ht="18" customHeight="1" x14ac:dyDescent="0.2">
      <c r="A130" s="8" t="s">
        <v>1</v>
      </c>
      <c r="B130" s="28">
        <v>485</v>
      </c>
      <c r="C130" s="6">
        <v>685</v>
      </c>
      <c r="D130" s="5">
        <v>1170</v>
      </c>
    </row>
    <row r="131" spans="1:4" ht="18" customHeight="1" x14ac:dyDescent="0.2">
      <c r="A131" s="4" t="s">
        <v>0</v>
      </c>
      <c r="B131" s="27">
        <v>1913</v>
      </c>
      <c r="C131" s="2">
        <v>2128</v>
      </c>
      <c r="D131" s="1">
        <v>4041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9AA280D-4B0F-4B40-AA84-BDAEAF9F2B46}">
  <sheetPr codeName="Sheet2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48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9</v>
      </c>
      <c r="C5" s="18">
        <v>8</v>
      </c>
      <c r="D5" s="17">
        <v>17</v>
      </c>
    </row>
    <row r="6" spans="1:4" ht="18" customHeight="1" x14ac:dyDescent="0.2">
      <c r="A6" s="16">
        <v>1</v>
      </c>
      <c r="B6" s="29">
        <v>4</v>
      </c>
      <c r="C6" s="10">
        <v>7</v>
      </c>
      <c r="D6" s="9">
        <v>11</v>
      </c>
    </row>
    <row r="7" spans="1:4" ht="18" customHeight="1" x14ac:dyDescent="0.2">
      <c r="A7" s="16">
        <v>2</v>
      </c>
      <c r="B7" s="29">
        <v>6</v>
      </c>
      <c r="C7" s="10">
        <v>7</v>
      </c>
      <c r="D7" s="9">
        <v>13</v>
      </c>
    </row>
    <row r="8" spans="1:4" ht="18" customHeight="1" x14ac:dyDescent="0.2">
      <c r="A8" s="16">
        <v>3</v>
      </c>
      <c r="B8" s="29">
        <v>7</v>
      </c>
      <c r="C8" s="10">
        <v>11</v>
      </c>
      <c r="D8" s="9">
        <v>18</v>
      </c>
    </row>
    <row r="9" spans="1:4" ht="18" customHeight="1" x14ac:dyDescent="0.2">
      <c r="A9" s="16">
        <v>4</v>
      </c>
      <c r="B9" s="29">
        <v>9</v>
      </c>
      <c r="C9" s="10">
        <v>2</v>
      </c>
      <c r="D9" s="9">
        <v>11</v>
      </c>
    </row>
    <row r="10" spans="1:4" ht="18" customHeight="1" x14ac:dyDescent="0.2">
      <c r="A10" s="8" t="s">
        <v>25</v>
      </c>
      <c r="B10" s="29">
        <v>35</v>
      </c>
      <c r="C10" s="10">
        <v>35</v>
      </c>
      <c r="D10" s="9">
        <v>70</v>
      </c>
    </row>
    <row r="11" spans="1:4" ht="18" customHeight="1" x14ac:dyDescent="0.2">
      <c r="A11" s="16">
        <v>5</v>
      </c>
      <c r="B11" s="29">
        <v>3</v>
      </c>
      <c r="C11" s="10">
        <v>10</v>
      </c>
      <c r="D11" s="9">
        <v>13</v>
      </c>
    </row>
    <row r="12" spans="1:4" ht="18" customHeight="1" x14ac:dyDescent="0.2">
      <c r="A12" s="16">
        <v>6</v>
      </c>
      <c r="B12" s="29">
        <v>6</v>
      </c>
      <c r="C12" s="10">
        <v>13</v>
      </c>
      <c r="D12" s="9">
        <v>19</v>
      </c>
    </row>
    <row r="13" spans="1:4" ht="18" customHeight="1" x14ac:dyDescent="0.2">
      <c r="A13" s="16">
        <v>7</v>
      </c>
      <c r="B13" s="29">
        <v>10</v>
      </c>
      <c r="C13" s="10">
        <v>9</v>
      </c>
      <c r="D13" s="9">
        <v>19</v>
      </c>
    </row>
    <row r="14" spans="1:4" ht="18" customHeight="1" x14ac:dyDescent="0.2">
      <c r="A14" s="16">
        <v>8</v>
      </c>
      <c r="B14" s="29">
        <v>7</v>
      </c>
      <c r="C14" s="10">
        <v>6</v>
      </c>
      <c r="D14" s="9">
        <v>13</v>
      </c>
    </row>
    <row r="15" spans="1:4" ht="18" customHeight="1" x14ac:dyDescent="0.2">
      <c r="A15" s="16">
        <v>9</v>
      </c>
      <c r="B15" s="29">
        <v>9</v>
      </c>
      <c r="C15" s="10">
        <v>8</v>
      </c>
      <c r="D15" s="9">
        <v>17</v>
      </c>
    </row>
    <row r="16" spans="1:4" ht="18" customHeight="1" x14ac:dyDescent="0.2">
      <c r="A16" s="8" t="s">
        <v>24</v>
      </c>
      <c r="B16" s="29">
        <v>35</v>
      </c>
      <c r="C16" s="10">
        <v>46</v>
      </c>
      <c r="D16" s="9">
        <v>81</v>
      </c>
    </row>
    <row r="17" spans="1:4" ht="18" customHeight="1" x14ac:dyDescent="0.2">
      <c r="A17" s="16">
        <v>10</v>
      </c>
      <c r="B17" s="29">
        <v>10</v>
      </c>
      <c r="C17" s="10">
        <v>5</v>
      </c>
      <c r="D17" s="9">
        <v>15</v>
      </c>
    </row>
    <row r="18" spans="1:4" ht="18" customHeight="1" x14ac:dyDescent="0.2">
      <c r="A18" s="16">
        <v>11</v>
      </c>
      <c r="B18" s="29">
        <v>5</v>
      </c>
      <c r="C18" s="10">
        <v>15</v>
      </c>
      <c r="D18" s="9">
        <v>20</v>
      </c>
    </row>
    <row r="19" spans="1:4" ht="18" customHeight="1" x14ac:dyDescent="0.2">
      <c r="A19" s="16">
        <v>12</v>
      </c>
      <c r="B19" s="29">
        <v>13</v>
      </c>
      <c r="C19" s="10">
        <v>14</v>
      </c>
      <c r="D19" s="9">
        <v>27</v>
      </c>
    </row>
    <row r="20" spans="1:4" ht="18" customHeight="1" x14ac:dyDescent="0.2">
      <c r="A20" s="16">
        <v>13</v>
      </c>
      <c r="B20" s="29">
        <v>13</v>
      </c>
      <c r="C20" s="10">
        <v>6</v>
      </c>
      <c r="D20" s="9">
        <v>19</v>
      </c>
    </row>
    <row r="21" spans="1:4" ht="18" customHeight="1" x14ac:dyDescent="0.2">
      <c r="A21" s="16">
        <v>14</v>
      </c>
      <c r="B21" s="29">
        <v>7</v>
      </c>
      <c r="C21" s="10">
        <v>10</v>
      </c>
      <c r="D21" s="9">
        <v>17</v>
      </c>
    </row>
    <row r="22" spans="1:4" ht="18" customHeight="1" x14ac:dyDescent="0.2">
      <c r="A22" s="8" t="s">
        <v>23</v>
      </c>
      <c r="B22" s="29">
        <v>48</v>
      </c>
      <c r="C22" s="10">
        <v>50</v>
      </c>
      <c r="D22" s="9">
        <v>98</v>
      </c>
    </row>
    <row r="23" spans="1:4" ht="18" customHeight="1" x14ac:dyDescent="0.2">
      <c r="A23" s="8" t="s">
        <v>22</v>
      </c>
      <c r="B23" s="29">
        <v>118</v>
      </c>
      <c r="C23" s="10">
        <v>131</v>
      </c>
      <c r="D23" s="9">
        <v>249</v>
      </c>
    </row>
    <row r="24" spans="1:4" ht="18" customHeight="1" x14ac:dyDescent="0.2">
      <c r="A24" s="16">
        <v>15</v>
      </c>
      <c r="B24" s="29">
        <v>7</v>
      </c>
      <c r="C24" s="10">
        <v>9</v>
      </c>
      <c r="D24" s="9">
        <v>16</v>
      </c>
    </row>
    <row r="25" spans="1:4" ht="18" customHeight="1" x14ac:dyDescent="0.2">
      <c r="A25" s="16">
        <v>16</v>
      </c>
      <c r="B25" s="29">
        <v>10</v>
      </c>
      <c r="C25" s="10">
        <v>6</v>
      </c>
      <c r="D25" s="9">
        <v>16</v>
      </c>
    </row>
    <row r="26" spans="1:4" ht="18" customHeight="1" x14ac:dyDescent="0.2">
      <c r="A26" s="16">
        <v>17</v>
      </c>
      <c r="B26" s="29">
        <v>13</v>
      </c>
      <c r="C26" s="10">
        <v>8</v>
      </c>
      <c r="D26" s="9">
        <v>21</v>
      </c>
    </row>
    <row r="27" spans="1:4" ht="18" customHeight="1" x14ac:dyDescent="0.2">
      <c r="A27" s="16">
        <v>18</v>
      </c>
      <c r="B27" s="29">
        <v>9</v>
      </c>
      <c r="C27" s="10">
        <v>13</v>
      </c>
      <c r="D27" s="9">
        <v>22</v>
      </c>
    </row>
    <row r="28" spans="1:4" ht="18" customHeight="1" x14ac:dyDescent="0.2">
      <c r="A28" s="16">
        <v>19</v>
      </c>
      <c r="B28" s="29">
        <v>7</v>
      </c>
      <c r="C28" s="10">
        <v>9</v>
      </c>
      <c r="D28" s="9">
        <v>16</v>
      </c>
    </row>
    <row r="29" spans="1:4" ht="18" customHeight="1" x14ac:dyDescent="0.2">
      <c r="A29" s="8" t="s">
        <v>21</v>
      </c>
      <c r="B29" s="29">
        <v>46</v>
      </c>
      <c r="C29" s="10">
        <v>45</v>
      </c>
      <c r="D29" s="9">
        <v>91</v>
      </c>
    </row>
    <row r="30" spans="1:4" ht="18" customHeight="1" x14ac:dyDescent="0.2">
      <c r="A30" s="16">
        <v>20</v>
      </c>
      <c r="B30" s="29">
        <v>10</v>
      </c>
      <c r="C30" s="10">
        <v>8</v>
      </c>
      <c r="D30" s="9">
        <v>18</v>
      </c>
    </row>
    <row r="31" spans="1:4" ht="18" customHeight="1" x14ac:dyDescent="0.2">
      <c r="A31" s="16">
        <v>21</v>
      </c>
      <c r="B31" s="29">
        <v>14</v>
      </c>
      <c r="C31" s="10">
        <v>9</v>
      </c>
      <c r="D31" s="9">
        <v>23</v>
      </c>
    </row>
    <row r="32" spans="1:4" ht="18" customHeight="1" x14ac:dyDescent="0.2">
      <c r="A32" s="16">
        <v>22</v>
      </c>
      <c r="B32" s="29">
        <v>14</v>
      </c>
      <c r="C32" s="10">
        <v>11</v>
      </c>
      <c r="D32" s="9">
        <v>25</v>
      </c>
    </row>
    <row r="33" spans="1:4" ht="18" customHeight="1" x14ac:dyDescent="0.2">
      <c r="A33" s="16">
        <v>23</v>
      </c>
      <c r="B33" s="29">
        <v>12</v>
      </c>
      <c r="C33" s="10">
        <v>13</v>
      </c>
      <c r="D33" s="9">
        <v>25</v>
      </c>
    </row>
    <row r="34" spans="1:4" ht="18" customHeight="1" x14ac:dyDescent="0.2">
      <c r="A34" s="16">
        <v>24</v>
      </c>
      <c r="B34" s="29">
        <v>12</v>
      </c>
      <c r="C34" s="10">
        <v>14</v>
      </c>
      <c r="D34" s="9">
        <v>26</v>
      </c>
    </row>
    <row r="35" spans="1:4" ht="18" customHeight="1" x14ac:dyDescent="0.2">
      <c r="A35" s="8" t="s">
        <v>20</v>
      </c>
      <c r="B35" s="29">
        <v>62</v>
      </c>
      <c r="C35" s="10">
        <v>55</v>
      </c>
      <c r="D35" s="9">
        <v>117</v>
      </c>
    </row>
    <row r="36" spans="1:4" ht="18" customHeight="1" x14ac:dyDescent="0.2">
      <c r="A36" s="16">
        <v>25</v>
      </c>
      <c r="B36" s="29">
        <v>10</v>
      </c>
      <c r="C36" s="10">
        <v>15</v>
      </c>
      <c r="D36" s="9">
        <v>25</v>
      </c>
    </row>
    <row r="37" spans="1:4" ht="18" customHeight="1" x14ac:dyDescent="0.2">
      <c r="A37" s="16">
        <v>26</v>
      </c>
      <c r="B37" s="29">
        <v>11</v>
      </c>
      <c r="C37" s="10">
        <v>11</v>
      </c>
      <c r="D37" s="9">
        <v>22</v>
      </c>
    </row>
    <row r="38" spans="1:4" ht="18" customHeight="1" x14ac:dyDescent="0.2">
      <c r="A38" s="16">
        <v>27</v>
      </c>
      <c r="B38" s="29">
        <v>18</v>
      </c>
      <c r="C38" s="10">
        <v>16</v>
      </c>
      <c r="D38" s="9">
        <v>34</v>
      </c>
    </row>
    <row r="39" spans="1:4" ht="18" customHeight="1" x14ac:dyDescent="0.2">
      <c r="A39" s="16">
        <v>28</v>
      </c>
      <c r="B39" s="29">
        <v>14</v>
      </c>
      <c r="C39" s="10">
        <v>3</v>
      </c>
      <c r="D39" s="9">
        <v>17</v>
      </c>
    </row>
    <row r="40" spans="1:4" ht="18" customHeight="1" x14ac:dyDescent="0.2">
      <c r="A40" s="16">
        <v>29</v>
      </c>
      <c r="B40" s="29">
        <v>11</v>
      </c>
      <c r="C40" s="10">
        <v>12</v>
      </c>
      <c r="D40" s="9">
        <v>23</v>
      </c>
    </row>
    <row r="41" spans="1:4" ht="18" customHeight="1" x14ac:dyDescent="0.2">
      <c r="A41" s="8" t="s">
        <v>19</v>
      </c>
      <c r="B41" s="29">
        <v>64</v>
      </c>
      <c r="C41" s="10">
        <v>57</v>
      </c>
      <c r="D41" s="9">
        <v>121</v>
      </c>
    </row>
    <row r="42" spans="1:4" ht="18" customHeight="1" x14ac:dyDescent="0.2">
      <c r="A42" s="16">
        <v>30</v>
      </c>
      <c r="B42" s="29">
        <v>13</v>
      </c>
      <c r="C42" s="10">
        <v>5</v>
      </c>
      <c r="D42" s="9">
        <v>18</v>
      </c>
    </row>
    <row r="43" spans="1:4" ht="18" customHeight="1" x14ac:dyDescent="0.2">
      <c r="A43" s="16">
        <v>31</v>
      </c>
      <c r="B43" s="29">
        <v>15</v>
      </c>
      <c r="C43" s="10">
        <v>15</v>
      </c>
      <c r="D43" s="9">
        <v>30</v>
      </c>
    </row>
    <row r="44" spans="1:4" ht="18" customHeight="1" x14ac:dyDescent="0.2">
      <c r="A44" s="16">
        <v>32</v>
      </c>
      <c r="B44" s="29">
        <v>17</v>
      </c>
      <c r="C44" s="10">
        <v>7</v>
      </c>
      <c r="D44" s="9">
        <v>24</v>
      </c>
    </row>
    <row r="45" spans="1:4" ht="18" customHeight="1" x14ac:dyDescent="0.2">
      <c r="A45" s="16">
        <v>33</v>
      </c>
      <c r="B45" s="29">
        <v>4</v>
      </c>
      <c r="C45" s="10">
        <v>12</v>
      </c>
      <c r="D45" s="9">
        <v>16</v>
      </c>
    </row>
    <row r="46" spans="1:4" ht="18" customHeight="1" x14ac:dyDescent="0.2">
      <c r="A46" s="16">
        <v>34</v>
      </c>
      <c r="B46" s="29">
        <v>20</v>
      </c>
      <c r="C46" s="10">
        <v>7</v>
      </c>
      <c r="D46" s="9">
        <v>27</v>
      </c>
    </row>
    <row r="47" spans="1:4" ht="18" customHeight="1" x14ac:dyDescent="0.2">
      <c r="A47" s="8" t="s">
        <v>18</v>
      </c>
      <c r="B47" s="29">
        <v>69</v>
      </c>
      <c r="C47" s="10">
        <v>46</v>
      </c>
      <c r="D47" s="9">
        <v>115</v>
      </c>
    </row>
    <row r="48" spans="1:4" ht="18" customHeight="1" x14ac:dyDescent="0.2">
      <c r="A48" s="16">
        <v>35</v>
      </c>
      <c r="B48" s="29">
        <v>11</v>
      </c>
      <c r="C48" s="10">
        <v>12</v>
      </c>
      <c r="D48" s="9">
        <v>23</v>
      </c>
    </row>
    <row r="49" spans="1:4" ht="18" customHeight="1" x14ac:dyDescent="0.2">
      <c r="A49" s="16">
        <v>36</v>
      </c>
      <c r="B49" s="29">
        <v>8</v>
      </c>
      <c r="C49" s="10">
        <v>12</v>
      </c>
      <c r="D49" s="9">
        <v>20</v>
      </c>
    </row>
    <row r="50" spans="1:4" ht="18" customHeight="1" x14ac:dyDescent="0.2">
      <c r="A50" s="16">
        <v>37</v>
      </c>
      <c r="B50" s="29">
        <v>9</v>
      </c>
      <c r="C50" s="10">
        <v>17</v>
      </c>
      <c r="D50" s="9">
        <v>26</v>
      </c>
    </row>
    <row r="51" spans="1:4" ht="18" customHeight="1" x14ac:dyDescent="0.2">
      <c r="A51" s="16">
        <v>38</v>
      </c>
      <c r="B51" s="29">
        <v>14</v>
      </c>
      <c r="C51" s="10">
        <v>13</v>
      </c>
      <c r="D51" s="9">
        <v>27</v>
      </c>
    </row>
    <row r="52" spans="1:4" ht="18" customHeight="1" x14ac:dyDescent="0.2">
      <c r="A52" s="16">
        <v>39</v>
      </c>
      <c r="B52" s="29">
        <v>14</v>
      </c>
      <c r="C52" s="10">
        <v>12</v>
      </c>
      <c r="D52" s="9">
        <v>26</v>
      </c>
    </row>
    <row r="53" spans="1:4" ht="18" customHeight="1" x14ac:dyDescent="0.2">
      <c r="A53" s="8" t="s">
        <v>17</v>
      </c>
      <c r="B53" s="29">
        <v>56</v>
      </c>
      <c r="C53" s="10">
        <v>66</v>
      </c>
      <c r="D53" s="9">
        <v>122</v>
      </c>
    </row>
    <row r="54" spans="1:4" ht="18" customHeight="1" x14ac:dyDescent="0.2">
      <c r="A54" s="16">
        <v>40</v>
      </c>
      <c r="B54" s="29">
        <v>11</v>
      </c>
      <c r="C54" s="10">
        <v>5</v>
      </c>
      <c r="D54" s="9">
        <v>16</v>
      </c>
    </row>
    <row r="55" spans="1:4" ht="18" customHeight="1" x14ac:dyDescent="0.2">
      <c r="A55" s="16">
        <v>41</v>
      </c>
      <c r="B55" s="29">
        <v>13</v>
      </c>
      <c r="C55" s="10">
        <v>13</v>
      </c>
      <c r="D55" s="9">
        <v>26</v>
      </c>
    </row>
    <row r="56" spans="1:4" ht="18" customHeight="1" x14ac:dyDescent="0.2">
      <c r="A56" s="16">
        <v>42</v>
      </c>
      <c r="B56" s="29">
        <v>14</v>
      </c>
      <c r="C56" s="10">
        <v>12</v>
      </c>
      <c r="D56" s="9">
        <v>26</v>
      </c>
    </row>
    <row r="57" spans="1:4" ht="18" customHeight="1" x14ac:dyDescent="0.2">
      <c r="A57" s="16">
        <v>43</v>
      </c>
      <c r="B57" s="29">
        <v>12</v>
      </c>
      <c r="C57" s="10">
        <v>15</v>
      </c>
      <c r="D57" s="9">
        <v>27</v>
      </c>
    </row>
    <row r="58" spans="1:4" ht="18" customHeight="1" x14ac:dyDescent="0.2">
      <c r="A58" s="16">
        <v>44</v>
      </c>
      <c r="B58" s="29">
        <v>24</v>
      </c>
      <c r="C58" s="10">
        <v>15</v>
      </c>
      <c r="D58" s="9">
        <v>39</v>
      </c>
    </row>
    <row r="59" spans="1:4" ht="18" customHeight="1" x14ac:dyDescent="0.2">
      <c r="A59" s="8" t="s">
        <v>16</v>
      </c>
      <c r="B59" s="29">
        <v>74</v>
      </c>
      <c r="C59" s="10">
        <v>60</v>
      </c>
      <c r="D59" s="9">
        <v>134</v>
      </c>
    </row>
    <row r="60" spans="1:4" ht="18" customHeight="1" x14ac:dyDescent="0.2">
      <c r="A60" s="16">
        <v>45</v>
      </c>
      <c r="B60" s="29">
        <v>27</v>
      </c>
      <c r="C60" s="10">
        <v>19</v>
      </c>
      <c r="D60" s="9">
        <v>46</v>
      </c>
    </row>
    <row r="61" spans="1:4" ht="18" customHeight="1" x14ac:dyDescent="0.2">
      <c r="A61" s="16">
        <v>46</v>
      </c>
      <c r="B61" s="29">
        <v>23</v>
      </c>
      <c r="C61" s="10">
        <v>26</v>
      </c>
      <c r="D61" s="9">
        <v>49</v>
      </c>
    </row>
    <row r="62" spans="1:4" ht="18" customHeight="1" x14ac:dyDescent="0.2">
      <c r="A62" s="16">
        <v>47</v>
      </c>
      <c r="B62" s="29">
        <v>23</v>
      </c>
      <c r="C62" s="10">
        <v>15</v>
      </c>
      <c r="D62" s="9">
        <v>38</v>
      </c>
    </row>
    <row r="63" spans="1:4" ht="18" customHeight="1" x14ac:dyDescent="0.2">
      <c r="A63" s="16">
        <v>48</v>
      </c>
      <c r="B63" s="29">
        <v>29</v>
      </c>
      <c r="C63" s="10">
        <v>19</v>
      </c>
      <c r="D63" s="9">
        <v>48</v>
      </c>
    </row>
    <row r="64" spans="1:4" ht="18" customHeight="1" x14ac:dyDescent="0.2">
      <c r="A64" s="16">
        <v>49</v>
      </c>
      <c r="B64" s="29">
        <v>22</v>
      </c>
      <c r="C64" s="10">
        <v>25</v>
      </c>
      <c r="D64" s="9">
        <v>47</v>
      </c>
    </row>
    <row r="65" spans="1:4" ht="18" customHeight="1" x14ac:dyDescent="0.2">
      <c r="A65" s="8" t="s">
        <v>15</v>
      </c>
      <c r="B65" s="29">
        <v>124</v>
      </c>
      <c r="C65" s="10">
        <v>104</v>
      </c>
      <c r="D65" s="9">
        <v>228</v>
      </c>
    </row>
    <row r="66" spans="1:4" ht="18" customHeight="1" x14ac:dyDescent="0.2">
      <c r="A66" s="16">
        <v>50</v>
      </c>
      <c r="B66" s="29">
        <v>17</v>
      </c>
      <c r="C66" s="10">
        <v>15</v>
      </c>
      <c r="D66" s="9">
        <v>32</v>
      </c>
    </row>
    <row r="67" spans="1:4" ht="18" customHeight="1" x14ac:dyDescent="0.2">
      <c r="A67" s="16">
        <v>51</v>
      </c>
      <c r="B67" s="29">
        <v>20</v>
      </c>
      <c r="C67" s="10">
        <v>26</v>
      </c>
      <c r="D67" s="9">
        <v>46</v>
      </c>
    </row>
    <row r="68" spans="1:4" ht="18" customHeight="1" x14ac:dyDescent="0.2">
      <c r="A68" s="16">
        <v>52</v>
      </c>
      <c r="B68" s="29">
        <v>23</v>
      </c>
      <c r="C68" s="10">
        <v>23</v>
      </c>
      <c r="D68" s="9">
        <v>46</v>
      </c>
    </row>
    <row r="69" spans="1:4" ht="18" customHeight="1" x14ac:dyDescent="0.2">
      <c r="A69" s="16">
        <v>53</v>
      </c>
      <c r="B69" s="29">
        <v>27</v>
      </c>
      <c r="C69" s="10">
        <v>24</v>
      </c>
      <c r="D69" s="9">
        <v>51</v>
      </c>
    </row>
    <row r="70" spans="1:4" ht="18" customHeight="1" x14ac:dyDescent="0.2">
      <c r="A70" s="16">
        <v>54</v>
      </c>
      <c r="B70" s="29">
        <v>30</v>
      </c>
      <c r="C70" s="10">
        <v>16</v>
      </c>
      <c r="D70" s="9">
        <v>46</v>
      </c>
    </row>
    <row r="71" spans="1:4" ht="18" customHeight="1" x14ac:dyDescent="0.2">
      <c r="A71" s="8" t="s">
        <v>14</v>
      </c>
      <c r="B71" s="29">
        <v>117</v>
      </c>
      <c r="C71" s="10">
        <v>104</v>
      </c>
      <c r="D71" s="9">
        <v>221</v>
      </c>
    </row>
    <row r="72" spans="1:4" ht="18" customHeight="1" x14ac:dyDescent="0.2">
      <c r="A72" s="16">
        <v>55</v>
      </c>
      <c r="B72" s="29">
        <v>22</v>
      </c>
      <c r="C72" s="10">
        <v>16</v>
      </c>
      <c r="D72" s="9">
        <v>38</v>
      </c>
    </row>
    <row r="73" spans="1:4" ht="18" customHeight="1" x14ac:dyDescent="0.2">
      <c r="A73" s="16">
        <v>56</v>
      </c>
      <c r="B73" s="29">
        <v>9</v>
      </c>
      <c r="C73" s="10">
        <v>17</v>
      </c>
      <c r="D73" s="9">
        <v>26</v>
      </c>
    </row>
    <row r="74" spans="1:4" ht="18" customHeight="1" x14ac:dyDescent="0.2">
      <c r="A74" s="16">
        <v>57</v>
      </c>
      <c r="B74" s="29">
        <v>24</v>
      </c>
      <c r="C74" s="10">
        <v>27</v>
      </c>
      <c r="D74" s="9">
        <v>51</v>
      </c>
    </row>
    <row r="75" spans="1:4" ht="18" customHeight="1" x14ac:dyDescent="0.2">
      <c r="A75" s="16">
        <v>58</v>
      </c>
      <c r="B75" s="29">
        <v>34</v>
      </c>
      <c r="C75" s="10">
        <v>17</v>
      </c>
      <c r="D75" s="9">
        <v>51</v>
      </c>
    </row>
    <row r="76" spans="1:4" ht="18" customHeight="1" x14ac:dyDescent="0.2">
      <c r="A76" s="16">
        <v>59</v>
      </c>
      <c r="B76" s="29">
        <v>24</v>
      </c>
      <c r="C76" s="10">
        <v>16</v>
      </c>
      <c r="D76" s="9">
        <v>40</v>
      </c>
    </row>
    <row r="77" spans="1:4" ht="18" customHeight="1" x14ac:dyDescent="0.2">
      <c r="A77" s="8" t="s">
        <v>13</v>
      </c>
      <c r="B77" s="29">
        <v>113</v>
      </c>
      <c r="C77" s="10">
        <v>93</v>
      </c>
      <c r="D77" s="9">
        <v>206</v>
      </c>
    </row>
    <row r="78" spans="1:4" ht="18" customHeight="1" x14ac:dyDescent="0.2">
      <c r="A78" s="16">
        <v>60</v>
      </c>
      <c r="B78" s="29">
        <v>20</v>
      </c>
      <c r="C78" s="10">
        <v>21</v>
      </c>
      <c r="D78" s="9">
        <v>41</v>
      </c>
    </row>
    <row r="79" spans="1:4" ht="18" customHeight="1" x14ac:dyDescent="0.2">
      <c r="A79" s="16">
        <v>61</v>
      </c>
      <c r="B79" s="29">
        <v>21</v>
      </c>
      <c r="C79" s="10">
        <v>18</v>
      </c>
      <c r="D79" s="9">
        <v>39</v>
      </c>
    </row>
    <row r="80" spans="1:4" ht="18" customHeight="1" x14ac:dyDescent="0.2">
      <c r="A80" s="16">
        <v>62</v>
      </c>
      <c r="B80" s="29">
        <v>12</v>
      </c>
      <c r="C80" s="10">
        <v>19</v>
      </c>
      <c r="D80" s="9">
        <v>31</v>
      </c>
    </row>
    <row r="81" spans="1:4" ht="18" customHeight="1" x14ac:dyDescent="0.2">
      <c r="A81" s="16">
        <v>63</v>
      </c>
      <c r="B81" s="29">
        <v>20</v>
      </c>
      <c r="C81" s="10">
        <v>18</v>
      </c>
      <c r="D81" s="9">
        <v>38</v>
      </c>
    </row>
    <row r="82" spans="1:4" ht="18" customHeight="1" x14ac:dyDescent="0.2">
      <c r="A82" s="16">
        <v>64</v>
      </c>
      <c r="B82" s="29">
        <v>13</v>
      </c>
      <c r="C82" s="10">
        <v>20</v>
      </c>
      <c r="D82" s="9">
        <v>33</v>
      </c>
    </row>
    <row r="83" spans="1:4" ht="18" customHeight="1" x14ac:dyDescent="0.2">
      <c r="A83" s="8" t="s">
        <v>12</v>
      </c>
      <c r="B83" s="29">
        <v>86</v>
      </c>
      <c r="C83" s="10">
        <v>96</v>
      </c>
      <c r="D83" s="9">
        <v>182</v>
      </c>
    </row>
    <row r="84" spans="1:4" ht="18" customHeight="1" x14ac:dyDescent="0.2">
      <c r="A84" s="8" t="s">
        <v>11</v>
      </c>
      <c r="B84" s="29">
        <v>811</v>
      </c>
      <c r="C84" s="10">
        <v>726</v>
      </c>
      <c r="D84" s="9">
        <v>1537</v>
      </c>
    </row>
    <row r="85" spans="1:4" ht="18" customHeight="1" x14ac:dyDescent="0.2">
      <c r="A85" s="16">
        <v>65</v>
      </c>
      <c r="B85" s="29">
        <v>12</v>
      </c>
      <c r="C85" s="10">
        <v>14</v>
      </c>
      <c r="D85" s="9">
        <v>26</v>
      </c>
    </row>
    <row r="86" spans="1:4" ht="18" customHeight="1" x14ac:dyDescent="0.2">
      <c r="A86" s="16">
        <v>66</v>
      </c>
      <c r="B86" s="29">
        <v>13</v>
      </c>
      <c r="C86" s="10">
        <v>17</v>
      </c>
      <c r="D86" s="9">
        <v>30</v>
      </c>
    </row>
    <row r="87" spans="1:4" ht="18" customHeight="1" x14ac:dyDescent="0.2">
      <c r="A87" s="16">
        <v>67</v>
      </c>
      <c r="B87" s="29">
        <v>25</v>
      </c>
      <c r="C87" s="10">
        <v>14</v>
      </c>
      <c r="D87" s="9">
        <v>39</v>
      </c>
    </row>
    <row r="88" spans="1:4" ht="18" customHeight="1" x14ac:dyDescent="0.2">
      <c r="A88" s="16">
        <v>68</v>
      </c>
      <c r="B88" s="29">
        <v>17</v>
      </c>
      <c r="C88" s="10">
        <v>17</v>
      </c>
      <c r="D88" s="9">
        <v>34</v>
      </c>
    </row>
    <row r="89" spans="1:4" ht="18" customHeight="1" x14ac:dyDescent="0.2">
      <c r="A89" s="16">
        <v>69</v>
      </c>
      <c r="B89" s="29">
        <v>14</v>
      </c>
      <c r="C89" s="10">
        <v>29</v>
      </c>
      <c r="D89" s="9">
        <v>43</v>
      </c>
    </row>
    <row r="90" spans="1:4" ht="18" customHeight="1" x14ac:dyDescent="0.2">
      <c r="A90" s="8" t="s">
        <v>10</v>
      </c>
      <c r="B90" s="29">
        <v>81</v>
      </c>
      <c r="C90" s="10">
        <v>91</v>
      </c>
      <c r="D90" s="9">
        <v>172</v>
      </c>
    </row>
    <row r="91" spans="1:4" ht="18" customHeight="1" x14ac:dyDescent="0.2">
      <c r="A91" s="16">
        <v>70</v>
      </c>
      <c r="B91" s="29">
        <v>22</v>
      </c>
      <c r="C91" s="10">
        <v>36</v>
      </c>
      <c r="D91" s="9">
        <v>58</v>
      </c>
    </row>
    <row r="92" spans="1:4" ht="18" customHeight="1" x14ac:dyDescent="0.2">
      <c r="A92" s="16">
        <v>71</v>
      </c>
      <c r="B92" s="29">
        <v>16</v>
      </c>
      <c r="C92" s="10">
        <v>24</v>
      </c>
      <c r="D92" s="9">
        <v>40</v>
      </c>
    </row>
    <row r="93" spans="1:4" ht="18" customHeight="1" x14ac:dyDescent="0.2">
      <c r="A93" s="16">
        <v>72</v>
      </c>
      <c r="B93" s="29">
        <v>24</v>
      </c>
      <c r="C93" s="10">
        <v>29</v>
      </c>
      <c r="D93" s="9">
        <v>53</v>
      </c>
    </row>
    <row r="94" spans="1:4" ht="18" customHeight="1" x14ac:dyDescent="0.2">
      <c r="A94" s="16">
        <v>73</v>
      </c>
      <c r="B94" s="29">
        <v>26</v>
      </c>
      <c r="C94" s="10">
        <v>33</v>
      </c>
      <c r="D94" s="9">
        <v>59</v>
      </c>
    </row>
    <row r="95" spans="1:4" ht="18" customHeight="1" x14ac:dyDescent="0.2">
      <c r="A95" s="16">
        <v>74</v>
      </c>
      <c r="B95" s="29">
        <v>43</v>
      </c>
      <c r="C95" s="10">
        <v>45</v>
      </c>
      <c r="D95" s="9">
        <v>88</v>
      </c>
    </row>
    <row r="96" spans="1:4" ht="18" customHeight="1" x14ac:dyDescent="0.2">
      <c r="A96" s="8" t="s">
        <v>9</v>
      </c>
      <c r="B96" s="29">
        <v>131</v>
      </c>
      <c r="C96" s="10">
        <v>167</v>
      </c>
      <c r="D96" s="9">
        <v>298</v>
      </c>
    </row>
    <row r="97" spans="1:4" ht="18" customHeight="1" x14ac:dyDescent="0.2">
      <c r="A97" s="16">
        <v>75</v>
      </c>
      <c r="B97" s="29">
        <v>37</v>
      </c>
      <c r="C97" s="10">
        <v>35</v>
      </c>
      <c r="D97" s="9">
        <v>72</v>
      </c>
    </row>
    <row r="98" spans="1:4" ht="18" customHeight="1" x14ac:dyDescent="0.2">
      <c r="A98" s="16">
        <v>76</v>
      </c>
      <c r="B98" s="29">
        <v>36</v>
      </c>
      <c r="C98" s="10">
        <v>51</v>
      </c>
      <c r="D98" s="9">
        <v>87</v>
      </c>
    </row>
    <row r="99" spans="1:4" ht="18" customHeight="1" x14ac:dyDescent="0.2">
      <c r="A99" s="16">
        <v>77</v>
      </c>
      <c r="B99" s="29">
        <v>12</v>
      </c>
      <c r="C99" s="10">
        <v>19</v>
      </c>
      <c r="D99" s="9">
        <v>31</v>
      </c>
    </row>
    <row r="100" spans="1:4" ht="18" customHeight="1" x14ac:dyDescent="0.2">
      <c r="A100" s="16">
        <v>78</v>
      </c>
      <c r="B100" s="29">
        <v>22</v>
      </c>
      <c r="C100" s="10">
        <v>40</v>
      </c>
      <c r="D100" s="9">
        <v>62</v>
      </c>
    </row>
    <row r="101" spans="1:4" ht="18" customHeight="1" x14ac:dyDescent="0.2">
      <c r="A101" s="16">
        <v>79</v>
      </c>
      <c r="B101" s="29">
        <v>18</v>
      </c>
      <c r="C101" s="10">
        <v>31</v>
      </c>
      <c r="D101" s="9">
        <v>49</v>
      </c>
    </row>
    <row r="102" spans="1:4" ht="18" customHeight="1" x14ac:dyDescent="0.2">
      <c r="A102" s="8" t="s">
        <v>8</v>
      </c>
      <c r="B102" s="29">
        <v>125</v>
      </c>
      <c r="C102" s="10">
        <v>176</v>
      </c>
      <c r="D102" s="9">
        <v>301</v>
      </c>
    </row>
    <row r="103" spans="1:4" ht="18" customHeight="1" x14ac:dyDescent="0.2">
      <c r="A103" s="16">
        <v>80</v>
      </c>
      <c r="B103" s="29">
        <v>19</v>
      </c>
      <c r="C103" s="10">
        <v>32</v>
      </c>
      <c r="D103" s="9">
        <v>51</v>
      </c>
    </row>
    <row r="104" spans="1:4" ht="18" customHeight="1" x14ac:dyDescent="0.2">
      <c r="A104" s="16">
        <v>81</v>
      </c>
      <c r="B104" s="29">
        <v>22</v>
      </c>
      <c r="C104" s="10">
        <v>36</v>
      </c>
      <c r="D104" s="9">
        <v>58</v>
      </c>
    </row>
    <row r="105" spans="1:4" ht="18" customHeight="1" x14ac:dyDescent="0.2">
      <c r="A105" s="16">
        <v>82</v>
      </c>
      <c r="B105" s="29">
        <v>19</v>
      </c>
      <c r="C105" s="10">
        <v>27</v>
      </c>
      <c r="D105" s="9">
        <v>46</v>
      </c>
    </row>
    <row r="106" spans="1:4" ht="18" customHeight="1" x14ac:dyDescent="0.2">
      <c r="A106" s="16">
        <v>83</v>
      </c>
      <c r="B106" s="29">
        <v>13</v>
      </c>
      <c r="C106" s="10">
        <v>19</v>
      </c>
      <c r="D106" s="9">
        <v>32</v>
      </c>
    </row>
    <row r="107" spans="1:4" ht="18" customHeight="1" x14ac:dyDescent="0.2">
      <c r="A107" s="16">
        <v>84</v>
      </c>
      <c r="B107" s="29">
        <v>9</v>
      </c>
      <c r="C107" s="10">
        <v>30</v>
      </c>
      <c r="D107" s="9">
        <v>39</v>
      </c>
    </row>
    <row r="108" spans="1:4" ht="18" customHeight="1" x14ac:dyDescent="0.2">
      <c r="A108" s="8" t="s">
        <v>7</v>
      </c>
      <c r="B108" s="29">
        <v>82</v>
      </c>
      <c r="C108" s="10">
        <v>144</v>
      </c>
      <c r="D108" s="9">
        <v>226</v>
      </c>
    </row>
    <row r="109" spans="1:4" ht="18" customHeight="1" x14ac:dyDescent="0.2">
      <c r="A109" s="16">
        <v>85</v>
      </c>
      <c r="B109" s="29">
        <v>8</v>
      </c>
      <c r="C109" s="10">
        <v>23</v>
      </c>
      <c r="D109" s="9">
        <v>31</v>
      </c>
    </row>
    <row r="110" spans="1:4" ht="18" customHeight="1" x14ac:dyDescent="0.2">
      <c r="A110" s="16">
        <v>86</v>
      </c>
      <c r="B110" s="29">
        <v>18</v>
      </c>
      <c r="C110" s="10">
        <v>26</v>
      </c>
      <c r="D110" s="9">
        <v>44</v>
      </c>
    </row>
    <row r="111" spans="1:4" ht="18" customHeight="1" x14ac:dyDescent="0.2">
      <c r="A111" s="16">
        <v>87</v>
      </c>
      <c r="B111" s="29">
        <v>14</v>
      </c>
      <c r="C111" s="10">
        <v>26</v>
      </c>
      <c r="D111" s="9">
        <v>40</v>
      </c>
    </row>
    <row r="112" spans="1:4" ht="18" customHeight="1" x14ac:dyDescent="0.2">
      <c r="A112" s="16">
        <v>88</v>
      </c>
      <c r="B112" s="29">
        <v>11</v>
      </c>
      <c r="C112" s="10">
        <v>21</v>
      </c>
      <c r="D112" s="9">
        <v>32</v>
      </c>
    </row>
    <row r="113" spans="1:4" ht="18" customHeight="1" x14ac:dyDescent="0.2">
      <c r="A113" s="16">
        <v>89</v>
      </c>
      <c r="B113" s="29">
        <v>10</v>
      </c>
      <c r="C113" s="10">
        <v>19</v>
      </c>
      <c r="D113" s="9">
        <v>29</v>
      </c>
    </row>
    <row r="114" spans="1:4" ht="18" customHeight="1" x14ac:dyDescent="0.2">
      <c r="A114" s="8" t="s">
        <v>6</v>
      </c>
      <c r="B114" s="29">
        <v>61</v>
      </c>
      <c r="C114" s="10">
        <v>115</v>
      </c>
      <c r="D114" s="9">
        <v>176</v>
      </c>
    </row>
    <row r="115" spans="1:4" ht="18" customHeight="1" x14ac:dyDescent="0.2">
      <c r="A115" s="16">
        <v>90</v>
      </c>
      <c r="B115" s="29">
        <v>7</v>
      </c>
      <c r="C115" s="10">
        <v>19</v>
      </c>
      <c r="D115" s="9">
        <v>26</v>
      </c>
    </row>
    <row r="116" spans="1:4" ht="18" customHeight="1" x14ac:dyDescent="0.2">
      <c r="A116" s="16">
        <v>91</v>
      </c>
      <c r="B116" s="29">
        <v>9</v>
      </c>
      <c r="C116" s="10">
        <v>17</v>
      </c>
      <c r="D116" s="9">
        <v>26</v>
      </c>
    </row>
    <row r="117" spans="1:4" ht="18" customHeight="1" x14ac:dyDescent="0.2">
      <c r="A117" s="16">
        <v>92</v>
      </c>
      <c r="B117" s="29">
        <v>6</v>
      </c>
      <c r="C117" s="10">
        <v>13</v>
      </c>
      <c r="D117" s="9">
        <v>19</v>
      </c>
    </row>
    <row r="118" spans="1:4" ht="18" customHeight="1" x14ac:dyDescent="0.2">
      <c r="A118" s="16">
        <v>93</v>
      </c>
      <c r="B118" s="29">
        <v>3</v>
      </c>
      <c r="C118" s="10">
        <v>9</v>
      </c>
      <c r="D118" s="9">
        <v>12</v>
      </c>
    </row>
    <row r="119" spans="1:4" ht="18" customHeight="1" x14ac:dyDescent="0.2">
      <c r="A119" s="16">
        <v>94</v>
      </c>
      <c r="B119" s="29">
        <v>1</v>
      </c>
      <c r="C119" s="10">
        <v>11</v>
      </c>
      <c r="D119" s="9">
        <v>12</v>
      </c>
    </row>
    <row r="120" spans="1:4" ht="18" customHeight="1" x14ac:dyDescent="0.2">
      <c r="A120" s="8" t="s">
        <v>5</v>
      </c>
      <c r="B120" s="29">
        <v>26</v>
      </c>
      <c r="C120" s="10">
        <v>69</v>
      </c>
      <c r="D120" s="9">
        <v>95</v>
      </c>
    </row>
    <row r="121" spans="1:4" ht="18" customHeight="1" x14ac:dyDescent="0.2">
      <c r="A121" s="16">
        <v>95</v>
      </c>
      <c r="B121" s="29">
        <v>0</v>
      </c>
      <c r="C121" s="10">
        <v>9</v>
      </c>
      <c r="D121" s="9">
        <v>9</v>
      </c>
    </row>
    <row r="122" spans="1:4" ht="18" customHeight="1" x14ac:dyDescent="0.2">
      <c r="A122" s="16">
        <v>96</v>
      </c>
      <c r="B122" s="29">
        <v>1</v>
      </c>
      <c r="C122" s="10">
        <v>3</v>
      </c>
      <c r="D122" s="9">
        <v>4</v>
      </c>
    </row>
    <row r="123" spans="1:4" ht="18" customHeight="1" x14ac:dyDescent="0.2">
      <c r="A123" s="16">
        <v>97</v>
      </c>
      <c r="B123" s="29">
        <v>0</v>
      </c>
      <c r="C123" s="10">
        <v>4</v>
      </c>
      <c r="D123" s="9">
        <v>4</v>
      </c>
    </row>
    <row r="124" spans="1:4" ht="18" customHeight="1" x14ac:dyDescent="0.2">
      <c r="A124" s="16">
        <v>98</v>
      </c>
      <c r="B124" s="29">
        <v>0</v>
      </c>
      <c r="C124" s="10">
        <v>3</v>
      </c>
      <c r="D124" s="9">
        <v>3</v>
      </c>
    </row>
    <row r="125" spans="1:4" ht="18" customHeight="1" x14ac:dyDescent="0.2">
      <c r="A125" s="16">
        <v>99</v>
      </c>
      <c r="B125" s="29">
        <v>1</v>
      </c>
      <c r="C125" s="10">
        <v>2</v>
      </c>
      <c r="D125" s="9">
        <v>3</v>
      </c>
    </row>
    <row r="126" spans="1:4" ht="18" customHeight="1" x14ac:dyDescent="0.2">
      <c r="A126" s="8" t="s">
        <v>4</v>
      </c>
      <c r="B126" s="29">
        <v>2</v>
      </c>
      <c r="C126" s="10">
        <v>21</v>
      </c>
      <c r="D126" s="9">
        <v>23</v>
      </c>
    </row>
    <row r="127" spans="1:4" ht="18" customHeight="1" x14ac:dyDescent="0.2">
      <c r="A127" s="16">
        <v>100</v>
      </c>
      <c r="B127" s="29">
        <v>0</v>
      </c>
      <c r="C127" s="10">
        <v>3</v>
      </c>
      <c r="D127" s="9">
        <v>3</v>
      </c>
    </row>
    <row r="128" spans="1:4" ht="18" customHeight="1" x14ac:dyDescent="0.2">
      <c r="A128" s="15" t="s">
        <v>3</v>
      </c>
      <c r="B128" s="29">
        <v>1</v>
      </c>
      <c r="C128" s="10">
        <v>3</v>
      </c>
      <c r="D128" s="9">
        <v>4</v>
      </c>
    </row>
    <row r="129" spans="1:4" ht="18" customHeight="1" x14ac:dyDescent="0.2">
      <c r="A129" s="8" t="s">
        <v>2</v>
      </c>
      <c r="B129" s="29">
        <v>1</v>
      </c>
      <c r="C129" s="10">
        <v>6</v>
      </c>
      <c r="D129" s="9">
        <v>7</v>
      </c>
    </row>
    <row r="130" spans="1:4" ht="18" customHeight="1" x14ac:dyDescent="0.2">
      <c r="A130" s="8" t="s">
        <v>1</v>
      </c>
      <c r="B130" s="28">
        <v>509</v>
      </c>
      <c r="C130" s="6">
        <v>789</v>
      </c>
      <c r="D130" s="5">
        <v>1298</v>
      </c>
    </row>
    <row r="131" spans="1:4" ht="18" customHeight="1" x14ac:dyDescent="0.2">
      <c r="A131" s="4" t="s">
        <v>0</v>
      </c>
      <c r="B131" s="27">
        <v>1438</v>
      </c>
      <c r="C131" s="2">
        <v>1646</v>
      </c>
      <c r="D131" s="1">
        <v>3084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A5E8424-97F3-4C5D-AA85-82121881EA93}">
  <sheetPr codeName="Sheet1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31</v>
      </c>
      <c r="B1" s="58"/>
      <c r="C1" s="58"/>
      <c r="D1" s="58"/>
    </row>
    <row r="2" spans="1:4" ht="14.25" customHeight="1" x14ac:dyDescent="0.2">
      <c r="A2" s="26"/>
      <c r="B2" s="26"/>
      <c r="C2" s="26"/>
      <c r="D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23" t="s">
        <v>28</v>
      </c>
      <c r="C4" s="22" t="s">
        <v>27</v>
      </c>
      <c r="D4" s="21" t="s">
        <v>26</v>
      </c>
    </row>
    <row r="5" spans="1:4" ht="18" customHeight="1" x14ac:dyDescent="0.2">
      <c r="A5" s="20">
        <v>0</v>
      </c>
      <c r="B5" s="19">
        <v>7</v>
      </c>
      <c r="C5" s="18">
        <v>8</v>
      </c>
      <c r="D5" s="17">
        <v>15</v>
      </c>
    </row>
    <row r="6" spans="1:4" ht="18" customHeight="1" x14ac:dyDescent="0.2">
      <c r="A6" s="16">
        <v>1</v>
      </c>
      <c r="B6" s="11">
        <v>13</v>
      </c>
      <c r="C6" s="10">
        <v>8</v>
      </c>
      <c r="D6" s="9">
        <v>21</v>
      </c>
    </row>
    <row r="7" spans="1:4" ht="18" customHeight="1" x14ac:dyDescent="0.2">
      <c r="A7" s="16">
        <v>2</v>
      </c>
      <c r="B7" s="11">
        <v>11</v>
      </c>
      <c r="C7" s="10">
        <v>9</v>
      </c>
      <c r="D7" s="9">
        <v>20</v>
      </c>
    </row>
    <row r="8" spans="1:4" ht="18" customHeight="1" x14ac:dyDescent="0.2">
      <c r="A8" s="16">
        <v>3</v>
      </c>
      <c r="B8" s="11">
        <v>16</v>
      </c>
      <c r="C8" s="10">
        <v>8</v>
      </c>
      <c r="D8" s="9">
        <v>24</v>
      </c>
    </row>
    <row r="9" spans="1:4" ht="18" customHeight="1" x14ac:dyDescent="0.2">
      <c r="A9" s="16">
        <v>4</v>
      </c>
      <c r="B9" s="11">
        <v>5</v>
      </c>
      <c r="C9" s="10">
        <v>10</v>
      </c>
      <c r="D9" s="9">
        <v>15</v>
      </c>
    </row>
    <row r="10" spans="1:4" ht="18" customHeight="1" x14ac:dyDescent="0.2">
      <c r="A10" s="8" t="s">
        <v>25</v>
      </c>
      <c r="B10" s="11">
        <v>52</v>
      </c>
      <c r="C10" s="10">
        <v>43</v>
      </c>
      <c r="D10" s="9">
        <v>95</v>
      </c>
    </row>
    <row r="11" spans="1:4" ht="18" customHeight="1" x14ac:dyDescent="0.2">
      <c r="A11" s="16">
        <v>5</v>
      </c>
      <c r="B11" s="14">
        <v>10</v>
      </c>
      <c r="C11" s="13">
        <v>3</v>
      </c>
      <c r="D11" s="12">
        <v>13</v>
      </c>
    </row>
    <row r="12" spans="1:4" ht="18" customHeight="1" x14ac:dyDescent="0.2">
      <c r="A12" s="16">
        <v>6</v>
      </c>
      <c r="B12" s="14">
        <v>6</v>
      </c>
      <c r="C12" s="13">
        <v>11</v>
      </c>
      <c r="D12" s="12">
        <v>17</v>
      </c>
    </row>
    <row r="13" spans="1:4" ht="18" customHeight="1" x14ac:dyDescent="0.2">
      <c r="A13" s="16">
        <v>7</v>
      </c>
      <c r="B13" s="14">
        <v>7</v>
      </c>
      <c r="C13" s="13">
        <v>12</v>
      </c>
      <c r="D13" s="12">
        <v>19</v>
      </c>
    </row>
    <row r="14" spans="1:4" ht="18" customHeight="1" x14ac:dyDescent="0.2">
      <c r="A14" s="16">
        <v>8</v>
      </c>
      <c r="B14" s="14">
        <v>8</v>
      </c>
      <c r="C14" s="13">
        <v>9</v>
      </c>
      <c r="D14" s="12">
        <v>17</v>
      </c>
    </row>
    <row r="15" spans="1:4" ht="18" customHeight="1" x14ac:dyDescent="0.2">
      <c r="A15" s="16">
        <v>9</v>
      </c>
      <c r="B15" s="14">
        <v>10</v>
      </c>
      <c r="C15" s="13">
        <v>10</v>
      </c>
      <c r="D15" s="12">
        <v>20</v>
      </c>
    </row>
    <row r="16" spans="1:4" ht="18" customHeight="1" x14ac:dyDescent="0.2">
      <c r="A16" s="8" t="s">
        <v>24</v>
      </c>
      <c r="B16" s="11">
        <v>41</v>
      </c>
      <c r="C16" s="10">
        <v>45</v>
      </c>
      <c r="D16" s="9">
        <v>86</v>
      </c>
    </row>
    <row r="17" spans="1:4" ht="18" customHeight="1" x14ac:dyDescent="0.2">
      <c r="A17" s="16">
        <v>10</v>
      </c>
      <c r="B17" s="14">
        <v>6</v>
      </c>
      <c r="C17" s="13">
        <v>7</v>
      </c>
      <c r="D17" s="12">
        <v>13</v>
      </c>
    </row>
    <row r="18" spans="1:4" ht="18" customHeight="1" x14ac:dyDescent="0.2">
      <c r="A18" s="16">
        <v>11</v>
      </c>
      <c r="B18" s="14">
        <v>6</v>
      </c>
      <c r="C18" s="13">
        <v>6</v>
      </c>
      <c r="D18" s="12">
        <v>12</v>
      </c>
    </row>
    <row r="19" spans="1:4" ht="18" customHeight="1" x14ac:dyDescent="0.2">
      <c r="A19" s="16">
        <v>12</v>
      </c>
      <c r="B19" s="14">
        <v>9</v>
      </c>
      <c r="C19" s="13">
        <v>3</v>
      </c>
      <c r="D19" s="12">
        <v>12</v>
      </c>
    </row>
    <row r="20" spans="1:4" ht="18" customHeight="1" x14ac:dyDescent="0.2">
      <c r="A20" s="16">
        <v>13</v>
      </c>
      <c r="B20" s="14">
        <v>9</v>
      </c>
      <c r="C20" s="13">
        <v>2</v>
      </c>
      <c r="D20" s="12">
        <v>11</v>
      </c>
    </row>
    <row r="21" spans="1:4" ht="18" customHeight="1" x14ac:dyDescent="0.2">
      <c r="A21" s="16">
        <v>14</v>
      </c>
      <c r="B21" s="14">
        <v>13</v>
      </c>
      <c r="C21" s="13">
        <v>7</v>
      </c>
      <c r="D21" s="12">
        <v>20</v>
      </c>
    </row>
    <row r="22" spans="1:4" ht="18" customHeight="1" x14ac:dyDescent="0.2">
      <c r="A22" s="8" t="s">
        <v>23</v>
      </c>
      <c r="B22" s="11">
        <v>43</v>
      </c>
      <c r="C22" s="10">
        <v>25</v>
      </c>
      <c r="D22" s="9">
        <v>68</v>
      </c>
    </row>
    <row r="23" spans="1:4" ht="18" customHeight="1" x14ac:dyDescent="0.2">
      <c r="A23" s="8" t="s">
        <v>22</v>
      </c>
      <c r="B23" s="11">
        <v>136</v>
      </c>
      <c r="C23" s="10">
        <v>113</v>
      </c>
      <c r="D23" s="9">
        <v>249</v>
      </c>
    </row>
    <row r="24" spans="1:4" ht="18" customHeight="1" x14ac:dyDescent="0.2">
      <c r="A24" s="16">
        <v>15</v>
      </c>
      <c r="B24" s="14">
        <v>7</v>
      </c>
      <c r="C24" s="13">
        <v>10</v>
      </c>
      <c r="D24" s="12">
        <v>17</v>
      </c>
    </row>
    <row r="25" spans="1:4" ht="18" customHeight="1" x14ac:dyDescent="0.2">
      <c r="A25" s="16">
        <v>16</v>
      </c>
      <c r="B25" s="14">
        <v>7</v>
      </c>
      <c r="C25" s="13">
        <v>8</v>
      </c>
      <c r="D25" s="12">
        <v>15</v>
      </c>
    </row>
    <row r="26" spans="1:4" ht="18" customHeight="1" x14ac:dyDescent="0.2">
      <c r="A26" s="16">
        <v>17</v>
      </c>
      <c r="B26" s="14">
        <v>8</v>
      </c>
      <c r="C26" s="13">
        <v>6</v>
      </c>
      <c r="D26" s="12">
        <v>14</v>
      </c>
    </row>
    <row r="27" spans="1:4" ht="18" customHeight="1" x14ac:dyDescent="0.2">
      <c r="A27" s="16">
        <v>18</v>
      </c>
      <c r="B27" s="14">
        <v>4</v>
      </c>
      <c r="C27" s="13">
        <v>9</v>
      </c>
      <c r="D27" s="12">
        <v>13</v>
      </c>
    </row>
    <row r="28" spans="1:4" ht="18" customHeight="1" x14ac:dyDescent="0.2">
      <c r="A28" s="16">
        <v>19</v>
      </c>
      <c r="B28" s="14">
        <v>5</v>
      </c>
      <c r="C28" s="13">
        <v>4</v>
      </c>
      <c r="D28" s="12">
        <v>9</v>
      </c>
    </row>
    <row r="29" spans="1:4" ht="18" customHeight="1" x14ac:dyDescent="0.2">
      <c r="A29" s="8" t="s">
        <v>21</v>
      </c>
      <c r="B29" s="11">
        <v>31</v>
      </c>
      <c r="C29" s="10">
        <v>37</v>
      </c>
      <c r="D29" s="9">
        <v>68</v>
      </c>
    </row>
    <row r="30" spans="1:4" ht="18" customHeight="1" x14ac:dyDescent="0.2">
      <c r="A30" s="16">
        <v>20</v>
      </c>
      <c r="B30" s="14">
        <v>6</v>
      </c>
      <c r="C30" s="13">
        <v>8</v>
      </c>
      <c r="D30" s="12">
        <v>14</v>
      </c>
    </row>
    <row r="31" spans="1:4" ht="18" customHeight="1" x14ac:dyDescent="0.2">
      <c r="A31" s="16">
        <v>21</v>
      </c>
      <c r="B31" s="14">
        <v>5</v>
      </c>
      <c r="C31" s="13">
        <v>3</v>
      </c>
      <c r="D31" s="12">
        <v>8</v>
      </c>
    </row>
    <row r="32" spans="1:4" ht="18" customHeight="1" x14ac:dyDescent="0.2">
      <c r="A32" s="16">
        <v>22</v>
      </c>
      <c r="B32" s="14">
        <v>6</v>
      </c>
      <c r="C32" s="13">
        <v>9</v>
      </c>
      <c r="D32" s="12">
        <v>15</v>
      </c>
    </row>
    <row r="33" spans="1:4" ht="18" customHeight="1" x14ac:dyDescent="0.2">
      <c r="A33" s="16">
        <v>23</v>
      </c>
      <c r="B33" s="14">
        <v>9</v>
      </c>
      <c r="C33" s="13">
        <v>4</v>
      </c>
      <c r="D33" s="12">
        <v>13</v>
      </c>
    </row>
    <row r="34" spans="1:4" ht="18" customHeight="1" x14ac:dyDescent="0.2">
      <c r="A34" s="16">
        <v>24</v>
      </c>
      <c r="B34" s="14">
        <v>8</v>
      </c>
      <c r="C34" s="13">
        <v>5</v>
      </c>
      <c r="D34" s="12">
        <v>13</v>
      </c>
    </row>
    <row r="35" spans="1:4" ht="18" customHeight="1" x14ac:dyDescent="0.2">
      <c r="A35" s="8" t="s">
        <v>20</v>
      </c>
      <c r="B35" s="11">
        <v>34</v>
      </c>
      <c r="C35" s="10">
        <v>29</v>
      </c>
      <c r="D35" s="9">
        <v>63</v>
      </c>
    </row>
    <row r="36" spans="1:4" ht="18" customHeight="1" x14ac:dyDescent="0.2">
      <c r="A36" s="16">
        <v>25</v>
      </c>
      <c r="B36" s="14">
        <v>8</v>
      </c>
      <c r="C36" s="13">
        <v>7</v>
      </c>
      <c r="D36" s="12">
        <v>15</v>
      </c>
    </row>
    <row r="37" spans="1:4" ht="18" customHeight="1" x14ac:dyDescent="0.2">
      <c r="A37" s="16">
        <v>26</v>
      </c>
      <c r="B37" s="14">
        <v>8</v>
      </c>
      <c r="C37" s="13">
        <v>6</v>
      </c>
      <c r="D37" s="12">
        <v>14</v>
      </c>
    </row>
    <row r="38" spans="1:4" ht="18" customHeight="1" x14ac:dyDescent="0.2">
      <c r="A38" s="16">
        <v>27</v>
      </c>
      <c r="B38" s="14">
        <v>9</v>
      </c>
      <c r="C38" s="13">
        <v>5</v>
      </c>
      <c r="D38" s="12">
        <v>14</v>
      </c>
    </row>
    <row r="39" spans="1:4" ht="18" customHeight="1" x14ac:dyDescent="0.2">
      <c r="A39" s="16">
        <v>28</v>
      </c>
      <c r="B39" s="14">
        <v>8</v>
      </c>
      <c r="C39" s="13">
        <v>7</v>
      </c>
      <c r="D39" s="12">
        <v>15</v>
      </c>
    </row>
    <row r="40" spans="1:4" ht="18" customHeight="1" x14ac:dyDescent="0.2">
      <c r="A40" s="16">
        <v>29</v>
      </c>
      <c r="B40" s="14">
        <v>9</v>
      </c>
      <c r="C40" s="13">
        <v>9</v>
      </c>
      <c r="D40" s="12">
        <v>18</v>
      </c>
    </row>
    <row r="41" spans="1:4" ht="18" customHeight="1" x14ac:dyDescent="0.2">
      <c r="A41" s="8" t="s">
        <v>19</v>
      </c>
      <c r="B41" s="11">
        <v>42</v>
      </c>
      <c r="C41" s="10">
        <v>34</v>
      </c>
      <c r="D41" s="9">
        <v>76</v>
      </c>
    </row>
    <row r="42" spans="1:4" ht="18" customHeight="1" x14ac:dyDescent="0.2">
      <c r="A42" s="16">
        <v>30</v>
      </c>
      <c r="B42" s="14">
        <v>15</v>
      </c>
      <c r="C42" s="13">
        <v>13</v>
      </c>
      <c r="D42" s="12">
        <v>28</v>
      </c>
    </row>
    <row r="43" spans="1:4" ht="18" customHeight="1" x14ac:dyDescent="0.2">
      <c r="A43" s="16">
        <v>31</v>
      </c>
      <c r="B43" s="14">
        <v>9</v>
      </c>
      <c r="C43" s="13">
        <v>12</v>
      </c>
      <c r="D43" s="12">
        <v>21</v>
      </c>
    </row>
    <row r="44" spans="1:4" ht="18" customHeight="1" x14ac:dyDescent="0.2">
      <c r="A44" s="16">
        <v>32</v>
      </c>
      <c r="B44" s="14">
        <v>14</v>
      </c>
      <c r="C44" s="13">
        <v>10</v>
      </c>
      <c r="D44" s="12">
        <v>24</v>
      </c>
    </row>
    <row r="45" spans="1:4" ht="18" customHeight="1" x14ac:dyDescent="0.2">
      <c r="A45" s="16">
        <v>33</v>
      </c>
      <c r="B45" s="14">
        <v>7</v>
      </c>
      <c r="C45" s="13">
        <v>12</v>
      </c>
      <c r="D45" s="12">
        <v>19</v>
      </c>
    </row>
    <row r="46" spans="1:4" ht="18" customHeight="1" x14ac:dyDescent="0.2">
      <c r="A46" s="16">
        <v>34</v>
      </c>
      <c r="B46" s="14">
        <v>10</v>
      </c>
      <c r="C46" s="13">
        <v>12</v>
      </c>
      <c r="D46" s="12">
        <v>22</v>
      </c>
    </row>
    <row r="47" spans="1:4" ht="18" customHeight="1" x14ac:dyDescent="0.2">
      <c r="A47" s="8" t="s">
        <v>18</v>
      </c>
      <c r="B47" s="11">
        <v>55</v>
      </c>
      <c r="C47" s="10">
        <v>59</v>
      </c>
      <c r="D47" s="9">
        <v>114</v>
      </c>
    </row>
    <row r="48" spans="1:4" ht="18" customHeight="1" x14ac:dyDescent="0.2">
      <c r="A48" s="16">
        <v>35</v>
      </c>
      <c r="B48" s="14">
        <v>7</v>
      </c>
      <c r="C48" s="13">
        <v>14</v>
      </c>
      <c r="D48" s="12">
        <v>21</v>
      </c>
    </row>
    <row r="49" spans="1:4" ht="18" customHeight="1" x14ac:dyDescent="0.2">
      <c r="A49" s="16">
        <v>36</v>
      </c>
      <c r="B49" s="14">
        <v>22</v>
      </c>
      <c r="C49" s="13">
        <v>15</v>
      </c>
      <c r="D49" s="12">
        <v>37</v>
      </c>
    </row>
    <row r="50" spans="1:4" ht="18" customHeight="1" x14ac:dyDescent="0.2">
      <c r="A50" s="16">
        <v>37</v>
      </c>
      <c r="B50" s="14">
        <v>17</v>
      </c>
      <c r="C50" s="13">
        <v>10</v>
      </c>
      <c r="D50" s="12">
        <v>27</v>
      </c>
    </row>
    <row r="51" spans="1:4" ht="18" customHeight="1" x14ac:dyDescent="0.2">
      <c r="A51" s="16">
        <v>38</v>
      </c>
      <c r="B51" s="14">
        <v>16</v>
      </c>
      <c r="C51" s="13">
        <v>18</v>
      </c>
      <c r="D51" s="12">
        <v>34</v>
      </c>
    </row>
    <row r="52" spans="1:4" ht="18" customHeight="1" x14ac:dyDescent="0.2">
      <c r="A52" s="16">
        <v>39</v>
      </c>
      <c r="B52" s="14">
        <v>14</v>
      </c>
      <c r="C52" s="13">
        <v>14</v>
      </c>
      <c r="D52" s="12">
        <v>28</v>
      </c>
    </row>
    <row r="53" spans="1:4" ht="18" customHeight="1" x14ac:dyDescent="0.2">
      <c r="A53" s="8" t="s">
        <v>17</v>
      </c>
      <c r="B53" s="11">
        <v>76</v>
      </c>
      <c r="C53" s="10">
        <v>71</v>
      </c>
      <c r="D53" s="9">
        <v>147</v>
      </c>
    </row>
    <row r="54" spans="1:4" ht="18" customHeight="1" x14ac:dyDescent="0.2">
      <c r="A54" s="16">
        <v>40</v>
      </c>
      <c r="B54" s="14">
        <v>15</v>
      </c>
      <c r="C54" s="13">
        <v>5</v>
      </c>
      <c r="D54" s="12">
        <v>20</v>
      </c>
    </row>
    <row r="55" spans="1:4" ht="18" customHeight="1" x14ac:dyDescent="0.2">
      <c r="A55" s="16">
        <v>41</v>
      </c>
      <c r="B55" s="14">
        <v>17</v>
      </c>
      <c r="C55" s="13">
        <v>12</v>
      </c>
      <c r="D55" s="12">
        <v>29</v>
      </c>
    </row>
    <row r="56" spans="1:4" ht="18" customHeight="1" x14ac:dyDescent="0.2">
      <c r="A56" s="16">
        <v>42</v>
      </c>
      <c r="B56" s="14">
        <v>14</v>
      </c>
      <c r="C56" s="13">
        <v>9</v>
      </c>
      <c r="D56" s="12">
        <v>23</v>
      </c>
    </row>
    <row r="57" spans="1:4" ht="18" customHeight="1" x14ac:dyDescent="0.2">
      <c r="A57" s="16">
        <v>43</v>
      </c>
      <c r="B57" s="14">
        <v>7</v>
      </c>
      <c r="C57" s="13">
        <v>17</v>
      </c>
      <c r="D57" s="12">
        <v>24</v>
      </c>
    </row>
    <row r="58" spans="1:4" ht="18" customHeight="1" x14ac:dyDescent="0.2">
      <c r="A58" s="16">
        <v>44</v>
      </c>
      <c r="B58" s="14">
        <v>12</v>
      </c>
      <c r="C58" s="13">
        <v>14</v>
      </c>
      <c r="D58" s="12">
        <v>26</v>
      </c>
    </row>
    <row r="59" spans="1:4" ht="18" customHeight="1" x14ac:dyDescent="0.2">
      <c r="A59" s="8" t="s">
        <v>16</v>
      </c>
      <c r="B59" s="11">
        <v>65</v>
      </c>
      <c r="C59" s="10">
        <v>57</v>
      </c>
      <c r="D59" s="9">
        <v>122</v>
      </c>
    </row>
    <row r="60" spans="1:4" ht="18" customHeight="1" x14ac:dyDescent="0.2">
      <c r="A60" s="16">
        <v>45</v>
      </c>
      <c r="B60" s="14">
        <v>13</v>
      </c>
      <c r="C60" s="13">
        <v>23</v>
      </c>
      <c r="D60" s="12">
        <v>36</v>
      </c>
    </row>
    <row r="61" spans="1:4" ht="18" customHeight="1" x14ac:dyDescent="0.2">
      <c r="A61" s="16">
        <v>46</v>
      </c>
      <c r="B61" s="14">
        <v>20</v>
      </c>
      <c r="C61" s="13">
        <v>17</v>
      </c>
      <c r="D61" s="12">
        <v>37</v>
      </c>
    </row>
    <row r="62" spans="1:4" ht="18" customHeight="1" x14ac:dyDescent="0.2">
      <c r="A62" s="16">
        <v>47</v>
      </c>
      <c r="B62" s="14">
        <v>22</v>
      </c>
      <c r="C62" s="13">
        <v>11</v>
      </c>
      <c r="D62" s="12">
        <v>33</v>
      </c>
    </row>
    <row r="63" spans="1:4" ht="18" customHeight="1" x14ac:dyDescent="0.2">
      <c r="A63" s="16">
        <v>48</v>
      </c>
      <c r="B63" s="14">
        <v>18</v>
      </c>
      <c r="C63" s="13">
        <v>24</v>
      </c>
      <c r="D63" s="12">
        <v>42</v>
      </c>
    </row>
    <row r="64" spans="1:4" ht="18" customHeight="1" x14ac:dyDescent="0.2">
      <c r="A64" s="16">
        <v>49</v>
      </c>
      <c r="B64" s="14">
        <v>15</v>
      </c>
      <c r="C64" s="13">
        <v>22</v>
      </c>
      <c r="D64" s="12">
        <v>37</v>
      </c>
    </row>
    <row r="65" spans="1:4" ht="18" customHeight="1" x14ac:dyDescent="0.2">
      <c r="A65" s="8" t="s">
        <v>15</v>
      </c>
      <c r="B65" s="11">
        <v>88</v>
      </c>
      <c r="C65" s="10">
        <v>97</v>
      </c>
      <c r="D65" s="9">
        <v>185</v>
      </c>
    </row>
    <row r="66" spans="1:4" ht="18" customHeight="1" x14ac:dyDescent="0.2">
      <c r="A66" s="16">
        <v>50</v>
      </c>
      <c r="B66" s="14">
        <v>24</v>
      </c>
      <c r="C66" s="13">
        <v>20</v>
      </c>
      <c r="D66" s="12">
        <v>44</v>
      </c>
    </row>
    <row r="67" spans="1:4" ht="18" customHeight="1" x14ac:dyDescent="0.2">
      <c r="A67" s="16">
        <v>51</v>
      </c>
      <c r="B67" s="14">
        <v>18</v>
      </c>
      <c r="C67" s="13">
        <v>20</v>
      </c>
      <c r="D67" s="12">
        <v>38</v>
      </c>
    </row>
    <row r="68" spans="1:4" ht="18" customHeight="1" x14ac:dyDescent="0.2">
      <c r="A68" s="16">
        <v>52</v>
      </c>
      <c r="B68" s="14">
        <v>18</v>
      </c>
      <c r="C68" s="13">
        <v>28</v>
      </c>
      <c r="D68" s="12">
        <v>46</v>
      </c>
    </row>
    <row r="69" spans="1:4" ht="18" customHeight="1" x14ac:dyDescent="0.2">
      <c r="A69" s="16">
        <v>53</v>
      </c>
      <c r="B69" s="14">
        <v>20</v>
      </c>
      <c r="C69" s="13">
        <v>21</v>
      </c>
      <c r="D69" s="12">
        <v>41</v>
      </c>
    </row>
    <row r="70" spans="1:4" ht="18" customHeight="1" x14ac:dyDescent="0.2">
      <c r="A70" s="16">
        <v>54</v>
      </c>
      <c r="B70" s="14">
        <v>21</v>
      </c>
      <c r="C70" s="13">
        <v>24</v>
      </c>
      <c r="D70" s="12">
        <v>45</v>
      </c>
    </row>
    <row r="71" spans="1:4" ht="18" customHeight="1" x14ac:dyDescent="0.2">
      <c r="A71" s="8" t="s">
        <v>14</v>
      </c>
      <c r="B71" s="11">
        <v>101</v>
      </c>
      <c r="C71" s="10">
        <v>113</v>
      </c>
      <c r="D71" s="9">
        <v>214</v>
      </c>
    </row>
    <row r="72" spans="1:4" ht="18" customHeight="1" x14ac:dyDescent="0.2">
      <c r="A72" s="16">
        <v>55</v>
      </c>
      <c r="B72" s="14">
        <v>17</v>
      </c>
      <c r="C72" s="13">
        <v>20</v>
      </c>
      <c r="D72" s="12">
        <v>37</v>
      </c>
    </row>
    <row r="73" spans="1:4" ht="18" customHeight="1" x14ac:dyDescent="0.2">
      <c r="A73" s="16">
        <v>56</v>
      </c>
      <c r="B73" s="14">
        <v>12</v>
      </c>
      <c r="C73" s="13">
        <v>18</v>
      </c>
      <c r="D73" s="12">
        <v>30</v>
      </c>
    </row>
    <row r="74" spans="1:4" ht="18" customHeight="1" x14ac:dyDescent="0.2">
      <c r="A74" s="16">
        <v>57</v>
      </c>
      <c r="B74" s="14">
        <v>14</v>
      </c>
      <c r="C74" s="13">
        <v>16</v>
      </c>
      <c r="D74" s="12">
        <v>30</v>
      </c>
    </row>
    <row r="75" spans="1:4" ht="18" customHeight="1" x14ac:dyDescent="0.2">
      <c r="A75" s="16">
        <v>58</v>
      </c>
      <c r="B75" s="14">
        <v>9</v>
      </c>
      <c r="C75" s="13">
        <v>16</v>
      </c>
      <c r="D75" s="12">
        <v>25</v>
      </c>
    </row>
    <row r="76" spans="1:4" ht="18" customHeight="1" x14ac:dyDescent="0.2">
      <c r="A76" s="16">
        <v>59</v>
      </c>
      <c r="B76" s="14">
        <v>21</v>
      </c>
      <c r="C76" s="13">
        <v>15</v>
      </c>
      <c r="D76" s="12">
        <v>36</v>
      </c>
    </row>
    <row r="77" spans="1:4" ht="18" customHeight="1" x14ac:dyDescent="0.2">
      <c r="A77" s="8" t="s">
        <v>13</v>
      </c>
      <c r="B77" s="11">
        <v>73</v>
      </c>
      <c r="C77" s="10">
        <v>85</v>
      </c>
      <c r="D77" s="9">
        <v>158</v>
      </c>
    </row>
    <row r="78" spans="1:4" ht="18" customHeight="1" x14ac:dyDescent="0.2">
      <c r="A78" s="16">
        <v>60</v>
      </c>
      <c r="B78" s="14">
        <v>20</v>
      </c>
      <c r="C78" s="13">
        <v>15</v>
      </c>
      <c r="D78" s="12">
        <v>35</v>
      </c>
    </row>
    <row r="79" spans="1:4" ht="18" customHeight="1" x14ac:dyDescent="0.2">
      <c r="A79" s="16">
        <v>61</v>
      </c>
      <c r="B79" s="14">
        <v>19</v>
      </c>
      <c r="C79" s="13">
        <v>13</v>
      </c>
      <c r="D79" s="12">
        <v>32</v>
      </c>
    </row>
    <row r="80" spans="1:4" ht="18" customHeight="1" x14ac:dyDescent="0.2">
      <c r="A80" s="16">
        <v>62</v>
      </c>
      <c r="B80" s="14">
        <v>16</v>
      </c>
      <c r="C80" s="13">
        <v>27</v>
      </c>
      <c r="D80" s="12">
        <v>43</v>
      </c>
    </row>
    <row r="81" spans="1:4" ht="18" customHeight="1" x14ac:dyDescent="0.2">
      <c r="A81" s="16">
        <v>63</v>
      </c>
      <c r="B81" s="14">
        <v>14</v>
      </c>
      <c r="C81" s="13">
        <v>21</v>
      </c>
      <c r="D81" s="12">
        <v>35</v>
      </c>
    </row>
    <row r="82" spans="1:4" ht="18" customHeight="1" x14ac:dyDescent="0.2">
      <c r="A82" s="16">
        <v>64</v>
      </c>
      <c r="B82" s="14">
        <v>16</v>
      </c>
      <c r="C82" s="13">
        <v>15</v>
      </c>
      <c r="D82" s="12">
        <v>31</v>
      </c>
    </row>
    <row r="83" spans="1:4" ht="18" customHeight="1" x14ac:dyDescent="0.2">
      <c r="A83" s="8" t="s">
        <v>12</v>
      </c>
      <c r="B83" s="11">
        <v>85</v>
      </c>
      <c r="C83" s="10">
        <v>91</v>
      </c>
      <c r="D83" s="9">
        <v>176</v>
      </c>
    </row>
    <row r="84" spans="1:4" ht="18" customHeight="1" x14ac:dyDescent="0.2">
      <c r="A84" s="8" t="s">
        <v>11</v>
      </c>
      <c r="B84" s="11">
        <v>650</v>
      </c>
      <c r="C84" s="10">
        <v>673</v>
      </c>
      <c r="D84" s="9">
        <v>1323</v>
      </c>
    </row>
    <row r="85" spans="1:4" ht="18" customHeight="1" x14ac:dyDescent="0.2">
      <c r="A85" s="16">
        <v>65</v>
      </c>
      <c r="B85" s="14">
        <v>18</v>
      </c>
      <c r="C85" s="13">
        <v>23</v>
      </c>
      <c r="D85" s="12">
        <v>41</v>
      </c>
    </row>
    <row r="86" spans="1:4" ht="18" customHeight="1" x14ac:dyDescent="0.2">
      <c r="A86" s="16">
        <v>66</v>
      </c>
      <c r="B86" s="14">
        <v>17</v>
      </c>
      <c r="C86" s="13">
        <v>17</v>
      </c>
      <c r="D86" s="12">
        <v>34</v>
      </c>
    </row>
    <row r="87" spans="1:4" ht="18" customHeight="1" x14ac:dyDescent="0.2">
      <c r="A87" s="16">
        <v>67</v>
      </c>
      <c r="B87" s="14">
        <v>20</v>
      </c>
      <c r="C87" s="13">
        <v>14</v>
      </c>
      <c r="D87" s="12">
        <v>34</v>
      </c>
    </row>
    <row r="88" spans="1:4" ht="18" customHeight="1" x14ac:dyDescent="0.2">
      <c r="A88" s="16">
        <v>68</v>
      </c>
      <c r="B88" s="14">
        <v>15</v>
      </c>
      <c r="C88" s="13">
        <v>23</v>
      </c>
      <c r="D88" s="12">
        <v>38</v>
      </c>
    </row>
    <row r="89" spans="1:4" ht="18" customHeight="1" x14ac:dyDescent="0.2">
      <c r="A89" s="16">
        <v>69</v>
      </c>
      <c r="B89" s="14">
        <v>16</v>
      </c>
      <c r="C89" s="13">
        <v>14</v>
      </c>
      <c r="D89" s="12">
        <v>30</v>
      </c>
    </row>
    <row r="90" spans="1:4" ht="18" customHeight="1" x14ac:dyDescent="0.2">
      <c r="A90" s="8" t="s">
        <v>10</v>
      </c>
      <c r="B90" s="11">
        <v>86</v>
      </c>
      <c r="C90" s="10">
        <v>91</v>
      </c>
      <c r="D90" s="9">
        <v>177</v>
      </c>
    </row>
    <row r="91" spans="1:4" ht="18" customHeight="1" x14ac:dyDescent="0.2">
      <c r="A91" s="16">
        <v>70</v>
      </c>
      <c r="B91" s="14">
        <v>17</v>
      </c>
      <c r="C91" s="13">
        <v>15</v>
      </c>
      <c r="D91" s="12">
        <v>32</v>
      </c>
    </row>
    <row r="92" spans="1:4" ht="18" customHeight="1" x14ac:dyDescent="0.2">
      <c r="A92" s="16">
        <v>71</v>
      </c>
      <c r="B92" s="14">
        <v>13</v>
      </c>
      <c r="C92" s="13">
        <v>19</v>
      </c>
      <c r="D92" s="12">
        <v>32</v>
      </c>
    </row>
    <row r="93" spans="1:4" ht="18" customHeight="1" x14ac:dyDescent="0.2">
      <c r="A93" s="16">
        <v>72</v>
      </c>
      <c r="B93" s="14">
        <v>14</v>
      </c>
      <c r="C93" s="13">
        <v>19</v>
      </c>
      <c r="D93" s="12">
        <v>33</v>
      </c>
    </row>
    <row r="94" spans="1:4" ht="18" customHeight="1" x14ac:dyDescent="0.2">
      <c r="A94" s="16">
        <v>73</v>
      </c>
      <c r="B94" s="14">
        <v>10</v>
      </c>
      <c r="C94" s="13">
        <v>19</v>
      </c>
      <c r="D94" s="12">
        <v>29</v>
      </c>
    </row>
    <row r="95" spans="1:4" ht="18" customHeight="1" x14ac:dyDescent="0.2">
      <c r="A95" s="16">
        <v>74</v>
      </c>
      <c r="B95" s="14">
        <v>19</v>
      </c>
      <c r="C95" s="13">
        <v>23</v>
      </c>
      <c r="D95" s="12">
        <v>42</v>
      </c>
    </row>
    <row r="96" spans="1:4" ht="18" customHeight="1" x14ac:dyDescent="0.2">
      <c r="A96" s="8" t="s">
        <v>9</v>
      </c>
      <c r="B96" s="11">
        <v>73</v>
      </c>
      <c r="C96" s="10">
        <v>95</v>
      </c>
      <c r="D96" s="9">
        <v>168</v>
      </c>
    </row>
    <row r="97" spans="1:4" ht="18" customHeight="1" x14ac:dyDescent="0.2">
      <c r="A97" s="16">
        <v>75</v>
      </c>
      <c r="B97" s="14">
        <v>14</v>
      </c>
      <c r="C97" s="13">
        <v>21</v>
      </c>
      <c r="D97" s="12">
        <v>35</v>
      </c>
    </row>
    <row r="98" spans="1:4" ht="18" customHeight="1" x14ac:dyDescent="0.2">
      <c r="A98" s="16">
        <v>76</v>
      </c>
      <c r="B98" s="14">
        <v>15</v>
      </c>
      <c r="C98" s="13">
        <v>25</v>
      </c>
      <c r="D98" s="12">
        <v>40</v>
      </c>
    </row>
    <row r="99" spans="1:4" ht="18" customHeight="1" x14ac:dyDescent="0.2">
      <c r="A99" s="16">
        <v>77</v>
      </c>
      <c r="B99" s="14">
        <v>5</v>
      </c>
      <c r="C99" s="13">
        <v>9</v>
      </c>
      <c r="D99" s="12">
        <v>14</v>
      </c>
    </row>
    <row r="100" spans="1:4" ht="18" customHeight="1" x14ac:dyDescent="0.2">
      <c r="A100" s="16">
        <v>78</v>
      </c>
      <c r="B100" s="14">
        <v>19</v>
      </c>
      <c r="C100" s="13">
        <v>6</v>
      </c>
      <c r="D100" s="12">
        <v>25</v>
      </c>
    </row>
    <row r="101" spans="1:4" ht="18" customHeight="1" x14ac:dyDescent="0.2">
      <c r="A101" s="16">
        <v>79</v>
      </c>
      <c r="B101" s="14">
        <v>11</v>
      </c>
      <c r="C101" s="13">
        <v>20</v>
      </c>
      <c r="D101" s="12">
        <v>31</v>
      </c>
    </row>
    <row r="102" spans="1:4" ht="18" customHeight="1" x14ac:dyDescent="0.2">
      <c r="A102" s="8" t="s">
        <v>8</v>
      </c>
      <c r="B102" s="11">
        <v>64</v>
      </c>
      <c r="C102" s="10">
        <v>81</v>
      </c>
      <c r="D102" s="9">
        <v>145</v>
      </c>
    </row>
    <row r="103" spans="1:4" ht="18" customHeight="1" x14ac:dyDescent="0.2">
      <c r="A103" s="16">
        <v>80</v>
      </c>
      <c r="B103" s="14">
        <v>9</v>
      </c>
      <c r="C103" s="13">
        <v>14</v>
      </c>
      <c r="D103" s="12">
        <v>23</v>
      </c>
    </row>
    <row r="104" spans="1:4" ht="18" customHeight="1" x14ac:dyDescent="0.2">
      <c r="A104" s="16">
        <v>81</v>
      </c>
      <c r="B104" s="14">
        <v>11</v>
      </c>
      <c r="C104" s="13">
        <v>19</v>
      </c>
      <c r="D104" s="12">
        <v>30</v>
      </c>
    </row>
    <row r="105" spans="1:4" ht="18" customHeight="1" x14ac:dyDescent="0.2">
      <c r="A105" s="16">
        <v>82</v>
      </c>
      <c r="B105" s="14">
        <v>7</v>
      </c>
      <c r="C105" s="13">
        <v>14</v>
      </c>
      <c r="D105" s="12">
        <v>21</v>
      </c>
    </row>
    <row r="106" spans="1:4" ht="18" customHeight="1" x14ac:dyDescent="0.2">
      <c r="A106" s="16">
        <v>83</v>
      </c>
      <c r="B106" s="14">
        <v>10</v>
      </c>
      <c r="C106" s="13">
        <v>20</v>
      </c>
      <c r="D106" s="12">
        <v>30</v>
      </c>
    </row>
    <row r="107" spans="1:4" ht="18" customHeight="1" x14ac:dyDescent="0.2">
      <c r="A107" s="16">
        <v>84</v>
      </c>
      <c r="B107" s="14">
        <v>4</v>
      </c>
      <c r="C107" s="13">
        <v>4</v>
      </c>
      <c r="D107" s="12">
        <v>8</v>
      </c>
    </row>
    <row r="108" spans="1:4" ht="18" customHeight="1" x14ac:dyDescent="0.2">
      <c r="A108" s="8" t="s">
        <v>7</v>
      </c>
      <c r="B108" s="11">
        <v>41</v>
      </c>
      <c r="C108" s="10">
        <v>71</v>
      </c>
      <c r="D108" s="9">
        <v>112</v>
      </c>
    </row>
    <row r="109" spans="1:4" ht="18" customHeight="1" x14ac:dyDescent="0.2">
      <c r="A109" s="16">
        <v>85</v>
      </c>
      <c r="B109" s="14">
        <v>5</v>
      </c>
      <c r="C109" s="13">
        <v>11</v>
      </c>
      <c r="D109" s="12">
        <v>16</v>
      </c>
    </row>
    <row r="110" spans="1:4" ht="18" customHeight="1" x14ac:dyDescent="0.2">
      <c r="A110" s="16">
        <v>86</v>
      </c>
      <c r="B110" s="14">
        <v>2</v>
      </c>
      <c r="C110" s="13">
        <v>10</v>
      </c>
      <c r="D110" s="12">
        <v>12</v>
      </c>
    </row>
    <row r="111" spans="1:4" ht="18" customHeight="1" x14ac:dyDescent="0.2">
      <c r="A111" s="16">
        <v>87</v>
      </c>
      <c r="B111" s="14">
        <v>1</v>
      </c>
      <c r="C111" s="13">
        <v>16</v>
      </c>
      <c r="D111" s="12">
        <v>17</v>
      </c>
    </row>
    <row r="112" spans="1:4" ht="18" customHeight="1" x14ac:dyDescent="0.2">
      <c r="A112" s="16">
        <v>88</v>
      </c>
      <c r="B112" s="14">
        <v>6</v>
      </c>
      <c r="C112" s="13">
        <v>10</v>
      </c>
      <c r="D112" s="12">
        <v>16</v>
      </c>
    </row>
    <row r="113" spans="1:4" ht="18" customHeight="1" x14ac:dyDescent="0.2">
      <c r="A113" s="16">
        <v>89</v>
      </c>
      <c r="B113" s="14">
        <v>4</v>
      </c>
      <c r="C113" s="13">
        <v>10</v>
      </c>
      <c r="D113" s="12">
        <v>14</v>
      </c>
    </row>
    <row r="114" spans="1:4" ht="18" customHeight="1" x14ac:dyDescent="0.2">
      <c r="A114" s="8" t="s">
        <v>6</v>
      </c>
      <c r="B114" s="11">
        <v>18</v>
      </c>
      <c r="C114" s="10">
        <v>57</v>
      </c>
      <c r="D114" s="9">
        <v>75</v>
      </c>
    </row>
    <row r="115" spans="1:4" ht="18" customHeight="1" x14ac:dyDescent="0.2">
      <c r="A115" s="16">
        <v>90</v>
      </c>
      <c r="B115" s="14">
        <v>8</v>
      </c>
      <c r="C115" s="13">
        <v>11</v>
      </c>
      <c r="D115" s="12">
        <v>19</v>
      </c>
    </row>
    <row r="116" spans="1:4" ht="18" customHeight="1" x14ac:dyDescent="0.2">
      <c r="A116" s="16">
        <v>91</v>
      </c>
      <c r="B116" s="14">
        <v>1</v>
      </c>
      <c r="C116" s="13">
        <v>7</v>
      </c>
      <c r="D116" s="12">
        <v>8</v>
      </c>
    </row>
    <row r="117" spans="1:4" ht="18" customHeight="1" x14ac:dyDescent="0.2">
      <c r="A117" s="16">
        <v>92</v>
      </c>
      <c r="B117" s="14">
        <v>1</v>
      </c>
      <c r="C117" s="13">
        <v>8</v>
      </c>
      <c r="D117" s="12">
        <v>9</v>
      </c>
    </row>
    <row r="118" spans="1:4" ht="18" customHeight="1" x14ac:dyDescent="0.2">
      <c r="A118" s="16">
        <v>93</v>
      </c>
      <c r="B118" s="14">
        <v>2</v>
      </c>
      <c r="C118" s="13">
        <v>5</v>
      </c>
      <c r="D118" s="12">
        <v>7</v>
      </c>
    </row>
    <row r="119" spans="1:4" ht="18" customHeight="1" x14ac:dyDescent="0.2">
      <c r="A119" s="16">
        <v>94</v>
      </c>
      <c r="B119" s="14">
        <v>2</v>
      </c>
      <c r="C119" s="13">
        <v>5</v>
      </c>
      <c r="D119" s="12">
        <v>7</v>
      </c>
    </row>
    <row r="120" spans="1:4" ht="18" customHeight="1" x14ac:dyDescent="0.2">
      <c r="A120" s="8" t="s">
        <v>5</v>
      </c>
      <c r="B120" s="11">
        <v>14</v>
      </c>
      <c r="C120" s="10">
        <v>36</v>
      </c>
      <c r="D120" s="9">
        <v>50</v>
      </c>
    </row>
    <row r="121" spans="1:4" ht="18" customHeight="1" x14ac:dyDescent="0.2">
      <c r="A121" s="16">
        <v>95</v>
      </c>
      <c r="B121" s="14">
        <v>0</v>
      </c>
      <c r="C121" s="13">
        <v>6</v>
      </c>
      <c r="D121" s="12">
        <v>6</v>
      </c>
    </row>
    <row r="122" spans="1:4" ht="18" customHeight="1" x14ac:dyDescent="0.2">
      <c r="A122" s="16">
        <v>96</v>
      </c>
      <c r="B122" s="14">
        <v>2</v>
      </c>
      <c r="C122" s="13">
        <v>2</v>
      </c>
      <c r="D122" s="12">
        <v>4</v>
      </c>
    </row>
    <row r="123" spans="1:4" ht="18" customHeight="1" x14ac:dyDescent="0.2">
      <c r="A123" s="16">
        <v>97</v>
      </c>
      <c r="B123" s="14">
        <v>0</v>
      </c>
      <c r="C123" s="13">
        <v>2</v>
      </c>
      <c r="D123" s="12">
        <v>2</v>
      </c>
    </row>
    <row r="124" spans="1:4" ht="18" customHeight="1" x14ac:dyDescent="0.2">
      <c r="A124" s="16">
        <v>98</v>
      </c>
      <c r="B124" s="14">
        <v>1</v>
      </c>
      <c r="C124" s="13">
        <v>3</v>
      </c>
      <c r="D124" s="12">
        <v>4</v>
      </c>
    </row>
    <row r="125" spans="1:4" ht="18" customHeight="1" x14ac:dyDescent="0.2">
      <c r="A125" s="16">
        <v>99</v>
      </c>
      <c r="B125" s="14">
        <v>0</v>
      </c>
      <c r="C125" s="13">
        <v>2</v>
      </c>
      <c r="D125" s="12">
        <v>2</v>
      </c>
    </row>
    <row r="126" spans="1:4" ht="18" customHeight="1" x14ac:dyDescent="0.2">
      <c r="A126" s="8" t="s">
        <v>4</v>
      </c>
      <c r="B126" s="11">
        <v>3</v>
      </c>
      <c r="C126" s="10">
        <v>15</v>
      </c>
      <c r="D126" s="9">
        <v>18</v>
      </c>
    </row>
    <row r="127" spans="1:4" ht="18" customHeight="1" x14ac:dyDescent="0.2">
      <c r="A127" s="16">
        <v>100</v>
      </c>
      <c r="B127" s="14">
        <v>0</v>
      </c>
      <c r="C127" s="13">
        <v>0</v>
      </c>
      <c r="D127" s="12">
        <v>0</v>
      </c>
    </row>
    <row r="128" spans="1:4" ht="18" customHeight="1" x14ac:dyDescent="0.2">
      <c r="A128" s="15" t="s">
        <v>3</v>
      </c>
      <c r="B128" s="14">
        <v>0</v>
      </c>
      <c r="C128" s="13">
        <v>3</v>
      </c>
      <c r="D128" s="12">
        <v>3</v>
      </c>
    </row>
    <row r="129" spans="1:4" ht="18" customHeight="1" x14ac:dyDescent="0.2">
      <c r="A129" s="8" t="s">
        <v>2</v>
      </c>
      <c r="B129" s="11">
        <v>0</v>
      </c>
      <c r="C129" s="10">
        <v>3</v>
      </c>
      <c r="D129" s="9">
        <v>3</v>
      </c>
    </row>
    <row r="130" spans="1:4" ht="18" customHeight="1" x14ac:dyDescent="0.2">
      <c r="A130" s="8" t="s">
        <v>1</v>
      </c>
      <c r="B130" s="7">
        <v>299</v>
      </c>
      <c r="C130" s="6">
        <v>449</v>
      </c>
      <c r="D130" s="5">
        <v>748</v>
      </c>
    </row>
    <row r="131" spans="1:4" ht="18" customHeight="1" x14ac:dyDescent="0.2">
      <c r="A131" s="4" t="s">
        <v>0</v>
      </c>
      <c r="B131" s="3">
        <v>1085</v>
      </c>
      <c r="C131" s="2">
        <v>1235</v>
      </c>
      <c r="D131" s="1">
        <v>232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7FF9645-B871-4622-B6A9-897F99867D8A}">
  <sheetPr codeName="Sheet3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49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17</v>
      </c>
      <c r="C5" s="18">
        <v>22</v>
      </c>
      <c r="D5" s="17">
        <v>39</v>
      </c>
    </row>
    <row r="6" spans="1:4" ht="18" customHeight="1" x14ac:dyDescent="0.2">
      <c r="A6" s="16">
        <v>1</v>
      </c>
      <c r="B6" s="29">
        <v>14</v>
      </c>
      <c r="C6" s="10">
        <v>19</v>
      </c>
      <c r="D6" s="9">
        <v>33</v>
      </c>
    </row>
    <row r="7" spans="1:4" ht="18" customHeight="1" x14ac:dyDescent="0.2">
      <c r="A7" s="16">
        <v>2</v>
      </c>
      <c r="B7" s="29">
        <v>28</v>
      </c>
      <c r="C7" s="10">
        <v>17</v>
      </c>
      <c r="D7" s="9">
        <v>45</v>
      </c>
    </row>
    <row r="8" spans="1:4" ht="18" customHeight="1" x14ac:dyDescent="0.2">
      <c r="A8" s="16">
        <v>3</v>
      </c>
      <c r="B8" s="29">
        <v>25</v>
      </c>
      <c r="C8" s="10">
        <v>20</v>
      </c>
      <c r="D8" s="9">
        <v>45</v>
      </c>
    </row>
    <row r="9" spans="1:4" ht="18" customHeight="1" x14ac:dyDescent="0.2">
      <c r="A9" s="16">
        <v>4</v>
      </c>
      <c r="B9" s="29">
        <v>21</v>
      </c>
      <c r="C9" s="10">
        <v>17</v>
      </c>
      <c r="D9" s="9">
        <v>38</v>
      </c>
    </row>
    <row r="10" spans="1:4" ht="18" customHeight="1" x14ac:dyDescent="0.2">
      <c r="A10" s="8" t="s">
        <v>25</v>
      </c>
      <c r="B10" s="29">
        <v>105</v>
      </c>
      <c r="C10" s="10">
        <v>95</v>
      </c>
      <c r="D10" s="9">
        <v>200</v>
      </c>
    </row>
    <row r="11" spans="1:4" ht="18" customHeight="1" x14ac:dyDescent="0.2">
      <c r="A11" s="16">
        <v>5</v>
      </c>
      <c r="B11" s="29">
        <v>16</v>
      </c>
      <c r="C11" s="10">
        <v>19</v>
      </c>
      <c r="D11" s="9">
        <v>35</v>
      </c>
    </row>
    <row r="12" spans="1:4" ht="18" customHeight="1" x14ac:dyDescent="0.2">
      <c r="A12" s="16">
        <v>6</v>
      </c>
      <c r="B12" s="29">
        <v>21</v>
      </c>
      <c r="C12" s="10">
        <v>22</v>
      </c>
      <c r="D12" s="9">
        <v>43</v>
      </c>
    </row>
    <row r="13" spans="1:4" ht="18" customHeight="1" x14ac:dyDescent="0.2">
      <c r="A13" s="16">
        <v>7</v>
      </c>
      <c r="B13" s="29">
        <v>27</v>
      </c>
      <c r="C13" s="10">
        <v>20</v>
      </c>
      <c r="D13" s="9">
        <v>47</v>
      </c>
    </row>
    <row r="14" spans="1:4" ht="18" customHeight="1" x14ac:dyDescent="0.2">
      <c r="A14" s="16">
        <v>8</v>
      </c>
      <c r="B14" s="29">
        <v>18</v>
      </c>
      <c r="C14" s="10">
        <v>24</v>
      </c>
      <c r="D14" s="9">
        <v>42</v>
      </c>
    </row>
    <row r="15" spans="1:4" ht="18" customHeight="1" x14ac:dyDescent="0.2">
      <c r="A15" s="16">
        <v>9</v>
      </c>
      <c r="B15" s="29">
        <v>23</v>
      </c>
      <c r="C15" s="10">
        <v>32</v>
      </c>
      <c r="D15" s="9">
        <v>55</v>
      </c>
    </row>
    <row r="16" spans="1:4" ht="18" customHeight="1" x14ac:dyDescent="0.2">
      <c r="A16" s="8" t="s">
        <v>24</v>
      </c>
      <c r="B16" s="29">
        <v>105</v>
      </c>
      <c r="C16" s="10">
        <v>117</v>
      </c>
      <c r="D16" s="9">
        <v>222</v>
      </c>
    </row>
    <row r="17" spans="1:4" ht="18" customHeight="1" x14ac:dyDescent="0.2">
      <c r="A17" s="16">
        <v>10</v>
      </c>
      <c r="B17" s="29">
        <v>19</v>
      </c>
      <c r="C17" s="10">
        <v>21</v>
      </c>
      <c r="D17" s="9">
        <v>40</v>
      </c>
    </row>
    <row r="18" spans="1:4" ht="18" customHeight="1" x14ac:dyDescent="0.2">
      <c r="A18" s="16">
        <v>11</v>
      </c>
      <c r="B18" s="29">
        <v>27</v>
      </c>
      <c r="C18" s="10">
        <v>23</v>
      </c>
      <c r="D18" s="9">
        <v>50</v>
      </c>
    </row>
    <row r="19" spans="1:4" ht="18" customHeight="1" x14ac:dyDescent="0.2">
      <c r="A19" s="16">
        <v>12</v>
      </c>
      <c r="B19" s="29">
        <v>13</v>
      </c>
      <c r="C19" s="10">
        <v>22</v>
      </c>
      <c r="D19" s="9">
        <v>35</v>
      </c>
    </row>
    <row r="20" spans="1:4" ht="18" customHeight="1" x14ac:dyDescent="0.2">
      <c r="A20" s="16">
        <v>13</v>
      </c>
      <c r="B20" s="29">
        <v>25</v>
      </c>
      <c r="C20" s="10">
        <v>29</v>
      </c>
      <c r="D20" s="9">
        <v>54</v>
      </c>
    </row>
    <row r="21" spans="1:4" ht="18" customHeight="1" x14ac:dyDescent="0.2">
      <c r="A21" s="16">
        <v>14</v>
      </c>
      <c r="B21" s="29">
        <v>24</v>
      </c>
      <c r="C21" s="10">
        <v>22</v>
      </c>
      <c r="D21" s="9">
        <v>46</v>
      </c>
    </row>
    <row r="22" spans="1:4" ht="18" customHeight="1" x14ac:dyDescent="0.2">
      <c r="A22" s="8" t="s">
        <v>23</v>
      </c>
      <c r="B22" s="29">
        <v>108</v>
      </c>
      <c r="C22" s="10">
        <v>117</v>
      </c>
      <c r="D22" s="9">
        <v>225</v>
      </c>
    </row>
    <row r="23" spans="1:4" ht="18" customHeight="1" x14ac:dyDescent="0.2">
      <c r="A23" s="8" t="s">
        <v>22</v>
      </c>
      <c r="B23" s="29">
        <v>318</v>
      </c>
      <c r="C23" s="10">
        <v>329</v>
      </c>
      <c r="D23" s="9">
        <v>647</v>
      </c>
    </row>
    <row r="24" spans="1:4" ht="18" customHeight="1" x14ac:dyDescent="0.2">
      <c r="A24" s="16">
        <v>15</v>
      </c>
      <c r="B24" s="29">
        <v>22</v>
      </c>
      <c r="C24" s="10">
        <v>25</v>
      </c>
      <c r="D24" s="9">
        <v>47</v>
      </c>
    </row>
    <row r="25" spans="1:4" ht="18" customHeight="1" x14ac:dyDescent="0.2">
      <c r="A25" s="16">
        <v>16</v>
      </c>
      <c r="B25" s="29">
        <v>25</v>
      </c>
      <c r="C25" s="10">
        <v>28</v>
      </c>
      <c r="D25" s="9">
        <v>53</v>
      </c>
    </row>
    <row r="26" spans="1:4" ht="18" customHeight="1" x14ac:dyDescent="0.2">
      <c r="A26" s="16">
        <v>17</v>
      </c>
      <c r="B26" s="29">
        <v>27</v>
      </c>
      <c r="C26" s="10">
        <v>19</v>
      </c>
      <c r="D26" s="9">
        <v>46</v>
      </c>
    </row>
    <row r="27" spans="1:4" ht="18" customHeight="1" x14ac:dyDescent="0.2">
      <c r="A27" s="16">
        <v>18</v>
      </c>
      <c r="B27" s="29">
        <v>23</v>
      </c>
      <c r="C27" s="10">
        <v>23</v>
      </c>
      <c r="D27" s="9">
        <v>46</v>
      </c>
    </row>
    <row r="28" spans="1:4" ht="18" customHeight="1" x14ac:dyDescent="0.2">
      <c r="A28" s="16">
        <v>19</v>
      </c>
      <c r="B28" s="29">
        <v>26</v>
      </c>
      <c r="C28" s="10">
        <v>26</v>
      </c>
      <c r="D28" s="9">
        <v>52</v>
      </c>
    </row>
    <row r="29" spans="1:4" ht="18" customHeight="1" x14ac:dyDescent="0.2">
      <c r="A29" s="8" t="s">
        <v>21</v>
      </c>
      <c r="B29" s="29">
        <v>123</v>
      </c>
      <c r="C29" s="10">
        <v>121</v>
      </c>
      <c r="D29" s="9">
        <v>244</v>
      </c>
    </row>
    <row r="30" spans="1:4" ht="18" customHeight="1" x14ac:dyDescent="0.2">
      <c r="A30" s="16">
        <v>20</v>
      </c>
      <c r="B30" s="29">
        <v>21</v>
      </c>
      <c r="C30" s="10">
        <v>24</v>
      </c>
      <c r="D30" s="9">
        <v>45</v>
      </c>
    </row>
    <row r="31" spans="1:4" ht="18" customHeight="1" x14ac:dyDescent="0.2">
      <c r="A31" s="16">
        <v>21</v>
      </c>
      <c r="B31" s="29">
        <v>31</v>
      </c>
      <c r="C31" s="10">
        <v>15</v>
      </c>
      <c r="D31" s="9">
        <v>46</v>
      </c>
    </row>
    <row r="32" spans="1:4" ht="18" customHeight="1" x14ac:dyDescent="0.2">
      <c r="A32" s="16">
        <v>22</v>
      </c>
      <c r="B32" s="29">
        <v>24</v>
      </c>
      <c r="C32" s="10">
        <v>23</v>
      </c>
      <c r="D32" s="9">
        <v>47</v>
      </c>
    </row>
    <row r="33" spans="1:4" ht="18" customHeight="1" x14ac:dyDescent="0.2">
      <c r="A33" s="16">
        <v>23</v>
      </c>
      <c r="B33" s="29">
        <v>22</v>
      </c>
      <c r="C33" s="10">
        <v>27</v>
      </c>
      <c r="D33" s="9">
        <v>49</v>
      </c>
    </row>
    <row r="34" spans="1:4" ht="18" customHeight="1" x14ac:dyDescent="0.2">
      <c r="A34" s="16">
        <v>24</v>
      </c>
      <c r="B34" s="29">
        <v>28</v>
      </c>
      <c r="C34" s="10">
        <v>21</v>
      </c>
      <c r="D34" s="9">
        <v>49</v>
      </c>
    </row>
    <row r="35" spans="1:4" ht="18" customHeight="1" x14ac:dyDescent="0.2">
      <c r="A35" s="8" t="s">
        <v>20</v>
      </c>
      <c r="B35" s="29">
        <v>126</v>
      </c>
      <c r="C35" s="10">
        <v>110</v>
      </c>
      <c r="D35" s="9">
        <v>236</v>
      </c>
    </row>
    <row r="36" spans="1:4" ht="18" customHeight="1" x14ac:dyDescent="0.2">
      <c r="A36" s="16">
        <v>25</v>
      </c>
      <c r="B36" s="29">
        <v>35</v>
      </c>
      <c r="C36" s="10">
        <v>23</v>
      </c>
      <c r="D36" s="9">
        <v>58</v>
      </c>
    </row>
    <row r="37" spans="1:4" ht="18" customHeight="1" x14ac:dyDescent="0.2">
      <c r="A37" s="16">
        <v>26</v>
      </c>
      <c r="B37" s="29">
        <v>22</v>
      </c>
      <c r="C37" s="10">
        <v>26</v>
      </c>
      <c r="D37" s="9">
        <v>48</v>
      </c>
    </row>
    <row r="38" spans="1:4" ht="18" customHeight="1" x14ac:dyDescent="0.2">
      <c r="A38" s="16">
        <v>27</v>
      </c>
      <c r="B38" s="29">
        <v>34</v>
      </c>
      <c r="C38" s="10">
        <v>25</v>
      </c>
      <c r="D38" s="9">
        <v>59</v>
      </c>
    </row>
    <row r="39" spans="1:4" ht="18" customHeight="1" x14ac:dyDescent="0.2">
      <c r="A39" s="16">
        <v>28</v>
      </c>
      <c r="B39" s="29">
        <v>26</v>
      </c>
      <c r="C39" s="10">
        <v>22</v>
      </c>
      <c r="D39" s="9">
        <v>48</v>
      </c>
    </row>
    <row r="40" spans="1:4" ht="18" customHeight="1" x14ac:dyDescent="0.2">
      <c r="A40" s="16">
        <v>29</v>
      </c>
      <c r="B40" s="29">
        <v>23</v>
      </c>
      <c r="C40" s="10">
        <v>27</v>
      </c>
      <c r="D40" s="9">
        <v>50</v>
      </c>
    </row>
    <row r="41" spans="1:4" ht="18" customHeight="1" x14ac:dyDescent="0.2">
      <c r="A41" s="8" t="s">
        <v>19</v>
      </c>
      <c r="B41" s="29">
        <v>140</v>
      </c>
      <c r="C41" s="10">
        <v>123</v>
      </c>
      <c r="D41" s="9">
        <v>263</v>
      </c>
    </row>
    <row r="42" spans="1:4" ht="18" customHeight="1" x14ac:dyDescent="0.2">
      <c r="A42" s="16">
        <v>30</v>
      </c>
      <c r="B42" s="29">
        <v>26</v>
      </c>
      <c r="C42" s="10">
        <v>25</v>
      </c>
      <c r="D42" s="9">
        <v>51</v>
      </c>
    </row>
    <row r="43" spans="1:4" ht="18" customHeight="1" x14ac:dyDescent="0.2">
      <c r="A43" s="16">
        <v>31</v>
      </c>
      <c r="B43" s="29">
        <v>34</v>
      </c>
      <c r="C43" s="10">
        <v>24</v>
      </c>
      <c r="D43" s="9">
        <v>58</v>
      </c>
    </row>
    <row r="44" spans="1:4" ht="18" customHeight="1" x14ac:dyDescent="0.2">
      <c r="A44" s="16">
        <v>32</v>
      </c>
      <c r="B44" s="29">
        <v>38</v>
      </c>
      <c r="C44" s="10">
        <v>21</v>
      </c>
      <c r="D44" s="9">
        <v>59</v>
      </c>
    </row>
    <row r="45" spans="1:4" ht="18" customHeight="1" x14ac:dyDescent="0.2">
      <c r="A45" s="16">
        <v>33</v>
      </c>
      <c r="B45" s="29">
        <v>21</v>
      </c>
      <c r="C45" s="10">
        <v>36</v>
      </c>
      <c r="D45" s="9">
        <v>57</v>
      </c>
    </row>
    <row r="46" spans="1:4" ht="18" customHeight="1" x14ac:dyDescent="0.2">
      <c r="A46" s="16">
        <v>34</v>
      </c>
      <c r="B46" s="29">
        <v>32</v>
      </c>
      <c r="C46" s="10">
        <v>22</v>
      </c>
      <c r="D46" s="9">
        <v>54</v>
      </c>
    </row>
    <row r="47" spans="1:4" ht="18" customHeight="1" x14ac:dyDescent="0.2">
      <c r="A47" s="8" t="s">
        <v>18</v>
      </c>
      <c r="B47" s="29">
        <v>151</v>
      </c>
      <c r="C47" s="10">
        <v>128</v>
      </c>
      <c r="D47" s="9">
        <v>279</v>
      </c>
    </row>
    <row r="48" spans="1:4" ht="18" customHeight="1" x14ac:dyDescent="0.2">
      <c r="A48" s="16">
        <v>35</v>
      </c>
      <c r="B48" s="29">
        <v>30</v>
      </c>
      <c r="C48" s="10">
        <v>23</v>
      </c>
      <c r="D48" s="9">
        <v>53</v>
      </c>
    </row>
    <row r="49" spans="1:4" ht="18" customHeight="1" x14ac:dyDescent="0.2">
      <c r="A49" s="16">
        <v>36</v>
      </c>
      <c r="B49" s="29">
        <v>37</v>
      </c>
      <c r="C49" s="10">
        <v>23</v>
      </c>
      <c r="D49" s="9">
        <v>60</v>
      </c>
    </row>
    <row r="50" spans="1:4" ht="18" customHeight="1" x14ac:dyDescent="0.2">
      <c r="A50" s="16">
        <v>37</v>
      </c>
      <c r="B50" s="29">
        <v>41</v>
      </c>
      <c r="C50" s="10">
        <v>34</v>
      </c>
      <c r="D50" s="9">
        <v>75</v>
      </c>
    </row>
    <row r="51" spans="1:4" ht="18" customHeight="1" x14ac:dyDescent="0.2">
      <c r="A51" s="16">
        <v>38</v>
      </c>
      <c r="B51" s="29">
        <v>29</v>
      </c>
      <c r="C51" s="10">
        <v>28</v>
      </c>
      <c r="D51" s="9">
        <v>57</v>
      </c>
    </row>
    <row r="52" spans="1:4" ht="18" customHeight="1" x14ac:dyDescent="0.2">
      <c r="A52" s="16">
        <v>39</v>
      </c>
      <c r="B52" s="29">
        <v>30</v>
      </c>
      <c r="C52" s="10">
        <v>36</v>
      </c>
      <c r="D52" s="9">
        <v>66</v>
      </c>
    </row>
    <row r="53" spans="1:4" ht="18" customHeight="1" x14ac:dyDescent="0.2">
      <c r="A53" s="8" t="s">
        <v>17</v>
      </c>
      <c r="B53" s="29">
        <v>167</v>
      </c>
      <c r="C53" s="10">
        <v>144</v>
      </c>
      <c r="D53" s="9">
        <v>311</v>
      </c>
    </row>
    <row r="54" spans="1:4" ht="18" customHeight="1" x14ac:dyDescent="0.2">
      <c r="A54" s="16">
        <v>40</v>
      </c>
      <c r="B54" s="29">
        <v>31</v>
      </c>
      <c r="C54" s="10">
        <v>22</v>
      </c>
      <c r="D54" s="9">
        <v>53</v>
      </c>
    </row>
    <row r="55" spans="1:4" ht="18" customHeight="1" x14ac:dyDescent="0.2">
      <c r="A55" s="16">
        <v>41</v>
      </c>
      <c r="B55" s="29">
        <v>31</v>
      </c>
      <c r="C55" s="10">
        <v>28</v>
      </c>
      <c r="D55" s="9">
        <v>59</v>
      </c>
    </row>
    <row r="56" spans="1:4" ht="18" customHeight="1" x14ac:dyDescent="0.2">
      <c r="A56" s="16">
        <v>42</v>
      </c>
      <c r="B56" s="29">
        <v>32</v>
      </c>
      <c r="C56" s="10">
        <v>35</v>
      </c>
      <c r="D56" s="9">
        <v>67</v>
      </c>
    </row>
    <row r="57" spans="1:4" ht="18" customHeight="1" x14ac:dyDescent="0.2">
      <c r="A57" s="16">
        <v>43</v>
      </c>
      <c r="B57" s="29">
        <v>37</v>
      </c>
      <c r="C57" s="10">
        <v>26</v>
      </c>
      <c r="D57" s="9">
        <v>63</v>
      </c>
    </row>
    <row r="58" spans="1:4" ht="18" customHeight="1" x14ac:dyDescent="0.2">
      <c r="A58" s="16">
        <v>44</v>
      </c>
      <c r="B58" s="29">
        <v>30</v>
      </c>
      <c r="C58" s="10">
        <v>33</v>
      </c>
      <c r="D58" s="9">
        <v>63</v>
      </c>
    </row>
    <row r="59" spans="1:4" ht="18" customHeight="1" x14ac:dyDescent="0.2">
      <c r="A59" s="8" t="s">
        <v>16</v>
      </c>
      <c r="B59" s="29">
        <v>161</v>
      </c>
      <c r="C59" s="10">
        <v>144</v>
      </c>
      <c r="D59" s="9">
        <v>305</v>
      </c>
    </row>
    <row r="60" spans="1:4" ht="18" customHeight="1" x14ac:dyDescent="0.2">
      <c r="A60" s="16">
        <v>45</v>
      </c>
      <c r="B60" s="29">
        <v>44</v>
      </c>
      <c r="C60" s="10">
        <v>37</v>
      </c>
      <c r="D60" s="9">
        <v>81</v>
      </c>
    </row>
    <row r="61" spans="1:4" ht="18" customHeight="1" x14ac:dyDescent="0.2">
      <c r="A61" s="16">
        <v>46</v>
      </c>
      <c r="B61" s="29">
        <v>47</v>
      </c>
      <c r="C61" s="10">
        <v>39</v>
      </c>
      <c r="D61" s="9">
        <v>86</v>
      </c>
    </row>
    <row r="62" spans="1:4" ht="18" customHeight="1" x14ac:dyDescent="0.2">
      <c r="A62" s="16">
        <v>47</v>
      </c>
      <c r="B62" s="29">
        <v>48</v>
      </c>
      <c r="C62" s="10">
        <v>43</v>
      </c>
      <c r="D62" s="9">
        <v>91</v>
      </c>
    </row>
    <row r="63" spans="1:4" ht="18" customHeight="1" x14ac:dyDescent="0.2">
      <c r="A63" s="16">
        <v>48</v>
      </c>
      <c r="B63" s="29">
        <v>49</v>
      </c>
      <c r="C63" s="10">
        <v>48</v>
      </c>
      <c r="D63" s="9">
        <v>97</v>
      </c>
    </row>
    <row r="64" spans="1:4" ht="18" customHeight="1" x14ac:dyDescent="0.2">
      <c r="A64" s="16">
        <v>49</v>
      </c>
      <c r="B64" s="29">
        <v>46</v>
      </c>
      <c r="C64" s="10">
        <v>43</v>
      </c>
      <c r="D64" s="9">
        <v>89</v>
      </c>
    </row>
    <row r="65" spans="1:4" ht="18" customHeight="1" x14ac:dyDescent="0.2">
      <c r="A65" s="8" t="s">
        <v>15</v>
      </c>
      <c r="B65" s="29">
        <v>234</v>
      </c>
      <c r="C65" s="10">
        <v>210</v>
      </c>
      <c r="D65" s="9">
        <v>444</v>
      </c>
    </row>
    <row r="66" spans="1:4" ht="18" customHeight="1" x14ac:dyDescent="0.2">
      <c r="A66" s="16">
        <v>50</v>
      </c>
      <c r="B66" s="29">
        <v>46</v>
      </c>
      <c r="C66" s="10">
        <v>51</v>
      </c>
      <c r="D66" s="9">
        <v>97</v>
      </c>
    </row>
    <row r="67" spans="1:4" ht="18" customHeight="1" x14ac:dyDescent="0.2">
      <c r="A67" s="16">
        <v>51</v>
      </c>
      <c r="B67" s="29">
        <v>43</v>
      </c>
      <c r="C67" s="10">
        <v>39</v>
      </c>
      <c r="D67" s="9">
        <v>82</v>
      </c>
    </row>
    <row r="68" spans="1:4" ht="18" customHeight="1" x14ac:dyDescent="0.2">
      <c r="A68" s="16">
        <v>52</v>
      </c>
      <c r="B68" s="29">
        <v>55</v>
      </c>
      <c r="C68" s="10">
        <v>44</v>
      </c>
      <c r="D68" s="9">
        <v>99</v>
      </c>
    </row>
    <row r="69" spans="1:4" ht="18" customHeight="1" x14ac:dyDescent="0.2">
      <c r="A69" s="16">
        <v>53</v>
      </c>
      <c r="B69" s="29">
        <v>42</v>
      </c>
      <c r="C69" s="10">
        <v>31</v>
      </c>
      <c r="D69" s="9">
        <v>73</v>
      </c>
    </row>
    <row r="70" spans="1:4" ht="18" customHeight="1" x14ac:dyDescent="0.2">
      <c r="A70" s="16">
        <v>54</v>
      </c>
      <c r="B70" s="29">
        <v>53</v>
      </c>
      <c r="C70" s="10">
        <v>39</v>
      </c>
      <c r="D70" s="9">
        <v>92</v>
      </c>
    </row>
    <row r="71" spans="1:4" ht="18" customHeight="1" x14ac:dyDescent="0.2">
      <c r="A71" s="8" t="s">
        <v>14</v>
      </c>
      <c r="B71" s="29">
        <v>239</v>
      </c>
      <c r="C71" s="10">
        <v>204</v>
      </c>
      <c r="D71" s="9">
        <v>443</v>
      </c>
    </row>
    <row r="72" spans="1:4" ht="18" customHeight="1" x14ac:dyDescent="0.2">
      <c r="A72" s="16">
        <v>55</v>
      </c>
      <c r="B72" s="29">
        <v>39</v>
      </c>
      <c r="C72" s="10">
        <v>45</v>
      </c>
      <c r="D72" s="9">
        <v>84</v>
      </c>
    </row>
    <row r="73" spans="1:4" ht="18" customHeight="1" x14ac:dyDescent="0.2">
      <c r="A73" s="16">
        <v>56</v>
      </c>
      <c r="B73" s="29">
        <v>35</v>
      </c>
      <c r="C73" s="10">
        <v>41</v>
      </c>
      <c r="D73" s="9">
        <v>76</v>
      </c>
    </row>
    <row r="74" spans="1:4" ht="18" customHeight="1" x14ac:dyDescent="0.2">
      <c r="A74" s="16">
        <v>57</v>
      </c>
      <c r="B74" s="29">
        <v>37</v>
      </c>
      <c r="C74" s="10">
        <v>24</v>
      </c>
      <c r="D74" s="9">
        <v>61</v>
      </c>
    </row>
    <row r="75" spans="1:4" ht="18" customHeight="1" x14ac:dyDescent="0.2">
      <c r="A75" s="16">
        <v>58</v>
      </c>
      <c r="B75" s="29">
        <v>40</v>
      </c>
      <c r="C75" s="10">
        <v>40</v>
      </c>
      <c r="D75" s="9">
        <v>80</v>
      </c>
    </row>
    <row r="76" spans="1:4" ht="18" customHeight="1" x14ac:dyDescent="0.2">
      <c r="A76" s="16">
        <v>59</v>
      </c>
      <c r="B76" s="29">
        <v>39</v>
      </c>
      <c r="C76" s="10">
        <v>38</v>
      </c>
      <c r="D76" s="9">
        <v>77</v>
      </c>
    </row>
    <row r="77" spans="1:4" ht="18" customHeight="1" x14ac:dyDescent="0.2">
      <c r="A77" s="8" t="s">
        <v>13</v>
      </c>
      <c r="B77" s="29">
        <v>190</v>
      </c>
      <c r="C77" s="10">
        <v>188</v>
      </c>
      <c r="D77" s="9">
        <v>378</v>
      </c>
    </row>
    <row r="78" spans="1:4" ht="18" customHeight="1" x14ac:dyDescent="0.2">
      <c r="A78" s="16">
        <v>60</v>
      </c>
      <c r="B78" s="29">
        <v>34</v>
      </c>
      <c r="C78" s="10">
        <v>37</v>
      </c>
      <c r="D78" s="9">
        <v>71</v>
      </c>
    </row>
    <row r="79" spans="1:4" ht="18" customHeight="1" x14ac:dyDescent="0.2">
      <c r="A79" s="16">
        <v>61</v>
      </c>
      <c r="B79" s="29">
        <v>29</v>
      </c>
      <c r="C79" s="10">
        <v>26</v>
      </c>
      <c r="D79" s="9">
        <v>55</v>
      </c>
    </row>
    <row r="80" spans="1:4" ht="18" customHeight="1" x14ac:dyDescent="0.2">
      <c r="A80" s="16">
        <v>62</v>
      </c>
      <c r="B80" s="29">
        <v>32</v>
      </c>
      <c r="C80" s="10">
        <v>32</v>
      </c>
      <c r="D80" s="9">
        <v>64</v>
      </c>
    </row>
    <row r="81" spans="1:4" ht="18" customHeight="1" x14ac:dyDescent="0.2">
      <c r="A81" s="16">
        <v>63</v>
      </c>
      <c r="B81" s="29">
        <v>26</v>
      </c>
      <c r="C81" s="10">
        <v>45</v>
      </c>
      <c r="D81" s="9">
        <v>71</v>
      </c>
    </row>
    <row r="82" spans="1:4" ht="18" customHeight="1" x14ac:dyDescent="0.2">
      <c r="A82" s="16">
        <v>64</v>
      </c>
      <c r="B82" s="29">
        <v>32</v>
      </c>
      <c r="C82" s="10">
        <v>31</v>
      </c>
      <c r="D82" s="9">
        <v>63</v>
      </c>
    </row>
    <row r="83" spans="1:4" ht="18" customHeight="1" x14ac:dyDescent="0.2">
      <c r="A83" s="8" t="s">
        <v>12</v>
      </c>
      <c r="B83" s="29">
        <v>153</v>
      </c>
      <c r="C83" s="10">
        <v>171</v>
      </c>
      <c r="D83" s="9">
        <v>324</v>
      </c>
    </row>
    <row r="84" spans="1:4" ht="18" customHeight="1" x14ac:dyDescent="0.2">
      <c r="A84" s="8" t="s">
        <v>11</v>
      </c>
      <c r="B84" s="29">
        <v>1684</v>
      </c>
      <c r="C84" s="10">
        <v>1543</v>
      </c>
      <c r="D84" s="9">
        <v>3227</v>
      </c>
    </row>
    <row r="85" spans="1:4" ht="18" customHeight="1" x14ac:dyDescent="0.2">
      <c r="A85" s="16">
        <v>65</v>
      </c>
      <c r="B85" s="29">
        <v>32</v>
      </c>
      <c r="C85" s="10">
        <v>27</v>
      </c>
      <c r="D85" s="9">
        <v>59</v>
      </c>
    </row>
    <row r="86" spans="1:4" ht="18" customHeight="1" x14ac:dyDescent="0.2">
      <c r="A86" s="16">
        <v>66</v>
      </c>
      <c r="B86" s="29">
        <v>25</v>
      </c>
      <c r="C86" s="10">
        <v>34</v>
      </c>
      <c r="D86" s="9">
        <v>59</v>
      </c>
    </row>
    <row r="87" spans="1:4" ht="18" customHeight="1" x14ac:dyDescent="0.2">
      <c r="A87" s="16">
        <v>67</v>
      </c>
      <c r="B87" s="29">
        <v>39</v>
      </c>
      <c r="C87" s="10">
        <v>46</v>
      </c>
      <c r="D87" s="9">
        <v>85</v>
      </c>
    </row>
    <row r="88" spans="1:4" ht="18" customHeight="1" x14ac:dyDescent="0.2">
      <c r="A88" s="16">
        <v>68</v>
      </c>
      <c r="B88" s="29">
        <v>36</v>
      </c>
      <c r="C88" s="10">
        <v>31</v>
      </c>
      <c r="D88" s="9">
        <v>67</v>
      </c>
    </row>
    <row r="89" spans="1:4" ht="18" customHeight="1" x14ac:dyDescent="0.2">
      <c r="A89" s="16">
        <v>69</v>
      </c>
      <c r="B89" s="29">
        <v>48</v>
      </c>
      <c r="C89" s="10">
        <v>38</v>
      </c>
      <c r="D89" s="9">
        <v>86</v>
      </c>
    </row>
    <row r="90" spans="1:4" ht="18" customHeight="1" x14ac:dyDescent="0.2">
      <c r="A90" s="8" t="s">
        <v>10</v>
      </c>
      <c r="B90" s="29">
        <v>180</v>
      </c>
      <c r="C90" s="10">
        <v>176</v>
      </c>
      <c r="D90" s="9">
        <v>356</v>
      </c>
    </row>
    <row r="91" spans="1:4" ht="18" customHeight="1" x14ac:dyDescent="0.2">
      <c r="A91" s="16">
        <v>70</v>
      </c>
      <c r="B91" s="29">
        <v>42</v>
      </c>
      <c r="C91" s="10">
        <v>45</v>
      </c>
      <c r="D91" s="9">
        <v>87</v>
      </c>
    </row>
    <row r="92" spans="1:4" ht="18" customHeight="1" x14ac:dyDescent="0.2">
      <c r="A92" s="16">
        <v>71</v>
      </c>
      <c r="B92" s="29">
        <v>39</v>
      </c>
      <c r="C92" s="10">
        <v>40</v>
      </c>
      <c r="D92" s="9">
        <v>79</v>
      </c>
    </row>
    <row r="93" spans="1:4" ht="18" customHeight="1" x14ac:dyDescent="0.2">
      <c r="A93" s="16">
        <v>72</v>
      </c>
      <c r="B93" s="29">
        <v>46</v>
      </c>
      <c r="C93" s="10">
        <v>50</v>
      </c>
      <c r="D93" s="9">
        <v>96</v>
      </c>
    </row>
    <row r="94" spans="1:4" ht="18" customHeight="1" x14ac:dyDescent="0.2">
      <c r="A94" s="16">
        <v>73</v>
      </c>
      <c r="B94" s="29">
        <v>38</v>
      </c>
      <c r="C94" s="10">
        <v>54</v>
      </c>
      <c r="D94" s="9">
        <v>92</v>
      </c>
    </row>
    <row r="95" spans="1:4" ht="18" customHeight="1" x14ac:dyDescent="0.2">
      <c r="A95" s="16">
        <v>74</v>
      </c>
      <c r="B95" s="29">
        <v>47</v>
      </c>
      <c r="C95" s="10">
        <v>56</v>
      </c>
      <c r="D95" s="9">
        <v>103</v>
      </c>
    </row>
    <row r="96" spans="1:4" ht="18" customHeight="1" x14ac:dyDescent="0.2">
      <c r="A96" s="8" t="s">
        <v>9</v>
      </c>
      <c r="B96" s="29">
        <v>212</v>
      </c>
      <c r="C96" s="10">
        <v>245</v>
      </c>
      <c r="D96" s="9">
        <v>457</v>
      </c>
    </row>
    <row r="97" spans="1:4" ht="18" customHeight="1" x14ac:dyDescent="0.2">
      <c r="A97" s="16">
        <v>75</v>
      </c>
      <c r="B97" s="29">
        <v>55</v>
      </c>
      <c r="C97" s="10">
        <v>64</v>
      </c>
      <c r="D97" s="9">
        <v>119</v>
      </c>
    </row>
    <row r="98" spans="1:4" ht="18" customHeight="1" x14ac:dyDescent="0.2">
      <c r="A98" s="16">
        <v>76</v>
      </c>
      <c r="B98" s="29">
        <v>37</v>
      </c>
      <c r="C98" s="10">
        <v>60</v>
      </c>
      <c r="D98" s="9">
        <v>97</v>
      </c>
    </row>
    <row r="99" spans="1:4" ht="18" customHeight="1" x14ac:dyDescent="0.2">
      <c r="A99" s="16">
        <v>77</v>
      </c>
      <c r="B99" s="29">
        <v>19</v>
      </c>
      <c r="C99" s="10">
        <v>28</v>
      </c>
      <c r="D99" s="9">
        <v>47</v>
      </c>
    </row>
    <row r="100" spans="1:4" ht="18" customHeight="1" x14ac:dyDescent="0.2">
      <c r="A100" s="16">
        <v>78</v>
      </c>
      <c r="B100" s="29">
        <v>31</v>
      </c>
      <c r="C100" s="10">
        <v>35</v>
      </c>
      <c r="D100" s="9">
        <v>66</v>
      </c>
    </row>
    <row r="101" spans="1:4" ht="18" customHeight="1" x14ac:dyDescent="0.2">
      <c r="A101" s="16">
        <v>79</v>
      </c>
      <c r="B101" s="29">
        <v>36</v>
      </c>
      <c r="C101" s="10">
        <v>45</v>
      </c>
      <c r="D101" s="9">
        <v>81</v>
      </c>
    </row>
    <row r="102" spans="1:4" ht="18" customHeight="1" x14ac:dyDescent="0.2">
      <c r="A102" s="8" t="s">
        <v>8</v>
      </c>
      <c r="B102" s="29">
        <v>178</v>
      </c>
      <c r="C102" s="10">
        <v>232</v>
      </c>
      <c r="D102" s="9">
        <v>410</v>
      </c>
    </row>
    <row r="103" spans="1:4" ht="18" customHeight="1" x14ac:dyDescent="0.2">
      <c r="A103" s="16">
        <v>80</v>
      </c>
      <c r="B103" s="29">
        <v>45</v>
      </c>
      <c r="C103" s="10">
        <v>34</v>
      </c>
      <c r="D103" s="9">
        <v>79</v>
      </c>
    </row>
    <row r="104" spans="1:4" ht="18" customHeight="1" x14ac:dyDescent="0.2">
      <c r="A104" s="16">
        <v>81</v>
      </c>
      <c r="B104" s="29">
        <v>24</v>
      </c>
      <c r="C104" s="10">
        <v>48</v>
      </c>
      <c r="D104" s="9">
        <v>72</v>
      </c>
    </row>
    <row r="105" spans="1:4" ht="18" customHeight="1" x14ac:dyDescent="0.2">
      <c r="A105" s="16">
        <v>82</v>
      </c>
      <c r="B105" s="29">
        <v>28</v>
      </c>
      <c r="C105" s="10">
        <v>37</v>
      </c>
      <c r="D105" s="9">
        <v>65</v>
      </c>
    </row>
    <row r="106" spans="1:4" ht="18" customHeight="1" x14ac:dyDescent="0.2">
      <c r="A106" s="16">
        <v>83</v>
      </c>
      <c r="B106" s="29">
        <v>15</v>
      </c>
      <c r="C106" s="10">
        <v>29</v>
      </c>
      <c r="D106" s="9">
        <v>44</v>
      </c>
    </row>
    <row r="107" spans="1:4" ht="18" customHeight="1" x14ac:dyDescent="0.2">
      <c r="A107" s="16">
        <v>84</v>
      </c>
      <c r="B107" s="29">
        <v>13</v>
      </c>
      <c r="C107" s="10">
        <v>26</v>
      </c>
      <c r="D107" s="9">
        <v>39</v>
      </c>
    </row>
    <row r="108" spans="1:4" ht="18" customHeight="1" x14ac:dyDescent="0.2">
      <c r="A108" s="8" t="s">
        <v>7</v>
      </c>
      <c r="B108" s="29">
        <v>125</v>
      </c>
      <c r="C108" s="10">
        <v>174</v>
      </c>
      <c r="D108" s="9">
        <v>299</v>
      </c>
    </row>
    <row r="109" spans="1:4" ht="18" customHeight="1" x14ac:dyDescent="0.2">
      <c r="A109" s="16">
        <v>85</v>
      </c>
      <c r="B109" s="29">
        <v>23</v>
      </c>
      <c r="C109" s="10">
        <v>23</v>
      </c>
      <c r="D109" s="9">
        <v>46</v>
      </c>
    </row>
    <row r="110" spans="1:4" ht="18" customHeight="1" x14ac:dyDescent="0.2">
      <c r="A110" s="16">
        <v>86</v>
      </c>
      <c r="B110" s="29">
        <v>14</v>
      </c>
      <c r="C110" s="10">
        <v>22</v>
      </c>
      <c r="D110" s="9">
        <v>36</v>
      </c>
    </row>
    <row r="111" spans="1:4" ht="18" customHeight="1" x14ac:dyDescent="0.2">
      <c r="A111" s="16">
        <v>87</v>
      </c>
      <c r="B111" s="29">
        <v>12</v>
      </c>
      <c r="C111" s="10">
        <v>32</v>
      </c>
      <c r="D111" s="9">
        <v>44</v>
      </c>
    </row>
    <row r="112" spans="1:4" ht="18" customHeight="1" x14ac:dyDescent="0.2">
      <c r="A112" s="16">
        <v>88</v>
      </c>
      <c r="B112" s="29">
        <v>11</v>
      </c>
      <c r="C112" s="10">
        <v>26</v>
      </c>
      <c r="D112" s="9">
        <v>37</v>
      </c>
    </row>
    <row r="113" spans="1:4" ht="18" customHeight="1" x14ac:dyDescent="0.2">
      <c r="A113" s="16">
        <v>89</v>
      </c>
      <c r="B113" s="29">
        <v>7</v>
      </c>
      <c r="C113" s="10">
        <v>20</v>
      </c>
      <c r="D113" s="9">
        <v>27</v>
      </c>
    </row>
    <row r="114" spans="1:4" ht="18" customHeight="1" x14ac:dyDescent="0.2">
      <c r="A114" s="8" t="s">
        <v>6</v>
      </c>
      <c r="B114" s="29">
        <v>67</v>
      </c>
      <c r="C114" s="10">
        <v>123</v>
      </c>
      <c r="D114" s="9">
        <v>190</v>
      </c>
    </row>
    <row r="115" spans="1:4" ht="18" customHeight="1" x14ac:dyDescent="0.2">
      <c r="A115" s="16">
        <v>90</v>
      </c>
      <c r="B115" s="29">
        <v>10</v>
      </c>
      <c r="C115" s="10">
        <v>25</v>
      </c>
      <c r="D115" s="9">
        <v>35</v>
      </c>
    </row>
    <row r="116" spans="1:4" ht="18" customHeight="1" x14ac:dyDescent="0.2">
      <c r="A116" s="16">
        <v>91</v>
      </c>
      <c r="B116" s="29">
        <v>14</v>
      </c>
      <c r="C116" s="10">
        <v>14</v>
      </c>
      <c r="D116" s="9">
        <v>28</v>
      </c>
    </row>
    <row r="117" spans="1:4" ht="18" customHeight="1" x14ac:dyDescent="0.2">
      <c r="A117" s="16">
        <v>92</v>
      </c>
      <c r="B117" s="29">
        <v>3</v>
      </c>
      <c r="C117" s="10">
        <v>13</v>
      </c>
      <c r="D117" s="9">
        <v>16</v>
      </c>
    </row>
    <row r="118" spans="1:4" ht="18" customHeight="1" x14ac:dyDescent="0.2">
      <c r="A118" s="16">
        <v>93</v>
      </c>
      <c r="B118" s="29">
        <v>3</v>
      </c>
      <c r="C118" s="10">
        <v>10</v>
      </c>
      <c r="D118" s="9">
        <v>13</v>
      </c>
    </row>
    <row r="119" spans="1:4" ht="18" customHeight="1" x14ac:dyDescent="0.2">
      <c r="A119" s="16">
        <v>94</v>
      </c>
      <c r="B119" s="29">
        <v>3</v>
      </c>
      <c r="C119" s="10">
        <v>13</v>
      </c>
      <c r="D119" s="9">
        <v>16</v>
      </c>
    </row>
    <row r="120" spans="1:4" ht="18" customHeight="1" x14ac:dyDescent="0.2">
      <c r="A120" s="8" t="s">
        <v>5</v>
      </c>
      <c r="B120" s="29">
        <v>33</v>
      </c>
      <c r="C120" s="10">
        <v>75</v>
      </c>
      <c r="D120" s="9">
        <v>108</v>
      </c>
    </row>
    <row r="121" spans="1:4" ht="18" customHeight="1" x14ac:dyDescent="0.2">
      <c r="A121" s="16">
        <v>95</v>
      </c>
      <c r="B121" s="29">
        <v>2</v>
      </c>
      <c r="C121" s="10">
        <v>11</v>
      </c>
      <c r="D121" s="9">
        <v>13</v>
      </c>
    </row>
    <row r="122" spans="1:4" ht="18" customHeight="1" x14ac:dyDescent="0.2">
      <c r="A122" s="16">
        <v>96</v>
      </c>
      <c r="B122" s="29">
        <v>2</v>
      </c>
      <c r="C122" s="10">
        <v>4</v>
      </c>
      <c r="D122" s="9">
        <v>6</v>
      </c>
    </row>
    <row r="123" spans="1:4" ht="18" customHeight="1" x14ac:dyDescent="0.2">
      <c r="A123" s="16">
        <v>97</v>
      </c>
      <c r="B123" s="29">
        <v>3</v>
      </c>
      <c r="C123" s="10">
        <v>5</v>
      </c>
      <c r="D123" s="9">
        <v>8</v>
      </c>
    </row>
    <row r="124" spans="1:4" ht="18" customHeight="1" x14ac:dyDescent="0.2">
      <c r="A124" s="16">
        <v>98</v>
      </c>
      <c r="B124" s="29">
        <v>1</v>
      </c>
      <c r="C124" s="10">
        <v>3</v>
      </c>
      <c r="D124" s="9">
        <v>4</v>
      </c>
    </row>
    <row r="125" spans="1:4" ht="18" customHeight="1" x14ac:dyDescent="0.2">
      <c r="A125" s="16">
        <v>99</v>
      </c>
      <c r="B125" s="29">
        <v>1</v>
      </c>
      <c r="C125" s="10">
        <v>1</v>
      </c>
      <c r="D125" s="9">
        <v>2</v>
      </c>
    </row>
    <row r="126" spans="1:4" ht="18" customHeight="1" x14ac:dyDescent="0.2">
      <c r="A126" s="8" t="s">
        <v>4</v>
      </c>
      <c r="B126" s="29">
        <v>9</v>
      </c>
      <c r="C126" s="10">
        <v>24</v>
      </c>
      <c r="D126" s="9">
        <v>33</v>
      </c>
    </row>
    <row r="127" spans="1:4" ht="18" customHeight="1" x14ac:dyDescent="0.2">
      <c r="A127" s="16">
        <v>100</v>
      </c>
      <c r="B127" s="29">
        <v>2</v>
      </c>
      <c r="C127" s="10">
        <v>2</v>
      </c>
      <c r="D127" s="9">
        <v>4</v>
      </c>
    </row>
    <row r="128" spans="1:4" ht="18" customHeight="1" x14ac:dyDescent="0.2">
      <c r="A128" s="15" t="s">
        <v>3</v>
      </c>
      <c r="B128" s="29">
        <v>0</v>
      </c>
      <c r="C128" s="10">
        <v>3</v>
      </c>
      <c r="D128" s="9">
        <v>3</v>
      </c>
    </row>
    <row r="129" spans="1:4" ht="18" customHeight="1" x14ac:dyDescent="0.2">
      <c r="A129" s="8" t="s">
        <v>2</v>
      </c>
      <c r="B129" s="29">
        <v>2</v>
      </c>
      <c r="C129" s="10">
        <v>5</v>
      </c>
      <c r="D129" s="9">
        <v>7</v>
      </c>
    </row>
    <row r="130" spans="1:4" ht="18" customHeight="1" x14ac:dyDescent="0.2">
      <c r="A130" s="8" t="s">
        <v>1</v>
      </c>
      <c r="B130" s="28">
        <v>806</v>
      </c>
      <c r="C130" s="6">
        <v>1054</v>
      </c>
      <c r="D130" s="5">
        <v>1860</v>
      </c>
    </row>
    <row r="131" spans="1:4" ht="18" customHeight="1" x14ac:dyDescent="0.2">
      <c r="A131" s="4" t="s">
        <v>0</v>
      </c>
      <c r="B131" s="27">
        <v>2808</v>
      </c>
      <c r="C131" s="2">
        <v>2926</v>
      </c>
      <c r="D131" s="1">
        <v>5734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D38198E-E018-4708-92C7-8ABB022557CC}">
  <sheetPr codeName="Sheet3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50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24</v>
      </c>
      <c r="C5" s="18">
        <v>19</v>
      </c>
      <c r="D5" s="17">
        <v>43</v>
      </c>
    </row>
    <row r="6" spans="1:4" ht="18" customHeight="1" x14ac:dyDescent="0.2">
      <c r="A6" s="16">
        <v>1</v>
      </c>
      <c r="B6" s="29">
        <v>28</v>
      </c>
      <c r="C6" s="10">
        <v>21</v>
      </c>
      <c r="D6" s="9">
        <v>49</v>
      </c>
    </row>
    <row r="7" spans="1:4" ht="18" customHeight="1" x14ac:dyDescent="0.2">
      <c r="A7" s="16">
        <v>2</v>
      </c>
      <c r="B7" s="29">
        <v>21</v>
      </c>
      <c r="C7" s="10">
        <v>24</v>
      </c>
      <c r="D7" s="9">
        <v>45</v>
      </c>
    </row>
    <row r="8" spans="1:4" ht="18" customHeight="1" x14ac:dyDescent="0.2">
      <c r="A8" s="16">
        <v>3</v>
      </c>
      <c r="B8" s="29">
        <v>23</v>
      </c>
      <c r="C8" s="10">
        <v>14</v>
      </c>
      <c r="D8" s="9">
        <v>37</v>
      </c>
    </row>
    <row r="9" spans="1:4" ht="18" customHeight="1" x14ac:dyDescent="0.2">
      <c r="A9" s="16">
        <v>4</v>
      </c>
      <c r="B9" s="29">
        <v>20</v>
      </c>
      <c r="C9" s="10">
        <v>24</v>
      </c>
      <c r="D9" s="9">
        <v>44</v>
      </c>
    </row>
    <row r="10" spans="1:4" ht="18" customHeight="1" x14ac:dyDescent="0.2">
      <c r="A10" s="8" t="s">
        <v>25</v>
      </c>
      <c r="B10" s="29">
        <v>116</v>
      </c>
      <c r="C10" s="10">
        <v>102</v>
      </c>
      <c r="D10" s="9">
        <v>218</v>
      </c>
    </row>
    <row r="11" spans="1:4" ht="18" customHeight="1" x14ac:dyDescent="0.2">
      <c r="A11" s="16">
        <v>5</v>
      </c>
      <c r="B11" s="29">
        <v>25</v>
      </c>
      <c r="C11" s="10">
        <v>20</v>
      </c>
      <c r="D11" s="9">
        <v>45</v>
      </c>
    </row>
    <row r="12" spans="1:4" ht="18" customHeight="1" x14ac:dyDescent="0.2">
      <c r="A12" s="16">
        <v>6</v>
      </c>
      <c r="B12" s="29">
        <v>29</v>
      </c>
      <c r="C12" s="10">
        <v>20</v>
      </c>
      <c r="D12" s="9">
        <v>49</v>
      </c>
    </row>
    <row r="13" spans="1:4" ht="18" customHeight="1" x14ac:dyDescent="0.2">
      <c r="A13" s="16">
        <v>7</v>
      </c>
      <c r="B13" s="29">
        <v>21</v>
      </c>
      <c r="C13" s="10">
        <v>29</v>
      </c>
      <c r="D13" s="9">
        <v>50</v>
      </c>
    </row>
    <row r="14" spans="1:4" ht="18" customHeight="1" x14ac:dyDescent="0.2">
      <c r="A14" s="16">
        <v>8</v>
      </c>
      <c r="B14" s="29">
        <v>29</v>
      </c>
      <c r="C14" s="10">
        <v>27</v>
      </c>
      <c r="D14" s="9">
        <v>56</v>
      </c>
    </row>
    <row r="15" spans="1:4" ht="18" customHeight="1" x14ac:dyDescent="0.2">
      <c r="A15" s="16">
        <v>9</v>
      </c>
      <c r="B15" s="29">
        <v>25</v>
      </c>
      <c r="C15" s="10">
        <v>27</v>
      </c>
      <c r="D15" s="9">
        <v>52</v>
      </c>
    </row>
    <row r="16" spans="1:4" ht="18" customHeight="1" x14ac:dyDescent="0.2">
      <c r="A16" s="8" t="s">
        <v>24</v>
      </c>
      <c r="B16" s="29">
        <v>129</v>
      </c>
      <c r="C16" s="10">
        <v>123</v>
      </c>
      <c r="D16" s="9">
        <v>252</v>
      </c>
    </row>
    <row r="17" spans="1:4" ht="18" customHeight="1" x14ac:dyDescent="0.2">
      <c r="A17" s="16">
        <v>10</v>
      </c>
      <c r="B17" s="29">
        <v>32</v>
      </c>
      <c r="C17" s="10">
        <v>28</v>
      </c>
      <c r="D17" s="9">
        <v>60</v>
      </c>
    </row>
    <row r="18" spans="1:4" ht="18" customHeight="1" x14ac:dyDescent="0.2">
      <c r="A18" s="16">
        <v>11</v>
      </c>
      <c r="B18" s="29">
        <v>41</v>
      </c>
      <c r="C18" s="10">
        <v>30</v>
      </c>
      <c r="D18" s="9">
        <v>71</v>
      </c>
    </row>
    <row r="19" spans="1:4" ht="18" customHeight="1" x14ac:dyDescent="0.2">
      <c r="A19" s="16">
        <v>12</v>
      </c>
      <c r="B19" s="29">
        <v>28</v>
      </c>
      <c r="C19" s="10">
        <v>25</v>
      </c>
      <c r="D19" s="9">
        <v>53</v>
      </c>
    </row>
    <row r="20" spans="1:4" ht="18" customHeight="1" x14ac:dyDescent="0.2">
      <c r="A20" s="16">
        <v>13</v>
      </c>
      <c r="B20" s="29">
        <v>34</v>
      </c>
      <c r="C20" s="10">
        <v>26</v>
      </c>
      <c r="D20" s="9">
        <v>60</v>
      </c>
    </row>
    <row r="21" spans="1:4" ht="18" customHeight="1" x14ac:dyDescent="0.2">
      <c r="A21" s="16">
        <v>14</v>
      </c>
      <c r="B21" s="29">
        <v>30</v>
      </c>
      <c r="C21" s="10">
        <v>28</v>
      </c>
      <c r="D21" s="9">
        <v>58</v>
      </c>
    </row>
    <row r="22" spans="1:4" ht="18" customHeight="1" x14ac:dyDescent="0.2">
      <c r="A22" s="8" t="s">
        <v>23</v>
      </c>
      <c r="B22" s="29">
        <v>165</v>
      </c>
      <c r="C22" s="10">
        <v>137</v>
      </c>
      <c r="D22" s="9">
        <v>302</v>
      </c>
    </row>
    <row r="23" spans="1:4" ht="18" customHeight="1" x14ac:dyDescent="0.2">
      <c r="A23" s="8" t="s">
        <v>22</v>
      </c>
      <c r="B23" s="29">
        <v>410</v>
      </c>
      <c r="C23" s="10">
        <v>362</v>
      </c>
      <c r="D23" s="9">
        <v>772</v>
      </c>
    </row>
    <row r="24" spans="1:4" ht="18" customHeight="1" x14ac:dyDescent="0.2">
      <c r="A24" s="16">
        <v>15</v>
      </c>
      <c r="B24" s="29">
        <v>33</v>
      </c>
      <c r="C24" s="10">
        <v>31</v>
      </c>
      <c r="D24" s="9">
        <v>64</v>
      </c>
    </row>
    <row r="25" spans="1:4" ht="18" customHeight="1" x14ac:dyDescent="0.2">
      <c r="A25" s="16">
        <v>16</v>
      </c>
      <c r="B25" s="29">
        <v>40</v>
      </c>
      <c r="C25" s="10">
        <v>42</v>
      </c>
      <c r="D25" s="9">
        <v>82</v>
      </c>
    </row>
    <row r="26" spans="1:4" ht="18" customHeight="1" x14ac:dyDescent="0.2">
      <c r="A26" s="16">
        <v>17</v>
      </c>
      <c r="B26" s="29">
        <v>36</v>
      </c>
      <c r="C26" s="10">
        <v>25</v>
      </c>
      <c r="D26" s="9">
        <v>61</v>
      </c>
    </row>
    <row r="27" spans="1:4" ht="18" customHeight="1" x14ac:dyDescent="0.2">
      <c r="A27" s="16">
        <v>18</v>
      </c>
      <c r="B27" s="29">
        <v>33</v>
      </c>
      <c r="C27" s="10">
        <v>37</v>
      </c>
      <c r="D27" s="9">
        <v>70</v>
      </c>
    </row>
    <row r="28" spans="1:4" ht="18" customHeight="1" x14ac:dyDescent="0.2">
      <c r="A28" s="16">
        <v>19</v>
      </c>
      <c r="B28" s="29">
        <v>41</v>
      </c>
      <c r="C28" s="10">
        <v>43</v>
      </c>
      <c r="D28" s="9">
        <v>84</v>
      </c>
    </row>
    <row r="29" spans="1:4" ht="18" customHeight="1" x14ac:dyDescent="0.2">
      <c r="A29" s="8" t="s">
        <v>21</v>
      </c>
      <c r="B29" s="29">
        <v>183</v>
      </c>
      <c r="C29" s="10">
        <v>178</v>
      </c>
      <c r="D29" s="9">
        <v>361</v>
      </c>
    </row>
    <row r="30" spans="1:4" ht="18" customHeight="1" x14ac:dyDescent="0.2">
      <c r="A30" s="16">
        <v>20</v>
      </c>
      <c r="B30" s="29">
        <v>49</v>
      </c>
      <c r="C30" s="10">
        <v>45</v>
      </c>
      <c r="D30" s="9">
        <v>94</v>
      </c>
    </row>
    <row r="31" spans="1:4" ht="18" customHeight="1" x14ac:dyDescent="0.2">
      <c r="A31" s="16">
        <v>21</v>
      </c>
      <c r="B31" s="29">
        <v>49</v>
      </c>
      <c r="C31" s="10">
        <v>33</v>
      </c>
      <c r="D31" s="9">
        <v>82</v>
      </c>
    </row>
    <row r="32" spans="1:4" ht="18" customHeight="1" x14ac:dyDescent="0.2">
      <c r="A32" s="16">
        <v>22</v>
      </c>
      <c r="B32" s="29">
        <v>34</v>
      </c>
      <c r="C32" s="10">
        <v>43</v>
      </c>
      <c r="D32" s="9">
        <v>77</v>
      </c>
    </row>
    <row r="33" spans="1:4" ht="18" customHeight="1" x14ac:dyDescent="0.2">
      <c r="A33" s="16">
        <v>23</v>
      </c>
      <c r="B33" s="29">
        <v>35</v>
      </c>
      <c r="C33" s="10">
        <v>31</v>
      </c>
      <c r="D33" s="9">
        <v>66</v>
      </c>
    </row>
    <row r="34" spans="1:4" ht="18" customHeight="1" x14ac:dyDescent="0.2">
      <c r="A34" s="16">
        <v>24</v>
      </c>
      <c r="B34" s="29">
        <v>43</v>
      </c>
      <c r="C34" s="10">
        <v>38</v>
      </c>
      <c r="D34" s="9">
        <v>81</v>
      </c>
    </row>
    <row r="35" spans="1:4" ht="18" customHeight="1" x14ac:dyDescent="0.2">
      <c r="A35" s="8" t="s">
        <v>20</v>
      </c>
      <c r="B35" s="29">
        <v>210</v>
      </c>
      <c r="C35" s="10">
        <v>190</v>
      </c>
      <c r="D35" s="9">
        <v>400</v>
      </c>
    </row>
    <row r="36" spans="1:4" ht="18" customHeight="1" x14ac:dyDescent="0.2">
      <c r="A36" s="16">
        <v>25</v>
      </c>
      <c r="B36" s="29">
        <v>23</v>
      </c>
      <c r="C36" s="10">
        <v>21</v>
      </c>
      <c r="D36" s="9">
        <v>44</v>
      </c>
    </row>
    <row r="37" spans="1:4" ht="18" customHeight="1" x14ac:dyDescent="0.2">
      <c r="A37" s="16">
        <v>26</v>
      </c>
      <c r="B37" s="29">
        <v>32</v>
      </c>
      <c r="C37" s="10">
        <v>33</v>
      </c>
      <c r="D37" s="9">
        <v>65</v>
      </c>
    </row>
    <row r="38" spans="1:4" ht="18" customHeight="1" x14ac:dyDescent="0.2">
      <c r="A38" s="16">
        <v>27</v>
      </c>
      <c r="B38" s="29">
        <v>46</v>
      </c>
      <c r="C38" s="10">
        <v>29</v>
      </c>
      <c r="D38" s="9">
        <v>75</v>
      </c>
    </row>
    <row r="39" spans="1:4" ht="18" customHeight="1" x14ac:dyDescent="0.2">
      <c r="A39" s="16">
        <v>28</v>
      </c>
      <c r="B39" s="29">
        <v>40</v>
      </c>
      <c r="C39" s="10">
        <v>27</v>
      </c>
      <c r="D39" s="9">
        <v>67</v>
      </c>
    </row>
    <row r="40" spans="1:4" ht="18" customHeight="1" x14ac:dyDescent="0.2">
      <c r="A40" s="16">
        <v>29</v>
      </c>
      <c r="B40" s="29">
        <v>31</v>
      </c>
      <c r="C40" s="10">
        <v>22</v>
      </c>
      <c r="D40" s="9">
        <v>53</v>
      </c>
    </row>
    <row r="41" spans="1:4" ht="18" customHeight="1" x14ac:dyDescent="0.2">
      <c r="A41" s="8" t="s">
        <v>19</v>
      </c>
      <c r="B41" s="29">
        <v>172</v>
      </c>
      <c r="C41" s="10">
        <v>132</v>
      </c>
      <c r="D41" s="9">
        <v>304</v>
      </c>
    </row>
    <row r="42" spans="1:4" ht="18" customHeight="1" x14ac:dyDescent="0.2">
      <c r="A42" s="16">
        <v>30</v>
      </c>
      <c r="B42" s="29">
        <v>36</v>
      </c>
      <c r="C42" s="10">
        <v>22</v>
      </c>
      <c r="D42" s="9">
        <v>58</v>
      </c>
    </row>
    <row r="43" spans="1:4" ht="18" customHeight="1" x14ac:dyDescent="0.2">
      <c r="A43" s="16">
        <v>31</v>
      </c>
      <c r="B43" s="29">
        <v>30</v>
      </c>
      <c r="C43" s="10">
        <v>23</v>
      </c>
      <c r="D43" s="9">
        <v>53</v>
      </c>
    </row>
    <row r="44" spans="1:4" ht="18" customHeight="1" x14ac:dyDescent="0.2">
      <c r="A44" s="16">
        <v>32</v>
      </c>
      <c r="B44" s="29">
        <v>41</v>
      </c>
      <c r="C44" s="10">
        <v>22</v>
      </c>
      <c r="D44" s="9">
        <v>63</v>
      </c>
    </row>
    <row r="45" spans="1:4" ht="18" customHeight="1" x14ac:dyDescent="0.2">
      <c r="A45" s="16">
        <v>33</v>
      </c>
      <c r="B45" s="29">
        <v>40</v>
      </c>
      <c r="C45" s="10">
        <v>31</v>
      </c>
      <c r="D45" s="9">
        <v>71</v>
      </c>
    </row>
    <row r="46" spans="1:4" ht="18" customHeight="1" x14ac:dyDescent="0.2">
      <c r="A46" s="16">
        <v>34</v>
      </c>
      <c r="B46" s="29">
        <v>37</v>
      </c>
      <c r="C46" s="10">
        <v>31</v>
      </c>
      <c r="D46" s="9">
        <v>68</v>
      </c>
    </row>
    <row r="47" spans="1:4" ht="18" customHeight="1" x14ac:dyDescent="0.2">
      <c r="A47" s="8" t="s">
        <v>18</v>
      </c>
      <c r="B47" s="29">
        <v>184</v>
      </c>
      <c r="C47" s="10">
        <v>129</v>
      </c>
      <c r="D47" s="9">
        <v>313</v>
      </c>
    </row>
    <row r="48" spans="1:4" ht="18" customHeight="1" x14ac:dyDescent="0.2">
      <c r="A48" s="16">
        <v>35</v>
      </c>
      <c r="B48" s="29">
        <v>23</v>
      </c>
      <c r="C48" s="10">
        <v>41</v>
      </c>
      <c r="D48" s="9">
        <v>64</v>
      </c>
    </row>
    <row r="49" spans="1:4" ht="18" customHeight="1" x14ac:dyDescent="0.2">
      <c r="A49" s="16">
        <v>36</v>
      </c>
      <c r="B49" s="29">
        <v>29</v>
      </c>
      <c r="C49" s="10">
        <v>38</v>
      </c>
      <c r="D49" s="9">
        <v>67</v>
      </c>
    </row>
    <row r="50" spans="1:4" ht="18" customHeight="1" x14ac:dyDescent="0.2">
      <c r="A50" s="16">
        <v>37</v>
      </c>
      <c r="B50" s="29">
        <v>41</v>
      </c>
      <c r="C50" s="10">
        <v>41</v>
      </c>
      <c r="D50" s="9">
        <v>82</v>
      </c>
    </row>
    <row r="51" spans="1:4" ht="18" customHeight="1" x14ac:dyDescent="0.2">
      <c r="A51" s="16">
        <v>38</v>
      </c>
      <c r="B51" s="29">
        <v>52</v>
      </c>
      <c r="C51" s="10">
        <v>38</v>
      </c>
      <c r="D51" s="9">
        <v>90</v>
      </c>
    </row>
    <row r="52" spans="1:4" ht="18" customHeight="1" x14ac:dyDescent="0.2">
      <c r="A52" s="16">
        <v>39</v>
      </c>
      <c r="B52" s="29">
        <v>44</v>
      </c>
      <c r="C52" s="10">
        <v>33</v>
      </c>
      <c r="D52" s="9">
        <v>77</v>
      </c>
    </row>
    <row r="53" spans="1:4" ht="18" customHeight="1" x14ac:dyDescent="0.2">
      <c r="A53" s="8" t="s">
        <v>17</v>
      </c>
      <c r="B53" s="29">
        <v>189</v>
      </c>
      <c r="C53" s="10">
        <v>191</v>
      </c>
      <c r="D53" s="9">
        <v>380</v>
      </c>
    </row>
    <row r="54" spans="1:4" ht="18" customHeight="1" x14ac:dyDescent="0.2">
      <c r="A54" s="16">
        <v>40</v>
      </c>
      <c r="B54" s="29">
        <v>34</v>
      </c>
      <c r="C54" s="10">
        <v>41</v>
      </c>
      <c r="D54" s="9">
        <v>75</v>
      </c>
    </row>
    <row r="55" spans="1:4" ht="18" customHeight="1" x14ac:dyDescent="0.2">
      <c r="A55" s="16">
        <v>41</v>
      </c>
      <c r="B55" s="29">
        <v>43</v>
      </c>
      <c r="C55" s="10">
        <v>54</v>
      </c>
      <c r="D55" s="9">
        <v>97</v>
      </c>
    </row>
    <row r="56" spans="1:4" ht="18" customHeight="1" x14ac:dyDescent="0.2">
      <c r="A56" s="16">
        <v>42</v>
      </c>
      <c r="B56" s="29">
        <v>53</v>
      </c>
      <c r="C56" s="10">
        <v>45</v>
      </c>
      <c r="D56" s="9">
        <v>98</v>
      </c>
    </row>
    <row r="57" spans="1:4" ht="18" customHeight="1" x14ac:dyDescent="0.2">
      <c r="A57" s="16">
        <v>43</v>
      </c>
      <c r="B57" s="29">
        <v>38</v>
      </c>
      <c r="C57" s="10">
        <v>33</v>
      </c>
      <c r="D57" s="9">
        <v>71</v>
      </c>
    </row>
    <row r="58" spans="1:4" ht="18" customHeight="1" x14ac:dyDescent="0.2">
      <c r="A58" s="16">
        <v>44</v>
      </c>
      <c r="B58" s="29">
        <v>45</v>
      </c>
      <c r="C58" s="10">
        <v>41</v>
      </c>
      <c r="D58" s="9">
        <v>86</v>
      </c>
    </row>
    <row r="59" spans="1:4" ht="18" customHeight="1" x14ac:dyDescent="0.2">
      <c r="A59" s="8" t="s">
        <v>16</v>
      </c>
      <c r="B59" s="29">
        <v>213</v>
      </c>
      <c r="C59" s="10">
        <v>214</v>
      </c>
      <c r="D59" s="9">
        <v>427</v>
      </c>
    </row>
    <row r="60" spans="1:4" ht="18" customHeight="1" x14ac:dyDescent="0.2">
      <c r="A60" s="16">
        <v>45</v>
      </c>
      <c r="B60" s="29">
        <v>44</v>
      </c>
      <c r="C60" s="10">
        <v>38</v>
      </c>
      <c r="D60" s="9">
        <v>82</v>
      </c>
    </row>
    <row r="61" spans="1:4" ht="18" customHeight="1" x14ac:dyDescent="0.2">
      <c r="A61" s="16">
        <v>46</v>
      </c>
      <c r="B61" s="29">
        <v>56</v>
      </c>
      <c r="C61" s="10">
        <v>53</v>
      </c>
      <c r="D61" s="9">
        <v>109</v>
      </c>
    </row>
    <row r="62" spans="1:4" ht="18" customHeight="1" x14ac:dyDescent="0.2">
      <c r="A62" s="16">
        <v>47</v>
      </c>
      <c r="B62" s="29">
        <v>50</v>
      </c>
      <c r="C62" s="10">
        <v>58</v>
      </c>
      <c r="D62" s="9">
        <v>108</v>
      </c>
    </row>
    <row r="63" spans="1:4" ht="18" customHeight="1" x14ac:dyDescent="0.2">
      <c r="A63" s="16">
        <v>48</v>
      </c>
      <c r="B63" s="29">
        <v>65</v>
      </c>
      <c r="C63" s="10">
        <v>61</v>
      </c>
      <c r="D63" s="9">
        <v>126</v>
      </c>
    </row>
    <row r="64" spans="1:4" ht="18" customHeight="1" x14ac:dyDescent="0.2">
      <c r="A64" s="16">
        <v>49</v>
      </c>
      <c r="B64" s="29">
        <v>67</v>
      </c>
      <c r="C64" s="10">
        <v>61</v>
      </c>
      <c r="D64" s="9">
        <v>128</v>
      </c>
    </row>
    <row r="65" spans="1:4" ht="18" customHeight="1" x14ac:dyDescent="0.2">
      <c r="A65" s="8" t="s">
        <v>15</v>
      </c>
      <c r="B65" s="29">
        <v>282</v>
      </c>
      <c r="C65" s="10">
        <v>271</v>
      </c>
      <c r="D65" s="9">
        <v>553</v>
      </c>
    </row>
    <row r="66" spans="1:4" ht="18" customHeight="1" x14ac:dyDescent="0.2">
      <c r="A66" s="16">
        <v>50</v>
      </c>
      <c r="B66" s="29">
        <v>66</v>
      </c>
      <c r="C66" s="10">
        <v>83</v>
      </c>
      <c r="D66" s="9">
        <v>149</v>
      </c>
    </row>
    <row r="67" spans="1:4" ht="18" customHeight="1" x14ac:dyDescent="0.2">
      <c r="A67" s="16">
        <v>51</v>
      </c>
      <c r="B67" s="29">
        <v>66</v>
      </c>
      <c r="C67" s="10">
        <v>57</v>
      </c>
      <c r="D67" s="9">
        <v>123</v>
      </c>
    </row>
    <row r="68" spans="1:4" ht="18" customHeight="1" x14ac:dyDescent="0.2">
      <c r="A68" s="16">
        <v>52</v>
      </c>
      <c r="B68" s="29">
        <v>78</v>
      </c>
      <c r="C68" s="10">
        <v>66</v>
      </c>
      <c r="D68" s="9">
        <v>144</v>
      </c>
    </row>
    <row r="69" spans="1:4" ht="18" customHeight="1" x14ac:dyDescent="0.2">
      <c r="A69" s="16">
        <v>53</v>
      </c>
      <c r="B69" s="29">
        <v>65</v>
      </c>
      <c r="C69" s="10">
        <v>59</v>
      </c>
      <c r="D69" s="9">
        <v>124</v>
      </c>
    </row>
    <row r="70" spans="1:4" ht="18" customHeight="1" x14ac:dyDescent="0.2">
      <c r="A70" s="16">
        <v>54</v>
      </c>
      <c r="B70" s="29">
        <v>57</v>
      </c>
      <c r="C70" s="10">
        <v>67</v>
      </c>
      <c r="D70" s="9">
        <v>124</v>
      </c>
    </row>
    <row r="71" spans="1:4" ht="18" customHeight="1" x14ac:dyDescent="0.2">
      <c r="A71" s="8" t="s">
        <v>14</v>
      </c>
      <c r="B71" s="29">
        <v>332</v>
      </c>
      <c r="C71" s="10">
        <v>332</v>
      </c>
      <c r="D71" s="9">
        <v>664</v>
      </c>
    </row>
    <row r="72" spans="1:4" ht="18" customHeight="1" x14ac:dyDescent="0.2">
      <c r="A72" s="16">
        <v>55</v>
      </c>
      <c r="B72" s="29">
        <v>57</v>
      </c>
      <c r="C72" s="10">
        <v>72</v>
      </c>
      <c r="D72" s="9">
        <v>129</v>
      </c>
    </row>
    <row r="73" spans="1:4" ht="18" customHeight="1" x14ac:dyDescent="0.2">
      <c r="A73" s="16">
        <v>56</v>
      </c>
      <c r="B73" s="29">
        <v>69</v>
      </c>
      <c r="C73" s="10">
        <v>50</v>
      </c>
      <c r="D73" s="9">
        <v>119</v>
      </c>
    </row>
    <row r="74" spans="1:4" ht="18" customHeight="1" x14ac:dyDescent="0.2">
      <c r="A74" s="16">
        <v>57</v>
      </c>
      <c r="B74" s="29">
        <v>39</v>
      </c>
      <c r="C74" s="10">
        <v>55</v>
      </c>
      <c r="D74" s="9">
        <v>94</v>
      </c>
    </row>
    <row r="75" spans="1:4" ht="18" customHeight="1" x14ac:dyDescent="0.2">
      <c r="A75" s="16">
        <v>58</v>
      </c>
      <c r="B75" s="29">
        <v>45</v>
      </c>
      <c r="C75" s="10">
        <v>61</v>
      </c>
      <c r="D75" s="9">
        <v>106</v>
      </c>
    </row>
    <row r="76" spans="1:4" ht="18" customHeight="1" x14ac:dyDescent="0.2">
      <c r="A76" s="16">
        <v>59</v>
      </c>
      <c r="B76" s="29">
        <v>45</v>
      </c>
      <c r="C76" s="10">
        <v>39</v>
      </c>
      <c r="D76" s="9">
        <v>84</v>
      </c>
    </row>
    <row r="77" spans="1:4" ht="18" customHeight="1" x14ac:dyDescent="0.2">
      <c r="A77" s="8" t="s">
        <v>13</v>
      </c>
      <c r="B77" s="29">
        <v>255</v>
      </c>
      <c r="C77" s="10">
        <v>277</v>
      </c>
      <c r="D77" s="9">
        <v>532</v>
      </c>
    </row>
    <row r="78" spans="1:4" ht="18" customHeight="1" x14ac:dyDescent="0.2">
      <c r="A78" s="16">
        <v>60</v>
      </c>
      <c r="B78" s="29">
        <v>50</v>
      </c>
      <c r="C78" s="10">
        <v>44</v>
      </c>
      <c r="D78" s="9">
        <v>94</v>
      </c>
    </row>
    <row r="79" spans="1:4" ht="18" customHeight="1" x14ac:dyDescent="0.2">
      <c r="A79" s="16">
        <v>61</v>
      </c>
      <c r="B79" s="29">
        <v>44</v>
      </c>
      <c r="C79" s="10">
        <v>39</v>
      </c>
      <c r="D79" s="9">
        <v>83</v>
      </c>
    </row>
    <row r="80" spans="1:4" ht="18" customHeight="1" x14ac:dyDescent="0.2">
      <c r="A80" s="16">
        <v>62</v>
      </c>
      <c r="B80" s="29">
        <v>50</v>
      </c>
      <c r="C80" s="10">
        <v>50</v>
      </c>
      <c r="D80" s="9">
        <v>100</v>
      </c>
    </row>
    <row r="81" spans="1:4" ht="18" customHeight="1" x14ac:dyDescent="0.2">
      <c r="A81" s="16">
        <v>63</v>
      </c>
      <c r="B81" s="29">
        <v>42</v>
      </c>
      <c r="C81" s="10">
        <v>37</v>
      </c>
      <c r="D81" s="9">
        <v>79</v>
      </c>
    </row>
    <row r="82" spans="1:4" ht="18" customHeight="1" x14ac:dyDescent="0.2">
      <c r="A82" s="16">
        <v>64</v>
      </c>
      <c r="B82" s="29">
        <v>51</v>
      </c>
      <c r="C82" s="10">
        <v>52</v>
      </c>
      <c r="D82" s="9">
        <v>103</v>
      </c>
    </row>
    <row r="83" spans="1:4" ht="18" customHeight="1" x14ac:dyDescent="0.2">
      <c r="A83" s="8" t="s">
        <v>12</v>
      </c>
      <c r="B83" s="29">
        <v>237</v>
      </c>
      <c r="C83" s="10">
        <v>222</v>
      </c>
      <c r="D83" s="9">
        <v>459</v>
      </c>
    </row>
    <row r="84" spans="1:4" ht="18" customHeight="1" x14ac:dyDescent="0.2">
      <c r="A84" s="8" t="s">
        <v>11</v>
      </c>
      <c r="B84" s="29">
        <v>2257</v>
      </c>
      <c r="C84" s="10">
        <v>2136</v>
      </c>
      <c r="D84" s="9">
        <v>4393</v>
      </c>
    </row>
    <row r="85" spans="1:4" ht="18" customHeight="1" x14ac:dyDescent="0.2">
      <c r="A85" s="16">
        <v>65</v>
      </c>
      <c r="B85" s="29">
        <v>39</v>
      </c>
      <c r="C85" s="10">
        <v>44</v>
      </c>
      <c r="D85" s="9">
        <v>83</v>
      </c>
    </row>
    <row r="86" spans="1:4" ht="18" customHeight="1" x14ac:dyDescent="0.2">
      <c r="A86" s="16">
        <v>66</v>
      </c>
      <c r="B86" s="29">
        <v>52</v>
      </c>
      <c r="C86" s="10">
        <v>48</v>
      </c>
      <c r="D86" s="9">
        <v>100</v>
      </c>
    </row>
    <row r="87" spans="1:4" ht="18" customHeight="1" x14ac:dyDescent="0.2">
      <c r="A87" s="16">
        <v>67</v>
      </c>
      <c r="B87" s="29">
        <v>42</v>
      </c>
      <c r="C87" s="10">
        <v>43</v>
      </c>
      <c r="D87" s="9">
        <v>85</v>
      </c>
    </row>
    <row r="88" spans="1:4" ht="18" customHeight="1" x14ac:dyDescent="0.2">
      <c r="A88" s="16">
        <v>68</v>
      </c>
      <c r="B88" s="29">
        <v>39</v>
      </c>
      <c r="C88" s="10">
        <v>59</v>
      </c>
      <c r="D88" s="9">
        <v>98</v>
      </c>
    </row>
    <row r="89" spans="1:4" ht="18" customHeight="1" x14ac:dyDescent="0.2">
      <c r="A89" s="16">
        <v>69</v>
      </c>
      <c r="B89" s="29">
        <v>50</v>
      </c>
      <c r="C89" s="10">
        <v>51</v>
      </c>
      <c r="D89" s="9">
        <v>101</v>
      </c>
    </row>
    <row r="90" spans="1:4" ht="18" customHeight="1" x14ac:dyDescent="0.2">
      <c r="A90" s="8" t="s">
        <v>10</v>
      </c>
      <c r="B90" s="29">
        <v>222</v>
      </c>
      <c r="C90" s="10">
        <v>245</v>
      </c>
      <c r="D90" s="9">
        <v>467</v>
      </c>
    </row>
    <row r="91" spans="1:4" ht="18" customHeight="1" x14ac:dyDescent="0.2">
      <c r="A91" s="16">
        <v>70</v>
      </c>
      <c r="B91" s="29">
        <v>49</v>
      </c>
      <c r="C91" s="10">
        <v>61</v>
      </c>
      <c r="D91" s="9">
        <v>110</v>
      </c>
    </row>
    <row r="92" spans="1:4" ht="18" customHeight="1" x14ac:dyDescent="0.2">
      <c r="A92" s="16">
        <v>71</v>
      </c>
      <c r="B92" s="29">
        <v>56</v>
      </c>
      <c r="C92" s="10">
        <v>53</v>
      </c>
      <c r="D92" s="9">
        <v>109</v>
      </c>
    </row>
    <row r="93" spans="1:4" ht="18" customHeight="1" x14ac:dyDescent="0.2">
      <c r="A93" s="16">
        <v>72</v>
      </c>
      <c r="B93" s="29">
        <v>53</v>
      </c>
      <c r="C93" s="10">
        <v>66</v>
      </c>
      <c r="D93" s="9">
        <v>119</v>
      </c>
    </row>
    <row r="94" spans="1:4" ht="18" customHeight="1" x14ac:dyDescent="0.2">
      <c r="A94" s="16">
        <v>73</v>
      </c>
      <c r="B94" s="29">
        <v>60</v>
      </c>
      <c r="C94" s="10">
        <v>82</v>
      </c>
      <c r="D94" s="9">
        <v>142</v>
      </c>
    </row>
    <row r="95" spans="1:4" ht="18" customHeight="1" x14ac:dyDescent="0.2">
      <c r="A95" s="16">
        <v>74</v>
      </c>
      <c r="B95" s="29">
        <v>83</v>
      </c>
      <c r="C95" s="10">
        <v>82</v>
      </c>
      <c r="D95" s="9">
        <v>165</v>
      </c>
    </row>
    <row r="96" spans="1:4" ht="18" customHeight="1" x14ac:dyDescent="0.2">
      <c r="A96" s="8" t="s">
        <v>9</v>
      </c>
      <c r="B96" s="29">
        <v>301</v>
      </c>
      <c r="C96" s="10">
        <v>344</v>
      </c>
      <c r="D96" s="9">
        <v>645</v>
      </c>
    </row>
    <row r="97" spans="1:4" ht="18" customHeight="1" x14ac:dyDescent="0.2">
      <c r="A97" s="16">
        <v>75</v>
      </c>
      <c r="B97" s="29">
        <v>64</v>
      </c>
      <c r="C97" s="10">
        <v>82</v>
      </c>
      <c r="D97" s="9">
        <v>146</v>
      </c>
    </row>
    <row r="98" spans="1:4" ht="18" customHeight="1" x14ac:dyDescent="0.2">
      <c r="A98" s="16">
        <v>76</v>
      </c>
      <c r="B98" s="29">
        <v>80</v>
      </c>
      <c r="C98" s="10">
        <v>53</v>
      </c>
      <c r="D98" s="9">
        <v>133</v>
      </c>
    </row>
    <row r="99" spans="1:4" ht="18" customHeight="1" x14ac:dyDescent="0.2">
      <c r="A99" s="16">
        <v>77</v>
      </c>
      <c r="B99" s="29">
        <v>34</v>
      </c>
      <c r="C99" s="10">
        <v>37</v>
      </c>
      <c r="D99" s="9">
        <v>71</v>
      </c>
    </row>
    <row r="100" spans="1:4" ht="18" customHeight="1" x14ac:dyDescent="0.2">
      <c r="A100" s="16">
        <v>78</v>
      </c>
      <c r="B100" s="29">
        <v>45</v>
      </c>
      <c r="C100" s="10">
        <v>59</v>
      </c>
      <c r="D100" s="9">
        <v>104</v>
      </c>
    </row>
    <row r="101" spans="1:4" ht="18" customHeight="1" x14ac:dyDescent="0.2">
      <c r="A101" s="16">
        <v>79</v>
      </c>
      <c r="B101" s="29">
        <v>35</v>
      </c>
      <c r="C101" s="10">
        <v>54</v>
      </c>
      <c r="D101" s="9">
        <v>89</v>
      </c>
    </row>
    <row r="102" spans="1:4" ht="18" customHeight="1" x14ac:dyDescent="0.2">
      <c r="A102" s="8" t="s">
        <v>8</v>
      </c>
      <c r="B102" s="29">
        <v>258</v>
      </c>
      <c r="C102" s="10">
        <v>285</v>
      </c>
      <c r="D102" s="9">
        <v>543</v>
      </c>
    </row>
    <row r="103" spans="1:4" ht="18" customHeight="1" x14ac:dyDescent="0.2">
      <c r="A103" s="16">
        <v>80</v>
      </c>
      <c r="B103" s="29">
        <v>41</v>
      </c>
      <c r="C103" s="10">
        <v>52</v>
      </c>
      <c r="D103" s="9">
        <v>93</v>
      </c>
    </row>
    <row r="104" spans="1:4" ht="18" customHeight="1" x14ac:dyDescent="0.2">
      <c r="A104" s="16">
        <v>81</v>
      </c>
      <c r="B104" s="29">
        <v>51</v>
      </c>
      <c r="C104" s="10">
        <v>55</v>
      </c>
      <c r="D104" s="9">
        <v>106</v>
      </c>
    </row>
    <row r="105" spans="1:4" ht="18" customHeight="1" x14ac:dyDescent="0.2">
      <c r="A105" s="16">
        <v>82</v>
      </c>
      <c r="B105" s="29">
        <v>34</v>
      </c>
      <c r="C105" s="10">
        <v>47</v>
      </c>
      <c r="D105" s="9">
        <v>81</v>
      </c>
    </row>
    <row r="106" spans="1:4" ht="18" customHeight="1" x14ac:dyDescent="0.2">
      <c r="A106" s="16">
        <v>83</v>
      </c>
      <c r="B106" s="29">
        <v>21</v>
      </c>
      <c r="C106" s="10">
        <v>42</v>
      </c>
      <c r="D106" s="9">
        <v>63</v>
      </c>
    </row>
    <row r="107" spans="1:4" ht="18" customHeight="1" x14ac:dyDescent="0.2">
      <c r="A107" s="16">
        <v>84</v>
      </c>
      <c r="B107" s="29">
        <v>17</v>
      </c>
      <c r="C107" s="10">
        <v>23</v>
      </c>
      <c r="D107" s="9">
        <v>40</v>
      </c>
    </row>
    <row r="108" spans="1:4" ht="18" customHeight="1" x14ac:dyDescent="0.2">
      <c r="A108" s="8" t="s">
        <v>7</v>
      </c>
      <c r="B108" s="29">
        <v>164</v>
      </c>
      <c r="C108" s="10">
        <v>219</v>
      </c>
      <c r="D108" s="9">
        <v>383</v>
      </c>
    </row>
    <row r="109" spans="1:4" ht="18" customHeight="1" x14ac:dyDescent="0.2">
      <c r="A109" s="16">
        <v>85</v>
      </c>
      <c r="B109" s="29">
        <v>26</v>
      </c>
      <c r="C109" s="10">
        <v>30</v>
      </c>
      <c r="D109" s="9">
        <v>56</v>
      </c>
    </row>
    <row r="110" spans="1:4" ht="18" customHeight="1" x14ac:dyDescent="0.2">
      <c r="A110" s="16">
        <v>86</v>
      </c>
      <c r="B110" s="29">
        <v>25</v>
      </c>
      <c r="C110" s="10">
        <v>31</v>
      </c>
      <c r="D110" s="9">
        <v>56</v>
      </c>
    </row>
    <row r="111" spans="1:4" ht="18" customHeight="1" x14ac:dyDescent="0.2">
      <c r="A111" s="16">
        <v>87</v>
      </c>
      <c r="B111" s="29">
        <v>16</v>
      </c>
      <c r="C111" s="10">
        <v>43</v>
      </c>
      <c r="D111" s="9">
        <v>59</v>
      </c>
    </row>
    <row r="112" spans="1:4" ht="18" customHeight="1" x14ac:dyDescent="0.2">
      <c r="A112" s="16">
        <v>88</v>
      </c>
      <c r="B112" s="29">
        <v>13</v>
      </c>
      <c r="C112" s="10">
        <v>16</v>
      </c>
      <c r="D112" s="9">
        <v>29</v>
      </c>
    </row>
    <row r="113" spans="1:4" ht="18" customHeight="1" x14ac:dyDescent="0.2">
      <c r="A113" s="16">
        <v>89</v>
      </c>
      <c r="B113" s="29">
        <v>6</v>
      </c>
      <c r="C113" s="10">
        <v>22</v>
      </c>
      <c r="D113" s="9">
        <v>28</v>
      </c>
    </row>
    <row r="114" spans="1:4" ht="18" customHeight="1" x14ac:dyDescent="0.2">
      <c r="A114" s="8" t="s">
        <v>6</v>
      </c>
      <c r="B114" s="29">
        <v>86</v>
      </c>
      <c r="C114" s="10">
        <v>142</v>
      </c>
      <c r="D114" s="9">
        <v>228</v>
      </c>
    </row>
    <row r="115" spans="1:4" ht="18" customHeight="1" x14ac:dyDescent="0.2">
      <c r="A115" s="16">
        <v>90</v>
      </c>
      <c r="B115" s="29">
        <v>11</v>
      </c>
      <c r="C115" s="10">
        <v>23</v>
      </c>
      <c r="D115" s="9">
        <v>34</v>
      </c>
    </row>
    <row r="116" spans="1:4" ht="18" customHeight="1" x14ac:dyDescent="0.2">
      <c r="A116" s="16">
        <v>91</v>
      </c>
      <c r="B116" s="29">
        <v>6</v>
      </c>
      <c r="C116" s="10">
        <v>21</v>
      </c>
      <c r="D116" s="9">
        <v>27</v>
      </c>
    </row>
    <row r="117" spans="1:4" ht="18" customHeight="1" x14ac:dyDescent="0.2">
      <c r="A117" s="16">
        <v>92</v>
      </c>
      <c r="B117" s="29">
        <v>8</v>
      </c>
      <c r="C117" s="10">
        <v>9</v>
      </c>
      <c r="D117" s="9">
        <v>17</v>
      </c>
    </row>
    <row r="118" spans="1:4" ht="18" customHeight="1" x14ac:dyDescent="0.2">
      <c r="A118" s="16">
        <v>93</v>
      </c>
      <c r="B118" s="29">
        <v>1</v>
      </c>
      <c r="C118" s="10">
        <v>10</v>
      </c>
      <c r="D118" s="9">
        <v>11</v>
      </c>
    </row>
    <row r="119" spans="1:4" ht="18" customHeight="1" x14ac:dyDescent="0.2">
      <c r="A119" s="16">
        <v>94</v>
      </c>
      <c r="B119" s="29">
        <v>3</v>
      </c>
      <c r="C119" s="10">
        <v>9</v>
      </c>
      <c r="D119" s="9">
        <v>12</v>
      </c>
    </row>
    <row r="120" spans="1:4" ht="18" customHeight="1" x14ac:dyDescent="0.2">
      <c r="A120" s="8" t="s">
        <v>5</v>
      </c>
      <c r="B120" s="29">
        <v>29</v>
      </c>
      <c r="C120" s="10">
        <v>72</v>
      </c>
      <c r="D120" s="9">
        <v>101</v>
      </c>
    </row>
    <row r="121" spans="1:4" ht="18" customHeight="1" x14ac:dyDescent="0.2">
      <c r="A121" s="16">
        <v>95</v>
      </c>
      <c r="B121" s="29">
        <v>3</v>
      </c>
      <c r="C121" s="10">
        <v>7</v>
      </c>
      <c r="D121" s="9">
        <v>10</v>
      </c>
    </row>
    <row r="122" spans="1:4" ht="18" customHeight="1" x14ac:dyDescent="0.2">
      <c r="A122" s="16">
        <v>96</v>
      </c>
      <c r="B122" s="29">
        <v>3</v>
      </c>
      <c r="C122" s="10">
        <v>11</v>
      </c>
      <c r="D122" s="9">
        <v>14</v>
      </c>
    </row>
    <row r="123" spans="1:4" ht="18" customHeight="1" x14ac:dyDescent="0.2">
      <c r="A123" s="16">
        <v>97</v>
      </c>
      <c r="B123" s="29">
        <v>0</v>
      </c>
      <c r="C123" s="10">
        <v>8</v>
      </c>
      <c r="D123" s="9">
        <v>8</v>
      </c>
    </row>
    <row r="124" spans="1:4" ht="18" customHeight="1" x14ac:dyDescent="0.2">
      <c r="A124" s="16">
        <v>98</v>
      </c>
      <c r="B124" s="29">
        <v>0</v>
      </c>
      <c r="C124" s="10">
        <v>4</v>
      </c>
      <c r="D124" s="9">
        <v>4</v>
      </c>
    </row>
    <row r="125" spans="1:4" ht="18" customHeight="1" x14ac:dyDescent="0.2">
      <c r="A125" s="16">
        <v>99</v>
      </c>
      <c r="B125" s="29">
        <v>1</v>
      </c>
      <c r="C125" s="10">
        <v>4</v>
      </c>
      <c r="D125" s="9">
        <v>5</v>
      </c>
    </row>
    <row r="126" spans="1:4" ht="18" customHeight="1" x14ac:dyDescent="0.2">
      <c r="A126" s="8" t="s">
        <v>4</v>
      </c>
      <c r="B126" s="29">
        <v>7</v>
      </c>
      <c r="C126" s="10">
        <v>34</v>
      </c>
      <c r="D126" s="9">
        <v>41</v>
      </c>
    </row>
    <row r="127" spans="1:4" ht="18" customHeight="1" x14ac:dyDescent="0.2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2">
      <c r="A128" s="15" t="s">
        <v>3</v>
      </c>
      <c r="B128" s="29">
        <v>0</v>
      </c>
      <c r="C128" s="10">
        <v>3</v>
      </c>
      <c r="D128" s="9">
        <v>3</v>
      </c>
    </row>
    <row r="129" spans="1:4" ht="18" customHeight="1" x14ac:dyDescent="0.2">
      <c r="A129" s="8" t="s">
        <v>2</v>
      </c>
      <c r="B129" s="29">
        <v>0</v>
      </c>
      <c r="C129" s="10">
        <v>4</v>
      </c>
      <c r="D129" s="9">
        <v>4</v>
      </c>
    </row>
    <row r="130" spans="1:4" ht="18" customHeight="1" x14ac:dyDescent="0.2">
      <c r="A130" s="8" t="s">
        <v>1</v>
      </c>
      <c r="B130" s="28">
        <v>1067</v>
      </c>
      <c r="C130" s="6">
        <v>1345</v>
      </c>
      <c r="D130" s="5">
        <v>2412</v>
      </c>
    </row>
    <row r="131" spans="1:4" ht="18" customHeight="1" x14ac:dyDescent="0.2">
      <c r="A131" s="4" t="s">
        <v>0</v>
      </c>
      <c r="B131" s="27">
        <v>3734</v>
      </c>
      <c r="C131" s="2">
        <v>3843</v>
      </c>
      <c r="D131" s="1">
        <v>7577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1CEA7BA-9897-42F9-8E76-689871FB242D}">
  <sheetPr codeName="Sheet3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51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5</v>
      </c>
      <c r="C5" s="18">
        <v>6</v>
      </c>
      <c r="D5" s="17">
        <v>11</v>
      </c>
    </row>
    <row r="6" spans="1:4" ht="18" customHeight="1" x14ac:dyDescent="0.2">
      <c r="A6" s="16">
        <v>1</v>
      </c>
      <c r="B6" s="29">
        <v>4</v>
      </c>
      <c r="C6" s="10">
        <v>2</v>
      </c>
      <c r="D6" s="9">
        <v>6</v>
      </c>
    </row>
    <row r="7" spans="1:4" ht="18" customHeight="1" x14ac:dyDescent="0.2">
      <c r="A7" s="16">
        <v>2</v>
      </c>
      <c r="B7" s="29">
        <v>7</v>
      </c>
      <c r="C7" s="10">
        <v>2</v>
      </c>
      <c r="D7" s="9">
        <v>9</v>
      </c>
    </row>
    <row r="8" spans="1:4" ht="18" customHeight="1" x14ac:dyDescent="0.2">
      <c r="A8" s="16">
        <v>3</v>
      </c>
      <c r="B8" s="29">
        <v>8</v>
      </c>
      <c r="C8" s="10">
        <v>2</v>
      </c>
      <c r="D8" s="9">
        <v>10</v>
      </c>
    </row>
    <row r="9" spans="1:4" ht="18" customHeight="1" x14ac:dyDescent="0.2">
      <c r="A9" s="16">
        <v>4</v>
      </c>
      <c r="B9" s="29">
        <v>4</v>
      </c>
      <c r="C9" s="10">
        <v>4</v>
      </c>
      <c r="D9" s="9">
        <v>8</v>
      </c>
    </row>
    <row r="10" spans="1:4" ht="18" customHeight="1" x14ac:dyDescent="0.2">
      <c r="A10" s="8" t="s">
        <v>25</v>
      </c>
      <c r="B10" s="29">
        <v>28</v>
      </c>
      <c r="C10" s="10">
        <v>16</v>
      </c>
      <c r="D10" s="9">
        <v>44</v>
      </c>
    </row>
    <row r="11" spans="1:4" ht="18" customHeight="1" x14ac:dyDescent="0.2">
      <c r="A11" s="16">
        <v>5</v>
      </c>
      <c r="B11" s="29">
        <v>6</v>
      </c>
      <c r="C11" s="10">
        <v>6</v>
      </c>
      <c r="D11" s="9">
        <v>12</v>
      </c>
    </row>
    <row r="12" spans="1:4" ht="18" customHeight="1" x14ac:dyDescent="0.2">
      <c r="A12" s="16">
        <v>6</v>
      </c>
      <c r="B12" s="29">
        <v>5</v>
      </c>
      <c r="C12" s="10">
        <v>4</v>
      </c>
      <c r="D12" s="9">
        <v>9</v>
      </c>
    </row>
    <row r="13" spans="1:4" ht="18" customHeight="1" x14ac:dyDescent="0.2">
      <c r="A13" s="16">
        <v>7</v>
      </c>
      <c r="B13" s="29">
        <v>7</v>
      </c>
      <c r="C13" s="10">
        <v>8</v>
      </c>
      <c r="D13" s="9">
        <v>15</v>
      </c>
    </row>
    <row r="14" spans="1:4" ht="18" customHeight="1" x14ac:dyDescent="0.2">
      <c r="A14" s="16">
        <v>8</v>
      </c>
      <c r="B14" s="29">
        <v>6</v>
      </c>
      <c r="C14" s="10">
        <v>9</v>
      </c>
      <c r="D14" s="9">
        <v>15</v>
      </c>
    </row>
    <row r="15" spans="1:4" ht="18" customHeight="1" x14ac:dyDescent="0.2">
      <c r="A15" s="16">
        <v>9</v>
      </c>
      <c r="B15" s="29">
        <v>7</v>
      </c>
      <c r="C15" s="10">
        <v>9</v>
      </c>
      <c r="D15" s="9">
        <v>16</v>
      </c>
    </row>
    <row r="16" spans="1:4" ht="18" customHeight="1" x14ac:dyDescent="0.2">
      <c r="A16" s="8" t="s">
        <v>24</v>
      </c>
      <c r="B16" s="29">
        <v>31</v>
      </c>
      <c r="C16" s="10">
        <v>36</v>
      </c>
      <c r="D16" s="9">
        <v>67</v>
      </c>
    </row>
    <row r="17" spans="1:4" ht="18" customHeight="1" x14ac:dyDescent="0.2">
      <c r="A17" s="16">
        <v>10</v>
      </c>
      <c r="B17" s="29">
        <v>9</v>
      </c>
      <c r="C17" s="10">
        <v>11</v>
      </c>
      <c r="D17" s="9">
        <v>20</v>
      </c>
    </row>
    <row r="18" spans="1:4" ht="18" customHeight="1" x14ac:dyDescent="0.2">
      <c r="A18" s="16">
        <v>11</v>
      </c>
      <c r="B18" s="29">
        <v>7</v>
      </c>
      <c r="C18" s="10">
        <v>8</v>
      </c>
      <c r="D18" s="9">
        <v>15</v>
      </c>
    </row>
    <row r="19" spans="1:4" ht="18" customHeight="1" x14ac:dyDescent="0.2">
      <c r="A19" s="16">
        <v>12</v>
      </c>
      <c r="B19" s="29">
        <v>11</v>
      </c>
      <c r="C19" s="10">
        <v>10</v>
      </c>
      <c r="D19" s="9">
        <v>21</v>
      </c>
    </row>
    <row r="20" spans="1:4" ht="18" customHeight="1" x14ac:dyDescent="0.2">
      <c r="A20" s="16">
        <v>13</v>
      </c>
      <c r="B20" s="29">
        <v>4</v>
      </c>
      <c r="C20" s="10">
        <v>9</v>
      </c>
      <c r="D20" s="9">
        <v>13</v>
      </c>
    </row>
    <row r="21" spans="1:4" ht="18" customHeight="1" x14ac:dyDescent="0.2">
      <c r="A21" s="16">
        <v>14</v>
      </c>
      <c r="B21" s="29">
        <v>9</v>
      </c>
      <c r="C21" s="10">
        <v>10</v>
      </c>
      <c r="D21" s="9">
        <v>19</v>
      </c>
    </row>
    <row r="22" spans="1:4" ht="18" customHeight="1" x14ac:dyDescent="0.2">
      <c r="A22" s="8" t="s">
        <v>23</v>
      </c>
      <c r="B22" s="29">
        <v>40</v>
      </c>
      <c r="C22" s="10">
        <v>48</v>
      </c>
      <c r="D22" s="9">
        <v>88</v>
      </c>
    </row>
    <row r="23" spans="1:4" ht="18" customHeight="1" x14ac:dyDescent="0.2">
      <c r="A23" s="8" t="s">
        <v>22</v>
      </c>
      <c r="B23" s="29">
        <v>99</v>
      </c>
      <c r="C23" s="10">
        <v>100</v>
      </c>
      <c r="D23" s="9">
        <v>199</v>
      </c>
    </row>
    <row r="24" spans="1:4" ht="18" customHeight="1" x14ac:dyDescent="0.2">
      <c r="A24" s="16">
        <v>15</v>
      </c>
      <c r="B24" s="29">
        <v>8</v>
      </c>
      <c r="C24" s="10">
        <v>8</v>
      </c>
      <c r="D24" s="9">
        <v>16</v>
      </c>
    </row>
    <row r="25" spans="1:4" ht="18" customHeight="1" x14ac:dyDescent="0.2">
      <c r="A25" s="16">
        <v>16</v>
      </c>
      <c r="B25" s="29">
        <v>5</v>
      </c>
      <c r="C25" s="10">
        <v>13</v>
      </c>
      <c r="D25" s="9">
        <v>18</v>
      </c>
    </row>
    <row r="26" spans="1:4" ht="18" customHeight="1" x14ac:dyDescent="0.2">
      <c r="A26" s="16">
        <v>17</v>
      </c>
      <c r="B26" s="29">
        <v>16</v>
      </c>
      <c r="C26" s="10">
        <v>16</v>
      </c>
      <c r="D26" s="9">
        <v>32</v>
      </c>
    </row>
    <row r="27" spans="1:4" ht="18" customHeight="1" x14ac:dyDescent="0.2">
      <c r="A27" s="16">
        <v>18</v>
      </c>
      <c r="B27" s="29">
        <v>11</v>
      </c>
      <c r="C27" s="10">
        <v>7</v>
      </c>
      <c r="D27" s="9">
        <v>18</v>
      </c>
    </row>
    <row r="28" spans="1:4" ht="18" customHeight="1" x14ac:dyDescent="0.2">
      <c r="A28" s="16">
        <v>19</v>
      </c>
      <c r="B28" s="29">
        <v>14</v>
      </c>
      <c r="C28" s="10">
        <v>10</v>
      </c>
      <c r="D28" s="9">
        <v>24</v>
      </c>
    </row>
    <row r="29" spans="1:4" ht="18" customHeight="1" x14ac:dyDescent="0.2">
      <c r="A29" s="8" t="s">
        <v>21</v>
      </c>
      <c r="B29" s="29">
        <v>54</v>
      </c>
      <c r="C29" s="10">
        <v>54</v>
      </c>
      <c r="D29" s="9">
        <v>108</v>
      </c>
    </row>
    <row r="30" spans="1:4" ht="18" customHeight="1" x14ac:dyDescent="0.2">
      <c r="A30" s="16">
        <v>20</v>
      </c>
      <c r="B30" s="29">
        <v>10</v>
      </c>
      <c r="C30" s="10">
        <v>15</v>
      </c>
      <c r="D30" s="9">
        <v>25</v>
      </c>
    </row>
    <row r="31" spans="1:4" ht="18" customHeight="1" x14ac:dyDescent="0.2">
      <c r="A31" s="16">
        <v>21</v>
      </c>
      <c r="B31" s="29">
        <v>11</v>
      </c>
      <c r="C31" s="10">
        <v>9</v>
      </c>
      <c r="D31" s="9">
        <v>20</v>
      </c>
    </row>
    <row r="32" spans="1:4" ht="18" customHeight="1" x14ac:dyDescent="0.2">
      <c r="A32" s="16">
        <v>22</v>
      </c>
      <c r="B32" s="29">
        <v>4</v>
      </c>
      <c r="C32" s="10">
        <v>7</v>
      </c>
      <c r="D32" s="9">
        <v>11</v>
      </c>
    </row>
    <row r="33" spans="1:4" ht="18" customHeight="1" x14ac:dyDescent="0.2">
      <c r="A33" s="16">
        <v>23</v>
      </c>
      <c r="B33" s="29">
        <v>11</v>
      </c>
      <c r="C33" s="10">
        <v>13</v>
      </c>
      <c r="D33" s="9">
        <v>24</v>
      </c>
    </row>
    <row r="34" spans="1:4" ht="18" customHeight="1" x14ac:dyDescent="0.2">
      <c r="A34" s="16">
        <v>24</v>
      </c>
      <c r="B34" s="29">
        <v>9</v>
      </c>
      <c r="C34" s="10">
        <v>2</v>
      </c>
      <c r="D34" s="9">
        <v>11</v>
      </c>
    </row>
    <row r="35" spans="1:4" ht="18" customHeight="1" x14ac:dyDescent="0.2">
      <c r="A35" s="8" t="s">
        <v>20</v>
      </c>
      <c r="B35" s="29">
        <v>45</v>
      </c>
      <c r="C35" s="10">
        <v>46</v>
      </c>
      <c r="D35" s="9">
        <v>91</v>
      </c>
    </row>
    <row r="36" spans="1:4" ht="18" customHeight="1" x14ac:dyDescent="0.2">
      <c r="A36" s="16">
        <v>25</v>
      </c>
      <c r="B36" s="29">
        <v>9</v>
      </c>
      <c r="C36" s="10">
        <v>10</v>
      </c>
      <c r="D36" s="9">
        <v>19</v>
      </c>
    </row>
    <row r="37" spans="1:4" ht="18" customHeight="1" x14ac:dyDescent="0.2">
      <c r="A37" s="16">
        <v>26</v>
      </c>
      <c r="B37" s="29">
        <v>7</v>
      </c>
      <c r="C37" s="10">
        <v>3</v>
      </c>
      <c r="D37" s="9">
        <v>10</v>
      </c>
    </row>
    <row r="38" spans="1:4" ht="18" customHeight="1" x14ac:dyDescent="0.2">
      <c r="A38" s="16">
        <v>27</v>
      </c>
      <c r="B38" s="29">
        <v>6</v>
      </c>
      <c r="C38" s="10">
        <v>3</v>
      </c>
      <c r="D38" s="9">
        <v>9</v>
      </c>
    </row>
    <row r="39" spans="1:4" ht="18" customHeight="1" x14ac:dyDescent="0.2">
      <c r="A39" s="16">
        <v>28</v>
      </c>
      <c r="B39" s="29">
        <v>5</v>
      </c>
      <c r="C39" s="10">
        <v>7</v>
      </c>
      <c r="D39" s="9">
        <v>12</v>
      </c>
    </row>
    <row r="40" spans="1:4" ht="18" customHeight="1" x14ac:dyDescent="0.2">
      <c r="A40" s="16">
        <v>29</v>
      </c>
      <c r="B40" s="29">
        <v>3</v>
      </c>
      <c r="C40" s="10">
        <v>7</v>
      </c>
      <c r="D40" s="9">
        <v>10</v>
      </c>
    </row>
    <row r="41" spans="1:4" ht="18" customHeight="1" x14ac:dyDescent="0.2">
      <c r="A41" s="8" t="s">
        <v>19</v>
      </c>
      <c r="B41" s="29">
        <v>30</v>
      </c>
      <c r="C41" s="10">
        <v>30</v>
      </c>
      <c r="D41" s="9">
        <v>60</v>
      </c>
    </row>
    <row r="42" spans="1:4" ht="18" customHeight="1" x14ac:dyDescent="0.2">
      <c r="A42" s="16">
        <v>30</v>
      </c>
      <c r="B42" s="29">
        <v>6</v>
      </c>
      <c r="C42" s="10">
        <v>7</v>
      </c>
      <c r="D42" s="9">
        <v>13</v>
      </c>
    </row>
    <row r="43" spans="1:4" ht="18" customHeight="1" x14ac:dyDescent="0.2">
      <c r="A43" s="16">
        <v>31</v>
      </c>
      <c r="B43" s="29">
        <v>9</v>
      </c>
      <c r="C43" s="10">
        <v>9</v>
      </c>
      <c r="D43" s="9">
        <v>18</v>
      </c>
    </row>
    <row r="44" spans="1:4" ht="18" customHeight="1" x14ac:dyDescent="0.2">
      <c r="A44" s="16">
        <v>32</v>
      </c>
      <c r="B44" s="29">
        <v>8</v>
      </c>
      <c r="C44" s="10">
        <v>9</v>
      </c>
      <c r="D44" s="9">
        <v>17</v>
      </c>
    </row>
    <row r="45" spans="1:4" ht="18" customHeight="1" x14ac:dyDescent="0.2">
      <c r="A45" s="16">
        <v>33</v>
      </c>
      <c r="B45" s="29">
        <v>9</v>
      </c>
      <c r="C45" s="10">
        <v>10</v>
      </c>
      <c r="D45" s="9">
        <v>19</v>
      </c>
    </row>
    <row r="46" spans="1:4" ht="18" customHeight="1" x14ac:dyDescent="0.2">
      <c r="A46" s="16">
        <v>34</v>
      </c>
      <c r="B46" s="29">
        <v>4</v>
      </c>
      <c r="C46" s="10">
        <v>4</v>
      </c>
      <c r="D46" s="9">
        <v>8</v>
      </c>
    </row>
    <row r="47" spans="1:4" ht="18" customHeight="1" x14ac:dyDescent="0.2">
      <c r="A47" s="8" t="s">
        <v>18</v>
      </c>
      <c r="B47" s="29">
        <v>36</v>
      </c>
      <c r="C47" s="10">
        <v>39</v>
      </c>
      <c r="D47" s="9">
        <v>75</v>
      </c>
    </row>
    <row r="48" spans="1:4" ht="18" customHeight="1" x14ac:dyDescent="0.2">
      <c r="A48" s="16">
        <v>35</v>
      </c>
      <c r="B48" s="29">
        <v>6</v>
      </c>
      <c r="C48" s="10">
        <v>9</v>
      </c>
      <c r="D48" s="9">
        <v>15</v>
      </c>
    </row>
    <row r="49" spans="1:4" ht="18" customHeight="1" x14ac:dyDescent="0.2">
      <c r="A49" s="16">
        <v>36</v>
      </c>
      <c r="B49" s="29">
        <v>10</v>
      </c>
      <c r="C49" s="10">
        <v>9</v>
      </c>
      <c r="D49" s="9">
        <v>19</v>
      </c>
    </row>
    <row r="50" spans="1:4" ht="18" customHeight="1" x14ac:dyDescent="0.2">
      <c r="A50" s="16">
        <v>37</v>
      </c>
      <c r="B50" s="29">
        <v>9</v>
      </c>
      <c r="C50" s="10">
        <v>5</v>
      </c>
      <c r="D50" s="9">
        <v>14</v>
      </c>
    </row>
    <row r="51" spans="1:4" ht="18" customHeight="1" x14ac:dyDescent="0.2">
      <c r="A51" s="16">
        <v>38</v>
      </c>
      <c r="B51" s="29">
        <v>13</v>
      </c>
      <c r="C51" s="10">
        <v>10</v>
      </c>
      <c r="D51" s="9">
        <v>23</v>
      </c>
    </row>
    <row r="52" spans="1:4" ht="18" customHeight="1" x14ac:dyDescent="0.2">
      <c r="A52" s="16">
        <v>39</v>
      </c>
      <c r="B52" s="29">
        <v>7</v>
      </c>
      <c r="C52" s="10">
        <v>15</v>
      </c>
      <c r="D52" s="9">
        <v>22</v>
      </c>
    </row>
    <row r="53" spans="1:4" ht="18" customHeight="1" x14ac:dyDescent="0.2">
      <c r="A53" s="8" t="s">
        <v>17</v>
      </c>
      <c r="B53" s="29">
        <v>45</v>
      </c>
      <c r="C53" s="10">
        <v>48</v>
      </c>
      <c r="D53" s="9">
        <v>93</v>
      </c>
    </row>
    <row r="54" spans="1:4" ht="18" customHeight="1" x14ac:dyDescent="0.2">
      <c r="A54" s="16">
        <v>40</v>
      </c>
      <c r="B54" s="29">
        <v>17</v>
      </c>
      <c r="C54" s="10">
        <v>13</v>
      </c>
      <c r="D54" s="9">
        <v>30</v>
      </c>
    </row>
    <row r="55" spans="1:4" ht="18" customHeight="1" x14ac:dyDescent="0.2">
      <c r="A55" s="16">
        <v>41</v>
      </c>
      <c r="B55" s="29">
        <v>6</v>
      </c>
      <c r="C55" s="10">
        <v>11</v>
      </c>
      <c r="D55" s="9">
        <v>17</v>
      </c>
    </row>
    <row r="56" spans="1:4" ht="18" customHeight="1" x14ac:dyDescent="0.2">
      <c r="A56" s="16">
        <v>42</v>
      </c>
      <c r="B56" s="29">
        <v>14</v>
      </c>
      <c r="C56" s="10">
        <v>13</v>
      </c>
      <c r="D56" s="9">
        <v>27</v>
      </c>
    </row>
    <row r="57" spans="1:4" ht="18" customHeight="1" x14ac:dyDescent="0.2">
      <c r="A57" s="16">
        <v>43</v>
      </c>
      <c r="B57" s="29">
        <v>16</v>
      </c>
      <c r="C57" s="10">
        <v>16</v>
      </c>
      <c r="D57" s="9">
        <v>32</v>
      </c>
    </row>
    <row r="58" spans="1:4" ht="18" customHeight="1" x14ac:dyDescent="0.2">
      <c r="A58" s="16">
        <v>44</v>
      </c>
      <c r="B58" s="29">
        <v>18</v>
      </c>
      <c r="C58" s="10">
        <v>12</v>
      </c>
      <c r="D58" s="9">
        <v>30</v>
      </c>
    </row>
    <row r="59" spans="1:4" ht="18" customHeight="1" x14ac:dyDescent="0.2">
      <c r="A59" s="8" t="s">
        <v>16</v>
      </c>
      <c r="B59" s="29">
        <v>71</v>
      </c>
      <c r="C59" s="10">
        <v>65</v>
      </c>
      <c r="D59" s="9">
        <v>136</v>
      </c>
    </row>
    <row r="60" spans="1:4" ht="18" customHeight="1" x14ac:dyDescent="0.2">
      <c r="A60" s="16">
        <v>45</v>
      </c>
      <c r="B60" s="29">
        <v>16</v>
      </c>
      <c r="C60" s="10">
        <v>13</v>
      </c>
      <c r="D60" s="9">
        <v>29</v>
      </c>
    </row>
    <row r="61" spans="1:4" ht="18" customHeight="1" x14ac:dyDescent="0.2">
      <c r="A61" s="16">
        <v>46</v>
      </c>
      <c r="B61" s="29">
        <v>17</v>
      </c>
      <c r="C61" s="10">
        <v>20</v>
      </c>
      <c r="D61" s="9">
        <v>37</v>
      </c>
    </row>
    <row r="62" spans="1:4" ht="18" customHeight="1" x14ac:dyDescent="0.2">
      <c r="A62" s="16">
        <v>47</v>
      </c>
      <c r="B62" s="29">
        <v>14</v>
      </c>
      <c r="C62" s="10">
        <v>11</v>
      </c>
      <c r="D62" s="9">
        <v>25</v>
      </c>
    </row>
    <row r="63" spans="1:4" ht="18" customHeight="1" x14ac:dyDescent="0.2">
      <c r="A63" s="16">
        <v>48</v>
      </c>
      <c r="B63" s="29">
        <v>19</v>
      </c>
      <c r="C63" s="10">
        <v>17</v>
      </c>
      <c r="D63" s="9">
        <v>36</v>
      </c>
    </row>
    <row r="64" spans="1:4" ht="18" customHeight="1" x14ac:dyDescent="0.2">
      <c r="A64" s="16">
        <v>49</v>
      </c>
      <c r="B64" s="29">
        <v>21</v>
      </c>
      <c r="C64" s="10">
        <v>22</v>
      </c>
      <c r="D64" s="9">
        <v>43</v>
      </c>
    </row>
    <row r="65" spans="1:4" ht="18" customHeight="1" x14ac:dyDescent="0.2">
      <c r="A65" s="8" t="s">
        <v>15</v>
      </c>
      <c r="B65" s="29">
        <v>87</v>
      </c>
      <c r="C65" s="10">
        <v>83</v>
      </c>
      <c r="D65" s="9">
        <v>170</v>
      </c>
    </row>
    <row r="66" spans="1:4" ht="18" customHeight="1" x14ac:dyDescent="0.2">
      <c r="A66" s="16">
        <v>50</v>
      </c>
      <c r="B66" s="29">
        <v>17</v>
      </c>
      <c r="C66" s="10">
        <v>20</v>
      </c>
      <c r="D66" s="9">
        <v>37</v>
      </c>
    </row>
    <row r="67" spans="1:4" ht="18" customHeight="1" x14ac:dyDescent="0.2">
      <c r="A67" s="16">
        <v>51</v>
      </c>
      <c r="B67" s="29">
        <v>19</v>
      </c>
      <c r="C67" s="10">
        <v>23</v>
      </c>
      <c r="D67" s="9">
        <v>42</v>
      </c>
    </row>
    <row r="68" spans="1:4" ht="18" customHeight="1" x14ac:dyDescent="0.2">
      <c r="A68" s="16">
        <v>52</v>
      </c>
      <c r="B68" s="29">
        <v>25</v>
      </c>
      <c r="C68" s="10">
        <v>20</v>
      </c>
      <c r="D68" s="9">
        <v>45</v>
      </c>
    </row>
    <row r="69" spans="1:4" ht="18" customHeight="1" x14ac:dyDescent="0.2">
      <c r="A69" s="16">
        <v>53</v>
      </c>
      <c r="B69" s="29">
        <v>15</v>
      </c>
      <c r="C69" s="10">
        <v>8</v>
      </c>
      <c r="D69" s="9">
        <v>23</v>
      </c>
    </row>
    <row r="70" spans="1:4" ht="18" customHeight="1" x14ac:dyDescent="0.2">
      <c r="A70" s="16">
        <v>54</v>
      </c>
      <c r="B70" s="29">
        <v>14</v>
      </c>
      <c r="C70" s="10">
        <v>15</v>
      </c>
      <c r="D70" s="9">
        <v>29</v>
      </c>
    </row>
    <row r="71" spans="1:4" ht="18" customHeight="1" x14ac:dyDescent="0.2">
      <c r="A71" s="8" t="s">
        <v>14</v>
      </c>
      <c r="B71" s="29">
        <v>90</v>
      </c>
      <c r="C71" s="10">
        <v>86</v>
      </c>
      <c r="D71" s="9">
        <v>176</v>
      </c>
    </row>
    <row r="72" spans="1:4" ht="18" customHeight="1" x14ac:dyDescent="0.2">
      <c r="A72" s="16">
        <v>55</v>
      </c>
      <c r="B72" s="29">
        <v>17</v>
      </c>
      <c r="C72" s="10">
        <v>15</v>
      </c>
      <c r="D72" s="9">
        <v>32</v>
      </c>
    </row>
    <row r="73" spans="1:4" ht="18" customHeight="1" x14ac:dyDescent="0.2">
      <c r="A73" s="16">
        <v>56</v>
      </c>
      <c r="B73" s="29">
        <v>8</v>
      </c>
      <c r="C73" s="10">
        <v>15</v>
      </c>
      <c r="D73" s="9">
        <v>23</v>
      </c>
    </row>
    <row r="74" spans="1:4" ht="18" customHeight="1" x14ac:dyDescent="0.2">
      <c r="A74" s="16">
        <v>57</v>
      </c>
      <c r="B74" s="29">
        <v>15</v>
      </c>
      <c r="C74" s="10">
        <v>18</v>
      </c>
      <c r="D74" s="9">
        <v>33</v>
      </c>
    </row>
    <row r="75" spans="1:4" ht="18" customHeight="1" x14ac:dyDescent="0.2">
      <c r="A75" s="16">
        <v>58</v>
      </c>
      <c r="B75" s="29">
        <v>20</v>
      </c>
      <c r="C75" s="10">
        <v>17</v>
      </c>
      <c r="D75" s="9">
        <v>37</v>
      </c>
    </row>
    <row r="76" spans="1:4" ht="18" customHeight="1" x14ac:dyDescent="0.2">
      <c r="A76" s="16">
        <v>59</v>
      </c>
      <c r="B76" s="29">
        <v>17</v>
      </c>
      <c r="C76" s="10">
        <v>5</v>
      </c>
      <c r="D76" s="9">
        <v>22</v>
      </c>
    </row>
    <row r="77" spans="1:4" ht="18" customHeight="1" x14ac:dyDescent="0.2">
      <c r="A77" s="8" t="s">
        <v>13</v>
      </c>
      <c r="B77" s="29">
        <v>77</v>
      </c>
      <c r="C77" s="10">
        <v>70</v>
      </c>
      <c r="D77" s="9">
        <v>147</v>
      </c>
    </row>
    <row r="78" spans="1:4" ht="18" customHeight="1" x14ac:dyDescent="0.2">
      <c r="A78" s="16">
        <v>60</v>
      </c>
      <c r="B78" s="29">
        <v>13</v>
      </c>
      <c r="C78" s="10">
        <v>7</v>
      </c>
      <c r="D78" s="9">
        <v>20</v>
      </c>
    </row>
    <row r="79" spans="1:4" ht="18" customHeight="1" x14ac:dyDescent="0.2">
      <c r="A79" s="16">
        <v>61</v>
      </c>
      <c r="B79" s="29">
        <v>13</v>
      </c>
      <c r="C79" s="10">
        <v>12</v>
      </c>
      <c r="D79" s="9">
        <v>25</v>
      </c>
    </row>
    <row r="80" spans="1:4" ht="18" customHeight="1" x14ac:dyDescent="0.2">
      <c r="A80" s="16">
        <v>62</v>
      </c>
      <c r="B80" s="29">
        <v>11</v>
      </c>
      <c r="C80" s="10">
        <v>12</v>
      </c>
      <c r="D80" s="9">
        <v>23</v>
      </c>
    </row>
    <row r="81" spans="1:4" ht="18" customHeight="1" x14ac:dyDescent="0.2">
      <c r="A81" s="16">
        <v>63</v>
      </c>
      <c r="B81" s="29">
        <v>16</v>
      </c>
      <c r="C81" s="10">
        <v>11</v>
      </c>
      <c r="D81" s="9">
        <v>27</v>
      </c>
    </row>
    <row r="82" spans="1:4" ht="18" customHeight="1" x14ac:dyDescent="0.2">
      <c r="A82" s="16">
        <v>64</v>
      </c>
      <c r="B82" s="29">
        <v>12</v>
      </c>
      <c r="C82" s="10">
        <v>15</v>
      </c>
      <c r="D82" s="9">
        <v>27</v>
      </c>
    </row>
    <row r="83" spans="1:4" ht="18" customHeight="1" x14ac:dyDescent="0.2">
      <c r="A83" s="8" t="s">
        <v>12</v>
      </c>
      <c r="B83" s="29">
        <v>65</v>
      </c>
      <c r="C83" s="10">
        <v>57</v>
      </c>
      <c r="D83" s="9">
        <v>122</v>
      </c>
    </row>
    <row r="84" spans="1:4" ht="18" customHeight="1" x14ac:dyDescent="0.2">
      <c r="A84" s="8" t="s">
        <v>11</v>
      </c>
      <c r="B84" s="29">
        <v>600</v>
      </c>
      <c r="C84" s="10">
        <v>578</v>
      </c>
      <c r="D84" s="9">
        <v>1178</v>
      </c>
    </row>
    <row r="85" spans="1:4" ht="18" customHeight="1" x14ac:dyDescent="0.2">
      <c r="A85" s="16">
        <v>65</v>
      </c>
      <c r="B85" s="29">
        <v>13</v>
      </c>
      <c r="C85" s="10">
        <v>16</v>
      </c>
      <c r="D85" s="9">
        <v>29</v>
      </c>
    </row>
    <row r="86" spans="1:4" ht="18" customHeight="1" x14ac:dyDescent="0.2">
      <c r="A86" s="16">
        <v>66</v>
      </c>
      <c r="B86" s="29">
        <v>8</v>
      </c>
      <c r="C86" s="10">
        <v>18</v>
      </c>
      <c r="D86" s="9">
        <v>26</v>
      </c>
    </row>
    <row r="87" spans="1:4" ht="18" customHeight="1" x14ac:dyDescent="0.2">
      <c r="A87" s="16">
        <v>67</v>
      </c>
      <c r="B87" s="29">
        <v>12</v>
      </c>
      <c r="C87" s="10">
        <v>22</v>
      </c>
      <c r="D87" s="9">
        <v>34</v>
      </c>
    </row>
    <row r="88" spans="1:4" ht="18" customHeight="1" x14ac:dyDescent="0.2">
      <c r="A88" s="16">
        <v>68</v>
      </c>
      <c r="B88" s="29">
        <v>14</v>
      </c>
      <c r="C88" s="10">
        <v>21</v>
      </c>
      <c r="D88" s="9">
        <v>35</v>
      </c>
    </row>
    <row r="89" spans="1:4" ht="18" customHeight="1" x14ac:dyDescent="0.2">
      <c r="A89" s="16">
        <v>69</v>
      </c>
      <c r="B89" s="29">
        <v>14</v>
      </c>
      <c r="C89" s="10">
        <v>26</v>
      </c>
      <c r="D89" s="9">
        <v>40</v>
      </c>
    </row>
    <row r="90" spans="1:4" ht="18" customHeight="1" x14ac:dyDescent="0.2">
      <c r="A90" s="8" t="s">
        <v>10</v>
      </c>
      <c r="B90" s="29">
        <v>61</v>
      </c>
      <c r="C90" s="10">
        <v>103</v>
      </c>
      <c r="D90" s="9">
        <v>164</v>
      </c>
    </row>
    <row r="91" spans="1:4" ht="18" customHeight="1" x14ac:dyDescent="0.2">
      <c r="A91" s="16">
        <v>70</v>
      </c>
      <c r="B91" s="29">
        <v>19</v>
      </c>
      <c r="C91" s="10">
        <v>23</v>
      </c>
      <c r="D91" s="9">
        <v>42</v>
      </c>
    </row>
    <row r="92" spans="1:4" ht="18" customHeight="1" x14ac:dyDescent="0.2">
      <c r="A92" s="16">
        <v>71</v>
      </c>
      <c r="B92" s="29">
        <v>28</v>
      </c>
      <c r="C92" s="10">
        <v>26</v>
      </c>
      <c r="D92" s="9">
        <v>54</v>
      </c>
    </row>
    <row r="93" spans="1:4" ht="18" customHeight="1" x14ac:dyDescent="0.2">
      <c r="A93" s="16">
        <v>72</v>
      </c>
      <c r="B93" s="29">
        <v>29</v>
      </c>
      <c r="C93" s="10">
        <v>23</v>
      </c>
      <c r="D93" s="9">
        <v>52</v>
      </c>
    </row>
    <row r="94" spans="1:4" ht="18" customHeight="1" x14ac:dyDescent="0.2">
      <c r="A94" s="16">
        <v>73</v>
      </c>
      <c r="B94" s="29">
        <v>28</v>
      </c>
      <c r="C94" s="10">
        <v>33</v>
      </c>
      <c r="D94" s="9">
        <v>61</v>
      </c>
    </row>
    <row r="95" spans="1:4" ht="18" customHeight="1" x14ac:dyDescent="0.2">
      <c r="A95" s="16">
        <v>74</v>
      </c>
      <c r="B95" s="29">
        <v>33</v>
      </c>
      <c r="C95" s="10">
        <v>29</v>
      </c>
      <c r="D95" s="9">
        <v>62</v>
      </c>
    </row>
    <row r="96" spans="1:4" ht="18" customHeight="1" x14ac:dyDescent="0.2">
      <c r="A96" s="8" t="s">
        <v>9</v>
      </c>
      <c r="B96" s="29">
        <v>137</v>
      </c>
      <c r="C96" s="10">
        <v>134</v>
      </c>
      <c r="D96" s="9">
        <v>271</v>
      </c>
    </row>
    <row r="97" spans="1:4" ht="18" customHeight="1" x14ac:dyDescent="0.2">
      <c r="A97" s="16">
        <v>75</v>
      </c>
      <c r="B97" s="29">
        <v>27</v>
      </c>
      <c r="C97" s="10">
        <v>29</v>
      </c>
      <c r="D97" s="9">
        <v>56</v>
      </c>
    </row>
    <row r="98" spans="1:4" ht="18" customHeight="1" x14ac:dyDescent="0.2">
      <c r="A98" s="16">
        <v>76</v>
      </c>
      <c r="B98" s="29">
        <v>18</v>
      </c>
      <c r="C98" s="10">
        <v>38</v>
      </c>
      <c r="D98" s="9">
        <v>56</v>
      </c>
    </row>
    <row r="99" spans="1:4" ht="18" customHeight="1" x14ac:dyDescent="0.2">
      <c r="A99" s="16">
        <v>77</v>
      </c>
      <c r="B99" s="29">
        <v>19</v>
      </c>
      <c r="C99" s="10">
        <v>21</v>
      </c>
      <c r="D99" s="9">
        <v>40</v>
      </c>
    </row>
    <row r="100" spans="1:4" ht="18" customHeight="1" x14ac:dyDescent="0.2">
      <c r="A100" s="16">
        <v>78</v>
      </c>
      <c r="B100" s="29">
        <v>14</v>
      </c>
      <c r="C100" s="10">
        <v>31</v>
      </c>
      <c r="D100" s="9">
        <v>45</v>
      </c>
    </row>
    <row r="101" spans="1:4" ht="18" customHeight="1" x14ac:dyDescent="0.2">
      <c r="A101" s="16">
        <v>79</v>
      </c>
      <c r="B101" s="29">
        <v>25</v>
      </c>
      <c r="C101" s="10">
        <v>22</v>
      </c>
      <c r="D101" s="9">
        <v>47</v>
      </c>
    </row>
    <row r="102" spans="1:4" ht="18" customHeight="1" x14ac:dyDescent="0.2">
      <c r="A102" s="8" t="s">
        <v>8</v>
      </c>
      <c r="B102" s="29">
        <v>103</v>
      </c>
      <c r="C102" s="10">
        <v>141</v>
      </c>
      <c r="D102" s="9">
        <v>244</v>
      </c>
    </row>
    <row r="103" spans="1:4" ht="18" customHeight="1" x14ac:dyDescent="0.2">
      <c r="A103" s="16">
        <v>80</v>
      </c>
      <c r="B103" s="29">
        <v>11</v>
      </c>
      <c r="C103" s="10">
        <v>17</v>
      </c>
      <c r="D103" s="9">
        <v>28</v>
      </c>
    </row>
    <row r="104" spans="1:4" ht="18" customHeight="1" x14ac:dyDescent="0.2">
      <c r="A104" s="16">
        <v>81</v>
      </c>
      <c r="B104" s="29">
        <v>15</v>
      </c>
      <c r="C104" s="10">
        <v>30</v>
      </c>
      <c r="D104" s="9">
        <v>45</v>
      </c>
    </row>
    <row r="105" spans="1:4" ht="18" customHeight="1" x14ac:dyDescent="0.2">
      <c r="A105" s="16">
        <v>82</v>
      </c>
      <c r="B105" s="29">
        <v>14</v>
      </c>
      <c r="C105" s="10">
        <v>17</v>
      </c>
      <c r="D105" s="9">
        <v>31</v>
      </c>
    </row>
    <row r="106" spans="1:4" ht="18" customHeight="1" x14ac:dyDescent="0.2">
      <c r="A106" s="16">
        <v>83</v>
      </c>
      <c r="B106" s="29">
        <v>14</v>
      </c>
      <c r="C106" s="10">
        <v>14</v>
      </c>
      <c r="D106" s="9">
        <v>28</v>
      </c>
    </row>
    <row r="107" spans="1:4" ht="18" customHeight="1" x14ac:dyDescent="0.2">
      <c r="A107" s="16">
        <v>84</v>
      </c>
      <c r="B107" s="29">
        <v>10</v>
      </c>
      <c r="C107" s="10">
        <v>20</v>
      </c>
      <c r="D107" s="9">
        <v>30</v>
      </c>
    </row>
    <row r="108" spans="1:4" ht="18" customHeight="1" x14ac:dyDescent="0.2">
      <c r="A108" s="8" t="s">
        <v>7</v>
      </c>
      <c r="B108" s="29">
        <v>64</v>
      </c>
      <c r="C108" s="10">
        <v>98</v>
      </c>
      <c r="D108" s="9">
        <v>162</v>
      </c>
    </row>
    <row r="109" spans="1:4" ht="18" customHeight="1" x14ac:dyDescent="0.2">
      <c r="A109" s="16">
        <v>85</v>
      </c>
      <c r="B109" s="29">
        <v>10</v>
      </c>
      <c r="C109" s="10">
        <v>15</v>
      </c>
      <c r="D109" s="9">
        <v>25</v>
      </c>
    </row>
    <row r="110" spans="1:4" ht="18" customHeight="1" x14ac:dyDescent="0.2">
      <c r="A110" s="16">
        <v>86</v>
      </c>
      <c r="B110" s="29">
        <v>10</v>
      </c>
      <c r="C110" s="10">
        <v>16</v>
      </c>
      <c r="D110" s="9">
        <v>26</v>
      </c>
    </row>
    <row r="111" spans="1:4" ht="18" customHeight="1" x14ac:dyDescent="0.2">
      <c r="A111" s="16">
        <v>87</v>
      </c>
      <c r="B111" s="29">
        <v>7</v>
      </c>
      <c r="C111" s="10">
        <v>19</v>
      </c>
      <c r="D111" s="9">
        <v>26</v>
      </c>
    </row>
    <row r="112" spans="1:4" ht="18" customHeight="1" x14ac:dyDescent="0.2">
      <c r="A112" s="16">
        <v>88</v>
      </c>
      <c r="B112" s="29">
        <v>4</v>
      </c>
      <c r="C112" s="10">
        <v>8</v>
      </c>
      <c r="D112" s="9">
        <v>12</v>
      </c>
    </row>
    <row r="113" spans="1:4" ht="18" customHeight="1" x14ac:dyDescent="0.2">
      <c r="A113" s="16">
        <v>89</v>
      </c>
      <c r="B113" s="29">
        <v>4</v>
      </c>
      <c r="C113" s="10">
        <v>15</v>
      </c>
      <c r="D113" s="9">
        <v>19</v>
      </c>
    </row>
    <row r="114" spans="1:4" ht="18" customHeight="1" x14ac:dyDescent="0.2">
      <c r="A114" s="8" t="s">
        <v>6</v>
      </c>
      <c r="B114" s="29">
        <v>35</v>
      </c>
      <c r="C114" s="10">
        <v>73</v>
      </c>
      <c r="D114" s="9">
        <v>108</v>
      </c>
    </row>
    <row r="115" spans="1:4" ht="18" customHeight="1" x14ac:dyDescent="0.2">
      <c r="A115" s="16">
        <v>90</v>
      </c>
      <c r="B115" s="29">
        <v>2</v>
      </c>
      <c r="C115" s="10">
        <v>9</v>
      </c>
      <c r="D115" s="9">
        <v>11</v>
      </c>
    </row>
    <row r="116" spans="1:4" ht="18" customHeight="1" x14ac:dyDescent="0.2">
      <c r="A116" s="16">
        <v>91</v>
      </c>
      <c r="B116" s="29">
        <v>4</v>
      </c>
      <c r="C116" s="10">
        <v>7</v>
      </c>
      <c r="D116" s="9">
        <v>11</v>
      </c>
    </row>
    <row r="117" spans="1:4" ht="18" customHeight="1" x14ac:dyDescent="0.2">
      <c r="A117" s="16">
        <v>92</v>
      </c>
      <c r="B117" s="29">
        <v>4</v>
      </c>
      <c r="C117" s="10">
        <v>10</v>
      </c>
      <c r="D117" s="9">
        <v>14</v>
      </c>
    </row>
    <row r="118" spans="1:4" ht="18" customHeight="1" x14ac:dyDescent="0.2">
      <c r="A118" s="16">
        <v>93</v>
      </c>
      <c r="B118" s="29">
        <v>3</v>
      </c>
      <c r="C118" s="10">
        <v>9</v>
      </c>
      <c r="D118" s="9">
        <v>12</v>
      </c>
    </row>
    <row r="119" spans="1:4" ht="18" customHeight="1" x14ac:dyDescent="0.2">
      <c r="A119" s="16">
        <v>94</v>
      </c>
      <c r="B119" s="29">
        <v>3</v>
      </c>
      <c r="C119" s="10">
        <v>6</v>
      </c>
      <c r="D119" s="9">
        <v>9</v>
      </c>
    </row>
    <row r="120" spans="1:4" ht="18" customHeight="1" x14ac:dyDescent="0.2">
      <c r="A120" s="8" t="s">
        <v>5</v>
      </c>
      <c r="B120" s="29">
        <v>16</v>
      </c>
      <c r="C120" s="10">
        <v>41</v>
      </c>
      <c r="D120" s="9">
        <v>57</v>
      </c>
    </row>
    <row r="121" spans="1:4" ht="18" customHeight="1" x14ac:dyDescent="0.2">
      <c r="A121" s="16">
        <v>95</v>
      </c>
      <c r="B121" s="29">
        <v>0</v>
      </c>
      <c r="C121" s="10">
        <v>3</v>
      </c>
      <c r="D121" s="9">
        <v>3</v>
      </c>
    </row>
    <row r="122" spans="1:4" ht="18" customHeight="1" x14ac:dyDescent="0.2">
      <c r="A122" s="16">
        <v>96</v>
      </c>
      <c r="B122" s="29">
        <v>0</v>
      </c>
      <c r="C122" s="10">
        <v>3</v>
      </c>
      <c r="D122" s="9">
        <v>3</v>
      </c>
    </row>
    <row r="123" spans="1:4" ht="18" customHeight="1" x14ac:dyDescent="0.2">
      <c r="A123" s="16">
        <v>97</v>
      </c>
      <c r="B123" s="29">
        <v>2</v>
      </c>
      <c r="C123" s="10">
        <v>7</v>
      </c>
      <c r="D123" s="9">
        <v>9</v>
      </c>
    </row>
    <row r="124" spans="1:4" ht="18" customHeight="1" x14ac:dyDescent="0.2">
      <c r="A124" s="16">
        <v>98</v>
      </c>
      <c r="B124" s="29">
        <v>0</v>
      </c>
      <c r="C124" s="10">
        <v>1</v>
      </c>
      <c r="D124" s="9">
        <v>1</v>
      </c>
    </row>
    <row r="125" spans="1:4" ht="18" customHeight="1" x14ac:dyDescent="0.2">
      <c r="A125" s="16">
        <v>99</v>
      </c>
      <c r="B125" s="29">
        <v>0</v>
      </c>
      <c r="C125" s="10">
        <v>1</v>
      </c>
      <c r="D125" s="9">
        <v>1</v>
      </c>
    </row>
    <row r="126" spans="1:4" ht="18" customHeight="1" x14ac:dyDescent="0.2">
      <c r="A126" s="8" t="s">
        <v>4</v>
      </c>
      <c r="B126" s="29">
        <v>2</v>
      </c>
      <c r="C126" s="10">
        <v>15</v>
      </c>
      <c r="D126" s="9">
        <v>17</v>
      </c>
    </row>
    <row r="127" spans="1:4" ht="18" customHeight="1" x14ac:dyDescent="0.2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2">
      <c r="A128" s="15" t="s">
        <v>3</v>
      </c>
      <c r="B128" s="29">
        <v>0</v>
      </c>
      <c r="C128" s="10">
        <v>1</v>
      </c>
      <c r="D128" s="9">
        <v>1</v>
      </c>
    </row>
    <row r="129" spans="1:4" ht="18" customHeight="1" x14ac:dyDescent="0.2">
      <c r="A129" s="8" t="s">
        <v>2</v>
      </c>
      <c r="B129" s="29">
        <v>0</v>
      </c>
      <c r="C129" s="10">
        <v>2</v>
      </c>
      <c r="D129" s="9">
        <v>2</v>
      </c>
    </row>
    <row r="130" spans="1:4" ht="18" customHeight="1" x14ac:dyDescent="0.2">
      <c r="A130" s="8" t="s">
        <v>1</v>
      </c>
      <c r="B130" s="28">
        <v>418</v>
      </c>
      <c r="C130" s="6">
        <v>607</v>
      </c>
      <c r="D130" s="5">
        <v>1025</v>
      </c>
    </row>
    <row r="131" spans="1:4" ht="18" customHeight="1" x14ac:dyDescent="0.2">
      <c r="A131" s="4" t="s">
        <v>0</v>
      </c>
      <c r="B131" s="27">
        <v>1117</v>
      </c>
      <c r="C131" s="2">
        <v>1285</v>
      </c>
      <c r="D131" s="1">
        <v>2402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B205F02-89F2-4E94-A429-109B4C3A0FAC}">
  <sheetPr codeName="Sheet3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52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11</v>
      </c>
      <c r="C5" s="18">
        <v>13</v>
      </c>
      <c r="D5" s="17">
        <v>24</v>
      </c>
    </row>
    <row r="6" spans="1:4" ht="18" customHeight="1" x14ac:dyDescent="0.2">
      <c r="A6" s="16">
        <v>1</v>
      </c>
      <c r="B6" s="29">
        <v>10</v>
      </c>
      <c r="C6" s="10">
        <v>9</v>
      </c>
      <c r="D6" s="9">
        <v>19</v>
      </c>
    </row>
    <row r="7" spans="1:4" ht="18" customHeight="1" x14ac:dyDescent="0.2">
      <c r="A7" s="16">
        <v>2</v>
      </c>
      <c r="B7" s="29">
        <v>7</v>
      </c>
      <c r="C7" s="10">
        <v>9</v>
      </c>
      <c r="D7" s="9">
        <v>16</v>
      </c>
    </row>
    <row r="8" spans="1:4" ht="18" customHeight="1" x14ac:dyDescent="0.2">
      <c r="A8" s="16">
        <v>3</v>
      </c>
      <c r="B8" s="29">
        <v>10</v>
      </c>
      <c r="C8" s="10">
        <v>5</v>
      </c>
      <c r="D8" s="9">
        <v>15</v>
      </c>
    </row>
    <row r="9" spans="1:4" ht="18" customHeight="1" x14ac:dyDescent="0.2">
      <c r="A9" s="16">
        <v>4</v>
      </c>
      <c r="B9" s="29">
        <v>14</v>
      </c>
      <c r="C9" s="10">
        <v>10</v>
      </c>
      <c r="D9" s="9">
        <v>24</v>
      </c>
    </row>
    <row r="10" spans="1:4" ht="18" customHeight="1" x14ac:dyDescent="0.2">
      <c r="A10" s="8" t="s">
        <v>25</v>
      </c>
      <c r="B10" s="29">
        <v>52</v>
      </c>
      <c r="C10" s="10">
        <v>46</v>
      </c>
      <c r="D10" s="9">
        <v>98</v>
      </c>
    </row>
    <row r="11" spans="1:4" ht="18" customHeight="1" x14ac:dyDescent="0.2">
      <c r="A11" s="16">
        <v>5</v>
      </c>
      <c r="B11" s="29">
        <v>15</v>
      </c>
      <c r="C11" s="10">
        <v>13</v>
      </c>
      <c r="D11" s="9">
        <v>28</v>
      </c>
    </row>
    <row r="12" spans="1:4" ht="18" customHeight="1" x14ac:dyDescent="0.2">
      <c r="A12" s="16">
        <v>6</v>
      </c>
      <c r="B12" s="29">
        <v>7</v>
      </c>
      <c r="C12" s="10">
        <v>14</v>
      </c>
      <c r="D12" s="9">
        <v>21</v>
      </c>
    </row>
    <row r="13" spans="1:4" ht="18" customHeight="1" x14ac:dyDescent="0.2">
      <c r="A13" s="16">
        <v>7</v>
      </c>
      <c r="B13" s="29">
        <v>16</v>
      </c>
      <c r="C13" s="10">
        <v>10</v>
      </c>
      <c r="D13" s="9">
        <v>26</v>
      </c>
    </row>
    <row r="14" spans="1:4" ht="18" customHeight="1" x14ac:dyDescent="0.2">
      <c r="A14" s="16">
        <v>8</v>
      </c>
      <c r="B14" s="29">
        <v>12</v>
      </c>
      <c r="C14" s="10">
        <v>11</v>
      </c>
      <c r="D14" s="9">
        <v>23</v>
      </c>
    </row>
    <row r="15" spans="1:4" ht="18" customHeight="1" x14ac:dyDescent="0.2">
      <c r="A15" s="16">
        <v>9</v>
      </c>
      <c r="B15" s="29">
        <v>8</v>
      </c>
      <c r="C15" s="10">
        <v>13</v>
      </c>
      <c r="D15" s="9">
        <v>21</v>
      </c>
    </row>
    <row r="16" spans="1:4" ht="18" customHeight="1" x14ac:dyDescent="0.2">
      <c r="A16" s="8" t="s">
        <v>24</v>
      </c>
      <c r="B16" s="29">
        <v>58</v>
      </c>
      <c r="C16" s="10">
        <v>61</v>
      </c>
      <c r="D16" s="9">
        <v>119</v>
      </c>
    </row>
    <row r="17" spans="1:4" ht="18" customHeight="1" x14ac:dyDescent="0.2">
      <c r="A17" s="16">
        <v>10</v>
      </c>
      <c r="B17" s="29">
        <v>10</v>
      </c>
      <c r="C17" s="10">
        <v>12</v>
      </c>
      <c r="D17" s="9">
        <v>22</v>
      </c>
    </row>
    <row r="18" spans="1:4" ht="18" customHeight="1" x14ac:dyDescent="0.2">
      <c r="A18" s="16">
        <v>11</v>
      </c>
      <c r="B18" s="29">
        <v>14</v>
      </c>
      <c r="C18" s="10">
        <v>11</v>
      </c>
      <c r="D18" s="9">
        <v>25</v>
      </c>
    </row>
    <row r="19" spans="1:4" ht="18" customHeight="1" x14ac:dyDescent="0.2">
      <c r="A19" s="16">
        <v>12</v>
      </c>
      <c r="B19" s="29">
        <v>13</v>
      </c>
      <c r="C19" s="10">
        <v>12</v>
      </c>
      <c r="D19" s="9">
        <v>25</v>
      </c>
    </row>
    <row r="20" spans="1:4" ht="18" customHeight="1" x14ac:dyDescent="0.2">
      <c r="A20" s="16">
        <v>13</v>
      </c>
      <c r="B20" s="29">
        <v>13</v>
      </c>
      <c r="C20" s="10">
        <v>15</v>
      </c>
      <c r="D20" s="9">
        <v>28</v>
      </c>
    </row>
    <row r="21" spans="1:4" ht="18" customHeight="1" x14ac:dyDescent="0.2">
      <c r="A21" s="16">
        <v>14</v>
      </c>
      <c r="B21" s="29">
        <v>9</v>
      </c>
      <c r="C21" s="10">
        <v>13</v>
      </c>
      <c r="D21" s="9">
        <v>22</v>
      </c>
    </row>
    <row r="22" spans="1:4" ht="18" customHeight="1" x14ac:dyDescent="0.2">
      <c r="A22" s="8" t="s">
        <v>23</v>
      </c>
      <c r="B22" s="29">
        <v>59</v>
      </c>
      <c r="C22" s="10">
        <v>63</v>
      </c>
      <c r="D22" s="9">
        <v>122</v>
      </c>
    </row>
    <row r="23" spans="1:4" ht="18" customHeight="1" x14ac:dyDescent="0.2">
      <c r="A23" s="8" t="s">
        <v>22</v>
      </c>
      <c r="B23" s="29">
        <v>169</v>
      </c>
      <c r="C23" s="10">
        <v>170</v>
      </c>
      <c r="D23" s="9">
        <v>339</v>
      </c>
    </row>
    <row r="24" spans="1:4" ht="18" customHeight="1" x14ac:dyDescent="0.2">
      <c r="A24" s="16">
        <v>15</v>
      </c>
      <c r="B24" s="29">
        <v>23</v>
      </c>
      <c r="C24" s="10">
        <v>15</v>
      </c>
      <c r="D24" s="9">
        <v>38</v>
      </c>
    </row>
    <row r="25" spans="1:4" ht="18" customHeight="1" x14ac:dyDescent="0.2">
      <c r="A25" s="16">
        <v>16</v>
      </c>
      <c r="B25" s="29">
        <v>20</v>
      </c>
      <c r="C25" s="10">
        <v>21</v>
      </c>
      <c r="D25" s="9">
        <v>41</v>
      </c>
    </row>
    <row r="26" spans="1:4" ht="18" customHeight="1" x14ac:dyDescent="0.2">
      <c r="A26" s="16">
        <v>17</v>
      </c>
      <c r="B26" s="29">
        <v>23</v>
      </c>
      <c r="C26" s="10">
        <v>18</v>
      </c>
      <c r="D26" s="9">
        <v>41</v>
      </c>
    </row>
    <row r="27" spans="1:4" ht="18" customHeight="1" x14ac:dyDescent="0.2">
      <c r="A27" s="16">
        <v>18</v>
      </c>
      <c r="B27" s="29">
        <v>19</v>
      </c>
      <c r="C27" s="10">
        <v>23</v>
      </c>
      <c r="D27" s="9">
        <v>42</v>
      </c>
    </row>
    <row r="28" spans="1:4" ht="18" customHeight="1" x14ac:dyDescent="0.2">
      <c r="A28" s="16">
        <v>19</v>
      </c>
      <c r="B28" s="29">
        <v>19</v>
      </c>
      <c r="C28" s="10">
        <v>29</v>
      </c>
      <c r="D28" s="9">
        <v>48</v>
      </c>
    </row>
    <row r="29" spans="1:4" ht="18" customHeight="1" x14ac:dyDescent="0.2">
      <c r="A29" s="8" t="s">
        <v>21</v>
      </c>
      <c r="B29" s="29">
        <v>104</v>
      </c>
      <c r="C29" s="10">
        <v>106</v>
      </c>
      <c r="D29" s="9">
        <v>210</v>
      </c>
    </row>
    <row r="30" spans="1:4" ht="18" customHeight="1" x14ac:dyDescent="0.2">
      <c r="A30" s="16">
        <v>20</v>
      </c>
      <c r="B30" s="29">
        <v>28</v>
      </c>
      <c r="C30" s="10">
        <v>11</v>
      </c>
      <c r="D30" s="9">
        <v>39</v>
      </c>
    </row>
    <row r="31" spans="1:4" ht="18" customHeight="1" x14ac:dyDescent="0.2">
      <c r="A31" s="16">
        <v>21</v>
      </c>
      <c r="B31" s="29">
        <v>32</v>
      </c>
      <c r="C31" s="10">
        <v>25</v>
      </c>
      <c r="D31" s="9">
        <v>57</v>
      </c>
    </row>
    <row r="32" spans="1:4" ht="18" customHeight="1" x14ac:dyDescent="0.2">
      <c r="A32" s="16">
        <v>22</v>
      </c>
      <c r="B32" s="29">
        <v>39</v>
      </c>
      <c r="C32" s="10">
        <v>18</v>
      </c>
      <c r="D32" s="9">
        <v>57</v>
      </c>
    </row>
    <row r="33" spans="1:4" ht="18" customHeight="1" x14ac:dyDescent="0.2">
      <c r="A33" s="16">
        <v>23</v>
      </c>
      <c r="B33" s="29">
        <v>27</v>
      </c>
      <c r="C33" s="10">
        <v>19</v>
      </c>
      <c r="D33" s="9">
        <v>46</v>
      </c>
    </row>
    <row r="34" spans="1:4" ht="18" customHeight="1" x14ac:dyDescent="0.2">
      <c r="A34" s="16">
        <v>24</v>
      </c>
      <c r="B34" s="29">
        <v>24</v>
      </c>
      <c r="C34" s="10">
        <v>20</v>
      </c>
      <c r="D34" s="9">
        <v>44</v>
      </c>
    </row>
    <row r="35" spans="1:4" ht="18" customHeight="1" x14ac:dyDescent="0.2">
      <c r="A35" s="8" t="s">
        <v>20</v>
      </c>
      <c r="B35" s="29">
        <v>150</v>
      </c>
      <c r="C35" s="10">
        <v>93</v>
      </c>
      <c r="D35" s="9">
        <v>243</v>
      </c>
    </row>
    <row r="36" spans="1:4" ht="18" customHeight="1" x14ac:dyDescent="0.2">
      <c r="A36" s="16">
        <v>25</v>
      </c>
      <c r="B36" s="29">
        <v>21</v>
      </c>
      <c r="C36" s="10">
        <v>12</v>
      </c>
      <c r="D36" s="9">
        <v>33</v>
      </c>
    </row>
    <row r="37" spans="1:4" ht="18" customHeight="1" x14ac:dyDescent="0.2">
      <c r="A37" s="16">
        <v>26</v>
      </c>
      <c r="B37" s="29">
        <v>29</v>
      </c>
      <c r="C37" s="10">
        <v>20</v>
      </c>
      <c r="D37" s="9">
        <v>49</v>
      </c>
    </row>
    <row r="38" spans="1:4" ht="18" customHeight="1" x14ac:dyDescent="0.2">
      <c r="A38" s="16">
        <v>27</v>
      </c>
      <c r="B38" s="29">
        <v>21</v>
      </c>
      <c r="C38" s="10">
        <v>16</v>
      </c>
      <c r="D38" s="9">
        <v>37</v>
      </c>
    </row>
    <row r="39" spans="1:4" ht="18" customHeight="1" x14ac:dyDescent="0.2">
      <c r="A39" s="16">
        <v>28</v>
      </c>
      <c r="B39" s="29">
        <v>26</v>
      </c>
      <c r="C39" s="10">
        <v>18</v>
      </c>
      <c r="D39" s="9">
        <v>44</v>
      </c>
    </row>
    <row r="40" spans="1:4" ht="18" customHeight="1" x14ac:dyDescent="0.2">
      <c r="A40" s="16">
        <v>29</v>
      </c>
      <c r="B40" s="29">
        <v>20</v>
      </c>
      <c r="C40" s="10">
        <v>15</v>
      </c>
      <c r="D40" s="9">
        <v>35</v>
      </c>
    </row>
    <row r="41" spans="1:4" ht="18" customHeight="1" x14ac:dyDescent="0.2">
      <c r="A41" s="8" t="s">
        <v>19</v>
      </c>
      <c r="B41" s="29">
        <v>117</v>
      </c>
      <c r="C41" s="10">
        <v>81</v>
      </c>
      <c r="D41" s="9">
        <v>198</v>
      </c>
    </row>
    <row r="42" spans="1:4" ht="18" customHeight="1" x14ac:dyDescent="0.2">
      <c r="A42" s="16">
        <v>30</v>
      </c>
      <c r="B42" s="29">
        <v>15</v>
      </c>
      <c r="C42" s="10">
        <v>13</v>
      </c>
      <c r="D42" s="9">
        <v>28</v>
      </c>
    </row>
    <row r="43" spans="1:4" ht="18" customHeight="1" x14ac:dyDescent="0.2">
      <c r="A43" s="16">
        <v>31</v>
      </c>
      <c r="B43" s="29">
        <v>13</v>
      </c>
      <c r="C43" s="10">
        <v>10</v>
      </c>
      <c r="D43" s="9">
        <v>23</v>
      </c>
    </row>
    <row r="44" spans="1:4" ht="18" customHeight="1" x14ac:dyDescent="0.2">
      <c r="A44" s="16">
        <v>32</v>
      </c>
      <c r="B44" s="29">
        <v>19</v>
      </c>
      <c r="C44" s="10">
        <v>12</v>
      </c>
      <c r="D44" s="9">
        <v>31</v>
      </c>
    </row>
    <row r="45" spans="1:4" ht="18" customHeight="1" x14ac:dyDescent="0.2">
      <c r="A45" s="16">
        <v>33</v>
      </c>
      <c r="B45" s="29">
        <v>20</v>
      </c>
      <c r="C45" s="10">
        <v>11</v>
      </c>
      <c r="D45" s="9">
        <v>31</v>
      </c>
    </row>
    <row r="46" spans="1:4" ht="18" customHeight="1" x14ac:dyDescent="0.2">
      <c r="A46" s="16">
        <v>34</v>
      </c>
      <c r="B46" s="29">
        <v>13</v>
      </c>
      <c r="C46" s="10">
        <v>7</v>
      </c>
      <c r="D46" s="9">
        <v>20</v>
      </c>
    </row>
    <row r="47" spans="1:4" ht="18" customHeight="1" x14ac:dyDescent="0.2">
      <c r="A47" s="8" t="s">
        <v>18</v>
      </c>
      <c r="B47" s="29">
        <v>80</v>
      </c>
      <c r="C47" s="10">
        <v>53</v>
      </c>
      <c r="D47" s="9">
        <v>133</v>
      </c>
    </row>
    <row r="48" spans="1:4" ht="18" customHeight="1" x14ac:dyDescent="0.2">
      <c r="A48" s="16">
        <v>35</v>
      </c>
      <c r="B48" s="29">
        <v>16</v>
      </c>
      <c r="C48" s="10">
        <v>15</v>
      </c>
      <c r="D48" s="9">
        <v>31</v>
      </c>
    </row>
    <row r="49" spans="1:4" ht="18" customHeight="1" x14ac:dyDescent="0.2">
      <c r="A49" s="16">
        <v>36</v>
      </c>
      <c r="B49" s="29">
        <v>19</v>
      </c>
      <c r="C49" s="10">
        <v>17</v>
      </c>
      <c r="D49" s="9">
        <v>36</v>
      </c>
    </row>
    <row r="50" spans="1:4" ht="18" customHeight="1" x14ac:dyDescent="0.2">
      <c r="A50" s="16">
        <v>37</v>
      </c>
      <c r="B50" s="29">
        <v>16</v>
      </c>
      <c r="C50" s="10">
        <v>17</v>
      </c>
      <c r="D50" s="9">
        <v>33</v>
      </c>
    </row>
    <row r="51" spans="1:4" ht="18" customHeight="1" x14ac:dyDescent="0.2">
      <c r="A51" s="16">
        <v>38</v>
      </c>
      <c r="B51" s="29">
        <v>17</v>
      </c>
      <c r="C51" s="10">
        <v>20</v>
      </c>
      <c r="D51" s="9">
        <v>37</v>
      </c>
    </row>
    <row r="52" spans="1:4" ht="18" customHeight="1" x14ac:dyDescent="0.2">
      <c r="A52" s="16">
        <v>39</v>
      </c>
      <c r="B52" s="29">
        <v>15</v>
      </c>
      <c r="C52" s="10">
        <v>15</v>
      </c>
      <c r="D52" s="9">
        <v>30</v>
      </c>
    </row>
    <row r="53" spans="1:4" ht="18" customHeight="1" x14ac:dyDescent="0.2">
      <c r="A53" s="8" t="s">
        <v>17</v>
      </c>
      <c r="B53" s="29">
        <v>83</v>
      </c>
      <c r="C53" s="10">
        <v>84</v>
      </c>
      <c r="D53" s="9">
        <v>167</v>
      </c>
    </row>
    <row r="54" spans="1:4" ht="18" customHeight="1" x14ac:dyDescent="0.2">
      <c r="A54" s="16">
        <v>40</v>
      </c>
      <c r="B54" s="29">
        <v>20</v>
      </c>
      <c r="C54" s="10">
        <v>21</v>
      </c>
      <c r="D54" s="9">
        <v>41</v>
      </c>
    </row>
    <row r="55" spans="1:4" ht="18" customHeight="1" x14ac:dyDescent="0.2">
      <c r="A55" s="16">
        <v>41</v>
      </c>
      <c r="B55" s="29">
        <v>8</v>
      </c>
      <c r="C55" s="10">
        <v>18</v>
      </c>
      <c r="D55" s="9">
        <v>26</v>
      </c>
    </row>
    <row r="56" spans="1:4" ht="18" customHeight="1" x14ac:dyDescent="0.2">
      <c r="A56" s="16">
        <v>42</v>
      </c>
      <c r="B56" s="29">
        <v>18</v>
      </c>
      <c r="C56" s="10">
        <v>20</v>
      </c>
      <c r="D56" s="9">
        <v>38</v>
      </c>
    </row>
    <row r="57" spans="1:4" ht="18" customHeight="1" x14ac:dyDescent="0.2">
      <c r="A57" s="16">
        <v>43</v>
      </c>
      <c r="B57" s="29">
        <v>17</v>
      </c>
      <c r="C57" s="10">
        <v>26</v>
      </c>
      <c r="D57" s="9">
        <v>43</v>
      </c>
    </row>
    <row r="58" spans="1:4" ht="18" customHeight="1" x14ac:dyDescent="0.2">
      <c r="A58" s="16">
        <v>44</v>
      </c>
      <c r="B58" s="29">
        <v>27</v>
      </c>
      <c r="C58" s="10">
        <v>26</v>
      </c>
      <c r="D58" s="9">
        <v>53</v>
      </c>
    </row>
    <row r="59" spans="1:4" ht="18" customHeight="1" x14ac:dyDescent="0.2">
      <c r="A59" s="8" t="s">
        <v>16</v>
      </c>
      <c r="B59" s="29">
        <v>90</v>
      </c>
      <c r="C59" s="10">
        <v>111</v>
      </c>
      <c r="D59" s="9">
        <v>201</v>
      </c>
    </row>
    <row r="60" spans="1:4" ht="18" customHeight="1" x14ac:dyDescent="0.2">
      <c r="A60" s="16">
        <v>45</v>
      </c>
      <c r="B60" s="29">
        <v>26</v>
      </c>
      <c r="C60" s="10">
        <v>23</v>
      </c>
      <c r="D60" s="9">
        <v>49</v>
      </c>
    </row>
    <row r="61" spans="1:4" ht="18" customHeight="1" x14ac:dyDescent="0.2">
      <c r="A61" s="16">
        <v>46</v>
      </c>
      <c r="B61" s="29">
        <v>28</v>
      </c>
      <c r="C61" s="10">
        <v>22</v>
      </c>
      <c r="D61" s="9">
        <v>50</v>
      </c>
    </row>
    <row r="62" spans="1:4" ht="18" customHeight="1" x14ac:dyDescent="0.2">
      <c r="A62" s="16">
        <v>47</v>
      </c>
      <c r="B62" s="29">
        <v>34</v>
      </c>
      <c r="C62" s="10">
        <v>34</v>
      </c>
      <c r="D62" s="9">
        <v>68</v>
      </c>
    </row>
    <row r="63" spans="1:4" ht="18" customHeight="1" x14ac:dyDescent="0.2">
      <c r="A63" s="16">
        <v>48</v>
      </c>
      <c r="B63" s="29">
        <v>40</v>
      </c>
      <c r="C63" s="10">
        <v>40</v>
      </c>
      <c r="D63" s="9">
        <v>80</v>
      </c>
    </row>
    <row r="64" spans="1:4" ht="18" customHeight="1" x14ac:dyDescent="0.2">
      <c r="A64" s="16">
        <v>49</v>
      </c>
      <c r="B64" s="29">
        <v>42</v>
      </c>
      <c r="C64" s="10">
        <v>38</v>
      </c>
      <c r="D64" s="9">
        <v>80</v>
      </c>
    </row>
    <row r="65" spans="1:4" ht="18" customHeight="1" x14ac:dyDescent="0.2">
      <c r="A65" s="8" t="s">
        <v>15</v>
      </c>
      <c r="B65" s="29">
        <v>170</v>
      </c>
      <c r="C65" s="10">
        <v>157</v>
      </c>
      <c r="D65" s="9">
        <v>327</v>
      </c>
    </row>
    <row r="66" spans="1:4" ht="18" customHeight="1" x14ac:dyDescent="0.2">
      <c r="A66" s="16">
        <v>50</v>
      </c>
      <c r="B66" s="29">
        <v>30</v>
      </c>
      <c r="C66" s="10">
        <v>47</v>
      </c>
      <c r="D66" s="9">
        <v>77</v>
      </c>
    </row>
    <row r="67" spans="1:4" ht="18" customHeight="1" x14ac:dyDescent="0.2">
      <c r="A67" s="16">
        <v>51</v>
      </c>
      <c r="B67" s="29">
        <v>32</v>
      </c>
      <c r="C67" s="10">
        <v>35</v>
      </c>
      <c r="D67" s="9">
        <v>67</v>
      </c>
    </row>
    <row r="68" spans="1:4" ht="18" customHeight="1" x14ac:dyDescent="0.2">
      <c r="A68" s="16">
        <v>52</v>
      </c>
      <c r="B68" s="29">
        <v>46</v>
      </c>
      <c r="C68" s="10">
        <v>27</v>
      </c>
      <c r="D68" s="9">
        <v>73</v>
      </c>
    </row>
    <row r="69" spans="1:4" ht="18" customHeight="1" x14ac:dyDescent="0.2">
      <c r="A69" s="16">
        <v>53</v>
      </c>
      <c r="B69" s="29">
        <v>34</v>
      </c>
      <c r="C69" s="10">
        <v>31</v>
      </c>
      <c r="D69" s="9">
        <v>65</v>
      </c>
    </row>
    <row r="70" spans="1:4" ht="18" customHeight="1" x14ac:dyDescent="0.2">
      <c r="A70" s="16">
        <v>54</v>
      </c>
      <c r="B70" s="29">
        <v>36</v>
      </c>
      <c r="C70" s="10">
        <v>33</v>
      </c>
      <c r="D70" s="9">
        <v>69</v>
      </c>
    </row>
    <row r="71" spans="1:4" ht="18" customHeight="1" x14ac:dyDescent="0.2">
      <c r="A71" s="8" t="s">
        <v>14</v>
      </c>
      <c r="B71" s="29">
        <v>178</v>
      </c>
      <c r="C71" s="10">
        <v>173</v>
      </c>
      <c r="D71" s="9">
        <v>351</v>
      </c>
    </row>
    <row r="72" spans="1:4" ht="18" customHeight="1" x14ac:dyDescent="0.2">
      <c r="A72" s="16">
        <v>55</v>
      </c>
      <c r="B72" s="29">
        <v>29</v>
      </c>
      <c r="C72" s="10">
        <v>37</v>
      </c>
      <c r="D72" s="9">
        <v>66</v>
      </c>
    </row>
    <row r="73" spans="1:4" ht="18" customHeight="1" x14ac:dyDescent="0.2">
      <c r="A73" s="16">
        <v>56</v>
      </c>
      <c r="B73" s="29">
        <v>30</v>
      </c>
      <c r="C73" s="10">
        <v>38</v>
      </c>
      <c r="D73" s="9">
        <v>68</v>
      </c>
    </row>
    <row r="74" spans="1:4" ht="18" customHeight="1" x14ac:dyDescent="0.2">
      <c r="A74" s="16">
        <v>57</v>
      </c>
      <c r="B74" s="29">
        <v>29</v>
      </c>
      <c r="C74" s="10">
        <v>20</v>
      </c>
      <c r="D74" s="9">
        <v>49</v>
      </c>
    </row>
    <row r="75" spans="1:4" ht="18" customHeight="1" x14ac:dyDescent="0.2">
      <c r="A75" s="16">
        <v>58</v>
      </c>
      <c r="B75" s="29">
        <v>25</v>
      </c>
      <c r="C75" s="10">
        <v>35</v>
      </c>
      <c r="D75" s="9">
        <v>60</v>
      </c>
    </row>
    <row r="76" spans="1:4" ht="18" customHeight="1" x14ac:dyDescent="0.2">
      <c r="A76" s="16">
        <v>59</v>
      </c>
      <c r="B76" s="29">
        <v>20</v>
      </c>
      <c r="C76" s="10">
        <v>19</v>
      </c>
      <c r="D76" s="9">
        <v>39</v>
      </c>
    </row>
    <row r="77" spans="1:4" ht="18" customHeight="1" x14ac:dyDescent="0.2">
      <c r="A77" s="8" t="s">
        <v>13</v>
      </c>
      <c r="B77" s="29">
        <v>133</v>
      </c>
      <c r="C77" s="10">
        <v>149</v>
      </c>
      <c r="D77" s="9">
        <v>282</v>
      </c>
    </row>
    <row r="78" spans="1:4" ht="18" customHeight="1" x14ac:dyDescent="0.2">
      <c r="A78" s="16">
        <v>60</v>
      </c>
      <c r="B78" s="29">
        <v>23</v>
      </c>
      <c r="C78" s="10">
        <v>28</v>
      </c>
      <c r="D78" s="9">
        <v>51</v>
      </c>
    </row>
    <row r="79" spans="1:4" ht="18" customHeight="1" x14ac:dyDescent="0.2">
      <c r="A79" s="16">
        <v>61</v>
      </c>
      <c r="B79" s="29">
        <v>25</v>
      </c>
      <c r="C79" s="10">
        <v>24</v>
      </c>
      <c r="D79" s="9">
        <v>49</v>
      </c>
    </row>
    <row r="80" spans="1:4" ht="18" customHeight="1" x14ac:dyDescent="0.2">
      <c r="A80" s="16">
        <v>62</v>
      </c>
      <c r="B80" s="29">
        <v>28</v>
      </c>
      <c r="C80" s="10">
        <v>16</v>
      </c>
      <c r="D80" s="9">
        <v>44</v>
      </c>
    </row>
    <row r="81" spans="1:4" ht="18" customHeight="1" x14ac:dyDescent="0.2">
      <c r="A81" s="16">
        <v>63</v>
      </c>
      <c r="B81" s="29">
        <v>21</v>
      </c>
      <c r="C81" s="10">
        <v>19</v>
      </c>
      <c r="D81" s="9">
        <v>40</v>
      </c>
    </row>
    <row r="82" spans="1:4" ht="18" customHeight="1" x14ac:dyDescent="0.2">
      <c r="A82" s="16">
        <v>64</v>
      </c>
      <c r="B82" s="29">
        <v>28</v>
      </c>
      <c r="C82" s="10">
        <v>21</v>
      </c>
      <c r="D82" s="9">
        <v>49</v>
      </c>
    </row>
    <row r="83" spans="1:4" ht="18" customHeight="1" x14ac:dyDescent="0.2">
      <c r="A83" s="8" t="s">
        <v>12</v>
      </c>
      <c r="B83" s="29">
        <v>125</v>
      </c>
      <c r="C83" s="10">
        <v>108</v>
      </c>
      <c r="D83" s="9">
        <v>233</v>
      </c>
    </row>
    <row r="84" spans="1:4" ht="18" customHeight="1" x14ac:dyDescent="0.2">
      <c r="A84" s="8" t="s">
        <v>11</v>
      </c>
      <c r="B84" s="29">
        <v>1230</v>
      </c>
      <c r="C84" s="10">
        <v>1115</v>
      </c>
      <c r="D84" s="9">
        <v>2345</v>
      </c>
    </row>
    <row r="85" spans="1:4" ht="18" customHeight="1" x14ac:dyDescent="0.2">
      <c r="A85" s="16">
        <v>65</v>
      </c>
      <c r="B85" s="29">
        <v>20</v>
      </c>
      <c r="C85" s="10">
        <v>19</v>
      </c>
      <c r="D85" s="9">
        <v>39</v>
      </c>
    </row>
    <row r="86" spans="1:4" ht="18" customHeight="1" x14ac:dyDescent="0.2">
      <c r="A86" s="16">
        <v>66</v>
      </c>
      <c r="B86" s="29">
        <v>18</v>
      </c>
      <c r="C86" s="10">
        <v>27</v>
      </c>
      <c r="D86" s="9">
        <v>45</v>
      </c>
    </row>
    <row r="87" spans="1:4" ht="18" customHeight="1" x14ac:dyDescent="0.2">
      <c r="A87" s="16">
        <v>67</v>
      </c>
      <c r="B87" s="29">
        <v>19</v>
      </c>
      <c r="C87" s="10">
        <v>22</v>
      </c>
      <c r="D87" s="9">
        <v>41</v>
      </c>
    </row>
    <row r="88" spans="1:4" ht="18" customHeight="1" x14ac:dyDescent="0.2">
      <c r="A88" s="16">
        <v>68</v>
      </c>
      <c r="B88" s="29">
        <v>27</v>
      </c>
      <c r="C88" s="10">
        <v>22</v>
      </c>
      <c r="D88" s="9">
        <v>49</v>
      </c>
    </row>
    <row r="89" spans="1:4" ht="18" customHeight="1" x14ac:dyDescent="0.2">
      <c r="A89" s="16">
        <v>69</v>
      </c>
      <c r="B89" s="29">
        <v>30</v>
      </c>
      <c r="C89" s="10">
        <v>21</v>
      </c>
      <c r="D89" s="9">
        <v>51</v>
      </c>
    </row>
    <row r="90" spans="1:4" ht="18" customHeight="1" x14ac:dyDescent="0.2">
      <c r="A90" s="8" t="s">
        <v>10</v>
      </c>
      <c r="B90" s="29">
        <v>114</v>
      </c>
      <c r="C90" s="10">
        <v>111</v>
      </c>
      <c r="D90" s="9">
        <v>225</v>
      </c>
    </row>
    <row r="91" spans="1:4" ht="18" customHeight="1" x14ac:dyDescent="0.2">
      <c r="A91" s="16">
        <v>70</v>
      </c>
      <c r="B91" s="29">
        <v>27</v>
      </c>
      <c r="C91" s="10">
        <v>28</v>
      </c>
      <c r="D91" s="9">
        <v>55</v>
      </c>
    </row>
    <row r="92" spans="1:4" ht="18" customHeight="1" x14ac:dyDescent="0.2">
      <c r="A92" s="16">
        <v>71</v>
      </c>
      <c r="B92" s="29">
        <v>20</v>
      </c>
      <c r="C92" s="10">
        <v>30</v>
      </c>
      <c r="D92" s="9">
        <v>50</v>
      </c>
    </row>
    <row r="93" spans="1:4" ht="18" customHeight="1" x14ac:dyDescent="0.2">
      <c r="A93" s="16">
        <v>72</v>
      </c>
      <c r="B93" s="29">
        <v>26</v>
      </c>
      <c r="C93" s="10">
        <v>39</v>
      </c>
      <c r="D93" s="9">
        <v>65</v>
      </c>
    </row>
    <row r="94" spans="1:4" ht="18" customHeight="1" x14ac:dyDescent="0.2">
      <c r="A94" s="16">
        <v>73</v>
      </c>
      <c r="B94" s="29">
        <v>26</v>
      </c>
      <c r="C94" s="10">
        <v>44</v>
      </c>
      <c r="D94" s="9">
        <v>70</v>
      </c>
    </row>
    <row r="95" spans="1:4" ht="18" customHeight="1" x14ac:dyDescent="0.2">
      <c r="A95" s="16">
        <v>74</v>
      </c>
      <c r="B95" s="29">
        <v>42</v>
      </c>
      <c r="C95" s="10">
        <v>45</v>
      </c>
      <c r="D95" s="9">
        <v>87</v>
      </c>
    </row>
    <row r="96" spans="1:4" ht="18" customHeight="1" x14ac:dyDescent="0.2">
      <c r="A96" s="8" t="s">
        <v>9</v>
      </c>
      <c r="B96" s="29">
        <v>141</v>
      </c>
      <c r="C96" s="10">
        <v>186</v>
      </c>
      <c r="D96" s="9">
        <v>327</v>
      </c>
    </row>
    <row r="97" spans="1:4" ht="18" customHeight="1" x14ac:dyDescent="0.2">
      <c r="A97" s="16">
        <v>75</v>
      </c>
      <c r="B97" s="29">
        <v>33</v>
      </c>
      <c r="C97" s="10">
        <v>41</v>
      </c>
      <c r="D97" s="9">
        <v>74</v>
      </c>
    </row>
    <row r="98" spans="1:4" ht="18" customHeight="1" x14ac:dyDescent="0.2">
      <c r="A98" s="16">
        <v>76</v>
      </c>
      <c r="B98" s="29">
        <v>27</v>
      </c>
      <c r="C98" s="10">
        <v>37</v>
      </c>
      <c r="D98" s="9">
        <v>64</v>
      </c>
    </row>
    <row r="99" spans="1:4" ht="18" customHeight="1" x14ac:dyDescent="0.2">
      <c r="A99" s="16">
        <v>77</v>
      </c>
      <c r="B99" s="29">
        <v>23</v>
      </c>
      <c r="C99" s="10">
        <v>16</v>
      </c>
      <c r="D99" s="9">
        <v>39</v>
      </c>
    </row>
    <row r="100" spans="1:4" ht="18" customHeight="1" x14ac:dyDescent="0.2">
      <c r="A100" s="16">
        <v>78</v>
      </c>
      <c r="B100" s="29">
        <v>25</v>
      </c>
      <c r="C100" s="10">
        <v>22</v>
      </c>
      <c r="D100" s="9">
        <v>47</v>
      </c>
    </row>
    <row r="101" spans="1:4" ht="18" customHeight="1" x14ac:dyDescent="0.2">
      <c r="A101" s="16">
        <v>79</v>
      </c>
      <c r="B101" s="29">
        <v>20</v>
      </c>
      <c r="C101" s="10">
        <v>38</v>
      </c>
      <c r="D101" s="9">
        <v>58</v>
      </c>
    </row>
    <row r="102" spans="1:4" ht="18" customHeight="1" x14ac:dyDescent="0.2">
      <c r="A102" s="8" t="s">
        <v>8</v>
      </c>
      <c r="B102" s="29">
        <v>128</v>
      </c>
      <c r="C102" s="10">
        <v>154</v>
      </c>
      <c r="D102" s="9">
        <v>282</v>
      </c>
    </row>
    <row r="103" spans="1:4" ht="18" customHeight="1" x14ac:dyDescent="0.2">
      <c r="A103" s="16">
        <v>80</v>
      </c>
      <c r="B103" s="29">
        <v>19</v>
      </c>
      <c r="C103" s="10">
        <v>34</v>
      </c>
      <c r="D103" s="9">
        <v>53</v>
      </c>
    </row>
    <row r="104" spans="1:4" ht="18" customHeight="1" x14ac:dyDescent="0.2">
      <c r="A104" s="16">
        <v>81</v>
      </c>
      <c r="B104" s="29">
        <v>26</v>
      </c>
      <c r="C104" s="10">
        <v>43</v>
      </c>
      <c r="D104" s="9">
        <v>69</v>
      </c>
    </row>
    <row r="105" spans="1:4" ht="18" customHeight="1" x14ac:dyDescent="0.2">
      <c r="A105" s="16">
        <v>82</v>
      </c>
      <c r="B105" s="29">
        <v>17</v>
      </c>
      <c r="C105" s="10">
        <v>19</v>
      </c>
      <c r="D105" s="9">
        <v>36</v>
      </c>
    </row>
    <row r="106" spans="1:4" ht="18" customHeight="1" x14ac:dyDescent="0.2">
      <c r="A106" s="16">
        <v>83</v>
      </c>
      <c r="B106" s="29">
        <v>17</v>
      </c>
      <c r="C106" s="10">
        <v>30</v>
      </c>
      <c r="D106" s="9">
        <v>47</v>
      </c>
    </row>
    <row r="107" spans="1:4" ht="18" customHeight="1" x14ac:dyDescent="0.2">
      <c r="A107" s="16">
        <v>84</v>
      </c>
      <c r="B107" s="29">
        <v>8</v>
      </c>
      <c r="C107" s="10">
        <v>21</v>
      </c>
      <c r="D107" s="9">
        <v>29</v>
      </c>
    </row>
    <row r="108" spans="1:4" ht="18" customHeight="1" x14ac:dyDescent="0.2">
      <c r="A108" s="8" t="s">
        <v>7</v>
      </c>
      <c r="B108" s="29">
        <v>87</v>
      </c>
      <c r="C108" s="10">
        <v>147</v>
      </c>
      <c r="D108" s="9">
        <v>234</v>
      </c>
    </row>
    <row r="109" spans="1:4" ht="18" customHeight="1" x14ac:dyDescent="0.2">
      <c r="A109" s="16">
        <v>85</v>
      </c>
      <c r="B109" s="29">
        <v>17</v>
      </c>
      <c r="C109" s="10">
        <v>27</v>
      </c>
      <c r="D109" s="9">
        <v>44</v>
      </c>
    </row>
    <row r="110" spans="1:4" ht="18" customHeight="1" x14ac:dyDescent="0.2">
      <c r="A110" s="16">
        <v>86</v>
      </c>
      <c r="B110" s="29">
        <v>11</v>
      </c>
      <c r="C110" s="10">
        <v>23</v>
      </c>
      <c r="D110" s="9">
        <v>34</v>
      </c>
    </row>
    <row r="111" spans="1:4" ht="18" customHeight="1" x14ac:dyDescent="0.2">
      <c r="A111" s="16">
        <v>87</v>
      </c>
      <c r="B111" s="29">
        <v>6</v>
      </c>
      <c r="C111" s="10">
        <v>28</v>
      </c>
      <c r="D111" s="9">
        <v>34</v>
      </c>
    </row>
    <row r="112" spans="1:4" ht="18" customHeight="1" x14ac:dyDescent="0.2">
      <c r="A112" s="16">
        <v>88</v>
      </c>
      <c r="B112" s="29">
        <v>7</v>
      </c>
      <c r="C112" s="10">
        <v>19</v>
      </c>
      <c r="D112" s="9">
        <v>26</v>
      </c>
    </row>
    <row r="113" spans="1:4" ht="18" customHeight="1" x14ac:dyDescent="0.2">
      <c r="A113" s="16">
        <v>89</v>
      </c>
      <c r="B113" s="29">
        <v>6</v>
      </c>
      <c r="C113" s="10">
        <v>13</v>
      </c>
      <c r="D113" s="9">
        <v>19</v>
      </c>
    </row>
    <row r="114" spans="1:4" ht="18" customHeight="1" x14ac:dyDescent="0.2">
      <c r="A114" s="8" t="s">
        <v>6</v>
      </c>
      <c r="B114" s="29">
        <v>47</v>
      </c>
      <c r="C114" s="10">
        <v>110</v>
      </c>
      <c r="D114" s="9">
        <v>157</v>
      </c>
    </row>
    <row r="115" spans="1:4" ht="18" customHeight="1" x14ac:dyDescent="0.2">
      <c r="A115" s="16">
        <v>90</v>
      </c>
      <c r="B115" s="29">
        <v>6</v>
      </c>
      <c r="C115" s="10">
        <v>13</v>
      </c>
      <c r="D115" s="9">
        <v>19</v>
      </c>
    </row>
    <row r="116" spans="1:4" ht="18" customHeight="1" x14ac:dyDescent="0.2">
      <c r="A116" s="16">
        <v>91</v>
      </c>
      <c r="B116" s="29">
        <v>3</v>
      </c>
      <c r="C116" s="10">
        <v>13</v>
      </c>
      <c r="D116" s="9">
        <v>16</v>
      </c>
    </row>
    <row r="117" spans="1:4" ht="18" customHeight="1" x14ac:dyDescent="0.2">
      <c r="A117" s="16">
        <v>92</v>
      </c>
      <c r="B117" s="29">
        <v>3</v>
      </c>
      <c r="C117" s="10">
        <v>10</v>
      </c>
      <c r="D117" s="9">
        <v>13</v>
      </c>
    </row>
    <row r="118" spans="1:4" ht="18" customHeight="1" x14ac:dyDescent="0.2">
      <c r="A118" s="16">
        <v>93</v>
      </c>
      <c r="B118" s="29">
        <v>3</v>
      </c>
      <c r="C118" s="10">
        <v>10</v>
      </c>
      <c r="D118" s="9">
        <v>13</v>
      </c>
    </row>
    <row r="119" spans="1:4" ht="18" customHeight="1" x14ac:dyDescent="0.2">
      <c r="A119" s="16">
        <v>94</v>
      </c>
      <c r="B119" s="29">
        <v>0</v>
      </c>
      <c r="C119" s="10">
        <v>8</v>
      </c>
      <c r="D119" s="9">
        <v>8</v>
      </c>
    </row>
    <row r="120" spans="1:4" ht="18" customHeight="1" x14ac:dyDescent="0.2">
      <c r="A120" s="8" t="s">
        <v>5</v>
      </c>
      <c r="B120" s="29">
        <v>15</v>
      </c>
      <c r="C120" s="10">
        <v>54</v>
      </c>
      <c r="D120" s="9">
        <v>69</v>
      </c>
    </row>
    <row r="121" spans="1:4" ht="18" customHeight="1" x14ac:dyDescent="0.2">
      <c r="A121" s="16">
        <v>95</v>
      </c>
      <c r="B121" s="29">
        <v>0</v>
      </c>
      <c r="C121" s="10">
        <v>3</v>
      </c>
      <c r="D121" s="9">
        <v>3</v>
      </c>
    </row>
    <row r="122" spans="1:4" ht="18" customHeight="1" x14ac:dyDescent="0.2">
      <c r="A122" s="16">
        <v>96</v>
      </c>
      <c r="B122" s="29">
        <v>2</v>
      </c>
      <c r="C122" s="10">
        <v>1</v>
      </c>
      <c r="D122" s="9">
        <v>3</v>
      </c>
    </row>
    <row r="123" spans="1:4" ht="18" customHeight="1" x14ac:dyDescent="0.2">
      <c r="A123" s="16">
        <v>97</v>
      </c>
      <c r="B123" s="29">
        <v>2</v>
      </c>
      <c r="C123" s="10">
        <v>1</v>
      </c>
      <c r="D123" s="9">
        <v>3</v>
      </c>
    </row>
    <row r="124" spans="1:4" ht="18" customHeight="1" x14ac:dyDescent="0.2">
      <c r="A124" s="16">
        <v>98</v>
      </c>
      <c r="B124" s="29">
        <v>0</v>
      </c>
      <c r="C124" s="10">
        <v>4</v>
      </c>
      <c r="D124" s="9">
        <v>4</v>
      </c>
    </row>
    <row r="125" spans="1:4" ht="18" customHeight="1" x14ac:dyDescent="0.2">
      <c r="A125" s="16">
        <v>99</v>
      </c>
      <c r="B125" s="29">
        <v>0</v>
      </c>
      <c r="C125" s="10">
        <v>0</v>
      </c>
      <c r="D125" s="9">
        <v>0</v>
      </c>
    </row>
    <row r="126" spans="1:4" ht="18" customHeight="1" x14ac:dyDescent="0.2">
      <c r="A126" s="8" t="s">
        <v>4</v>
      </c>
      <c r="B126" s="29">
        <v>4</v>
      </c>
      <c r="C126" s="10">
        <v>9</v>
      </c>
      <c r="D126" s="9">
        <v>13</v>
      </c>
    </row>
    <row r="127" spans="1:4" ht="18" customHeight="1" x14ac:dyDescent="0.2">
      <c r="A127" s="16">
        <v>100</v>
      </c>
      <c r="B127" s="29">
        <v>0</v>
      </c>
      <c r="C127" s="10">
        <v>2</v>
      </c>
      <c r="D127" s="9">
        <v>2</v>
      </c>
    </row>
    <row r="128" spans="1:4" ht="18" customHeight="1" x14ac:dyDescent="0.2">
      <c r="A128" s="15" t="s">
        <v>3</v>
      </c>
      <c r="B128" s="29">
        <v>0</v>
      </c>
      <c r="C128" s="10">
        <v>3</v>
      </c>
      <c r="D128" s="9">
        <v>3</v>
      </c>
    </row>
    <row r="129" spans="1:4" ht="18" customHeight="1" x14ac:dyDescent="0.2">
      <c r="A129" s="8" t="s">
        <v>2</v>
      </c>
      <c r="B129" s="29">
        <v>0</v>
      </c>
      <c r="C129" s="10">
        <v>5</v>
      </c>
      <c r="D129" s="9">
        <v>5</v>
      </c>
    </row>
    <row r="130" spans="1:4" ht="18" customHeight="1" x14ac:dyDescent="0.2">
      <c r="A130" s="8" t="s">
        <v>1</v>
      </c>
      <c r="B130" s="28">
        <v>536</v>
      </c>
      <c r="C130" s="6">
        <v>776</v>
      </c>
      <c r="D130" s="5">
        <v>1312</v>
      </c>
    </row>
    <row r="131" spans="1:4" ht="18" customHeight="1" x14ac:dyDescent="0.2">
      <c r="A131" s="4" t="s">
        <v>0</v>
      </c>
      <c r="B131" s="27">
        <v>1935</v>
      </c>
      <c r="C131" s="2">
        <v>2061</v>
      </c>
      <c r="D131" s="1">
        <v>399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9EB332F-7AA8-4E25-87A4-14442655A747}">
  <sheetPr codeName="Sheet3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53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59</v>
      </c>
      <c r="C5" s="18">
        <v>53</v>
      </c>
      <c r="D5" s="17">
        <v>112</v>
      </c>
    </row>
    <row r="6" spans="1:4" ht="18" customHeight="1" x14ac:dyDescent="0.2">
      <c r="A6" s="16">
        <v>1</v>
      </c>
      <c r="B6" s="29">
        <v>82</v>
      </c>
      <c r="C6" s="10">
        <v>66</v>
      </c>
      <c r="D6" s="9">
        <v>148</v>
      </c>
    </row>
    <row r="7" spans="1:4" ht="18" customHeight="1" x14ac:dyDescent="0.2">
      <c r="A7" s="16">
        <v>2</v>
      </c>
      <c r="B7" s="29">
        <v>64</v>
      </c>
      <c r="C7" s="10">
        <v>69</v>
      </c>
      <c r="D7" s="9">
        <v>133</v>
      </c>
    </row>
    <row r="8" spans="1:4" ht="18" customHeight="1" x14ac:dyDescent="0.2">
      <c r="A8" s="16">
        <v>3</v>
      </c>
      <c r="B8" s="29">
        <v>72</v>
      </c>
      <c r="C8" s="10">
        <v>54</v>
      </c>
      <c r="D8" s="9">
        <v>126</v>
      </c>
    </row>
    <row r="9" spans="1:4" ht="18" customHeight="1" x14ac:dyDescent="0.2">
      <c r="A9" s="16">
        <v>4</v>
      </c>
      <c r="B9" s="29">
        <v>76</v>
      </c>
      <c r="C9" s="10">
        <v>63</v>
      </c>
      <c r="D9" s="9">
        <v>139</v>
      </c>
    </row>
    <row r="10" spans="1:4" ht="18" customHeight="1" x14ac:dyDescent="0.2">
      <c r="A10" s="8" t="s">
        <v>25</v>
      </c>
      <c r="B10" s="29">
        <v>353</v>
      </c>
      <c r="C10" s="10">
        <v>305</v>
      </c>
      <c r="D10" s="9">
        <v>658</v>
      </c>
    </row>
    <row r="11" spans="1:4" ht="18" customHeight="1" x14ac:dyDescent="0.2">
      <c r="A11" s="16">
        <v>5</v>
      </c>
      <c r="B11" s="29">
        <v>80</v>
      </c>
      <c r="C11" s="10">
        <v>74</v>
      </c>
      <c r="D11" s="9">
        <v>154</v>
      </c>
    </row>
    <row r="12" spans="1:4" ht="18" customHeight="1" x14ac:dyDescent="0.2">
      <c r="A12" s="16">
        <v>6</v>
      </c>
      <c r="B12" s="29">
        <v>61</v>
      </c>
      <c r="C12" s="10">
        <v>76</v>
      </c>
      <c r="D12" s="9">
        <v>137</v>
      </c>
    </row>
    <row r="13" spans="1:4" ht="18" customHeight="1" x14ac:dyDescent="0.2">
      <c r="A13" s="16">
        <v>7</v>
      </c>
      <c r="B13" s="29">
        <v>53</v>
      </c>
      <c r="C13" s="10">
        <v>66</v>
      </c>
      <c r="D13" s="9">
        <v>119</v>
      </c>
    </row>
    <row r="14" spans="1:4" ht="18" customHeight="1" x14ac:dyDescent="0.2">
      <c r="A14" s="16">
        <v>8</v>
      </c>
      <c r="B14" s="29">
        <v>69</v>
      </c>
      <c r="C14" s="10">
        <v>66</v>
      </c>
      <c r="D14" s="9">
        <v>135</v>
      </c>
    </row>
    <row r="15" spans="1:4" ht="18" customHeight="1" x14ac:dyDescent="0.2">
      <c r="A15" s="16">
        <v>9</v>
      </c>
      <c r="B15" s="29">
        <v>68</v>
      </c>
      <c r="C15" s="10">
        <v>66</v>
      </c>
      <c r="D15" s="9">
        <v>134</v>
      </c>
    </row>
    <row r="16" spans="1:4" ht="18" customHeight="1" x14ac:dyDescent="0.2">
      <c r="A16" s="8" t="s">
        <v>24</v>
      </c>
      <c r="B16" s="29">
        <v>331</v>
      </c>
      <c r="C16" s="10">
        <v>348</v>
      </c>
      <c r="D16" s="9">
        <v>679</v>
      </c>
    </row>
    <row r="17" spans="1:4" ht="18" customHeight="1" x14ac:dyDescent="0.2">
      <c r="A17" s="16">
        <v>10</v>
      </c>
      <c r="B17" s="29">
        <v>71</v>
      </c>
      <c r="C17" s="10">
        <v>75</v>
      </c>
      <c r="D17" s="9">
        <v>146</v>
      </c>
    </row>
    <row r="18" spans="1:4" ht="18" customHeight="1" x14ac:dyDescent="0.2">
      <c r="A18" s="16">
        <v>11</v>
      </c>
      <c r="B18" s="29">
        <v>74</v>
      </c>
      <c r="C18" s="10">
        <v>61</v>
      </c>
      <c r="D18" s="9">
        <v>135</v>
      </c>
    </row>
    <row r="19" spans="1:4" ht="18" customHeight="1" x14ac:dyDescent="0.2">
      <c r="A19" s="16">
        <v>12</v>
      </c>
      <c r="B19" s="29">
        <v>67</v>
      </c>
      <c r="C19" s="10">
        <v>62</v>
      </c>
      <c r="D19" s="9">
        <v>129</v>
      </c>
    </row>
    <row r="20" spans="1:4" ht="18" customHeight="1" x14ac:dyDescent="0.2">
      <c r="A20" s="16">
        <v>13</v>
      </c>
      <c r="B20" s="29">
        <v>75</v>
      </c>
      <c r="C20" s="10">
        <v>62</v>
      </c>
      <c r="D20" s="9">
        <v>137</v>
      </c>
    </row>
    <row r="21" spans="1:4" ht="18" customHeight="1" x14ac:dyDescent="0.2">
      <c r="A21" s="16">
        <v>14</v>
      </c>
      <c r="B21" s="29">
        <v>79</v>
      </c>
      <c r="C21" s="10">
        <v>61</v>
      </c>
      <c r="D21" s="9">
        <v>140</v>
      </c>
    </row>
    <row r="22" spans="1:4" ht="18" customHeight="1" x14ac:dyDescent="0.2">
      <c r="A22" s="8" t="s">
        <v>23</v>
      </c>
      <c r="B22" s="29">
        <v>366</v>
      </c>
      <c r="C22" s="10">
        <v>321</v>
      </c>
      <c r="D22" s="9">
        <v>687</v>
      </c>
    </row>
    <row r="23" spans="1:4" ht="18" customHeight="1" x14ac:dyDescent="0.2">
      <c r="A23" s="8" t="s">
        <v>22</v>
      </c>
      <c r="B23" s="29">
        <v>1050</v>
      </c>
      <c r="C23" s="10">
        <v>974</v>
      </c>
      <c r="D23" s="9">
        <v>2024</v>
      </c>
    </row>
    <row r="24" spans="1:4" ht="18" customHeight="1" x14ac:dyDescent="0.2">
      <c r="A24" s="16">
        <v>15</v>
      </c>
      <c r="B24" s="29">
        <v>60</v>
      </c>
      <c r="C24" s="10">
        <v>59</v>
      </c>
      <c r="D24" s="9">
        <v>119</v>
      </c>
    </row>
    <row r="25" spans="1:4" ht="18" customHeight="1" x14ac:dyDescent="0.2">
      <c r="A25" s="16">
        <v>16</v>
      </c>
      <c r="B25" s="29">
        <v>57</v>
      </c>
      <c r="C25" s="10">
        <v>49</v>
      </c>
      <c r="D25" s="9">
        <v>106</v>
      </c>
    </row>
    <row r="26" spans="1:4" ht="18" customHeight="1" x14ac:dyDescent="0.2">
      <c r="A26" s="16">
        <v>17</v>
      </c>
      <c r="B26" s="29">
        <v>71</v>
      </c>
      <c r="C26" s="10">
        <v>71</v>
      </c>
      <c r="D26" s="9">
        <v>142</v>
      </c>
    </row>
    <row r="27" spans="1:4" ht="18" customHeight="1" x14ac:dyDescent="0.2">
      <c r="A27" s="16">
        <v>18</v>
      </c>
      <c r="B27" s="29">
        <v>59</v>
      </c>
      <c r="C27" s="10">
        <v>64</v>
      </c>
      <c r="D27" s="9">
        <v>123</v>
      </c>
    </row>
    <row r="28" spans="1:4" ht="18" customHeight="1" x14ac:dyDescent="0.2">
      <c r="A28" s="16">
        <v>19</v>
      </c>
      <c r="B28" s="29">
        <v>64</v>
      </c>
      <c r="C28" s="10">
        <v>74</v>
      </c>
      <c r="D28" s="9">
        <v>138</v>
      </c>
    </row>
    <row r="29" spans="1:4" ht="18" customHeight="1" x14ac:dyDescent="0.2">
      <c r="A29" s="8" t="s">
        <v>21</v>
      </c>
      <c r="B29" s="29">
        <v>311</v>
      </c>
      <c r="C29" s="10">
        <v>317</v>
      </c>
      <c r="D29" s="9">
        <v>628</v>
      </c>
    </row>
    <row r="30" spans="1:4" ht="18" customHeight="1" x14ac:dyDescent="0.2">
      <c r="A30" s="16">
        <v>20</v>
      </c>
      <c r="B30" s="29">
        <v>54</v>
      </c>
      <c r="C30" s="10">
        <v>60</v>
      </c>
      <c r="D30" s="9">
        <v>114</v>
      </c>
    </row>
    <row r="31" spans="1:4" ht="18" customHeight="1" x14ac:dyDescent="0.2">
      <c r="A31" s="16">
        <v>21</v>
      </c>
      <c r="B31" s="29">
        <v>75</v>
      </c>
      <c r="C31" s="10">
        <v>73</v>
      </c>
      <c r="D31" s="9">
        <v>148</v>
      </c>
    </row>
    <row r="32" spans="1:4" ht="18" customHeight="1" x14ac:dyDescent="0.2">
      <c r="A32" s="16">
        <v>22</v>
      </c>
      <c r="B32" s="29">
        <v>82</v>
      </c>
      <c r="C32" s="10">
        <v>69</v>
      </c>
      <c r="D32" s="9">
        <v>151</v>
      </c>
    </row>
    <row r="33" spans="1:4" ht="18" customHeight="1" x14ac:dyDescent="0.2">
      <c r="A33" s="16">
        <v>23</v>
      </c>
      <c r="B33" s="29">
        <v>82</v>
      </c>
      <c r="C33" s="10">
        <v>73</v>
      </c>
      <c r="D33" s="9">
        <v>155</v>
      </c>
    </row>
    <row r="34" spans="1:4" ht="18" customHeight="1" x14ac:dyDescent="0.2">
      <c r="A34" s="16">
        <v>24</v>
      </c>
      <c r="B34" s="29">
        <v>80</v>
      </c>
      <c r="C34" s="10">
        <v>68</v>
      </c>
      <c r="D34" s="9">
        <v>148</v>
      </c>
    </row>
    <row r="35" spans="1:4" ht="18" customHeight="1" x14ac:dyDescent="0.2">
      <c r="A35" s="8" t="s">
        <v>20</v>
      </c>
      <c r="B35" s="29">
        <v>373</v>
      </c>
      <c r="C35" s="10">
        <v>343</v>
      </c>
      <c r="D35" s="9">
        <v>716</v>
      </c>
    </row>
    <row r="36" spans="1:4" ht="18" customHeight="1" x14ac:dyDescent="0.2">
      <c r="A36" s="16">
        <v>25</v>
      </c>
      <c r="B36" s="29">
        <v>72</v>
      </c>
      <c r="C36" s="10">
        <v>66</v>
      </c>
      <c r="D36" s="9">
        <v>138</v>
      </c>
    </row>
    <row r="37" spans="1:4" ht="18" customHeight="1" x14ac:dyDescent="0.2">
      <c r="A37" s="16">
        <v>26</v>
      </c>
      <c r="B37" s="29">
        <v>86</v>
      </c>
      <c r="C37" s="10">
        <v>77</v>
      </c>
      <c r="D37" s="9">
        <v>163</v>
      </c>
    </row>
    <row r="38" spans="1:4" ht="18" customHeight="1" x14ac:dyDescent="0.2">
      <c r="A38" s="16">
        <v>27</v>
      </c>
      <c r="B38" s="29">
        <v>79</v>
      </c>
      <c r="C38" s="10">
        <v>67</v>
      </c>
      <c r="D38" s="9">
        <v>146</v>
      </c>
    </row>
    <row r="39" spans="1:4" ht="18" customHeight="1" x14ac:dyDescent="0.2">
      <c r="A39" s="16">
        <v>28</v>
      </c>
      <c r="B39" s="29">
        <v>72</v>
      </c>
      <c r="C39" s="10">
        <v>65</v>
      </c>
      <c r="D39" s="9">
        <v>137</v>
      </c>
    </row>
    <row r="40" spans="1:4" ht="18" customHeight="1" x14ac:dyDescent="0.2">
      <c r="A40" s="16">
        <v>29</v>
      </c>
      <c r="B40" s="29">
        <v>77</v>
      </c>
      <c r="C40" s="10">
        <v>82</v>
      </c>
      <c r="D40" s="9">
        <v>159</v>
      </c>
    </row>
    <row r="41" spans="1:4" ht="18" customHeight="1" x14ac:dyDescent="0.2">
      <c r="A41" s="8" t="s">
        <v>19</v>
      </c>
      <c r="B41" s="29">
        <v>386</v>
      </c>
      <c r="C41" s="10">
        <v>357</v>
      </c>
      <c r="D41" s="9">
        <v>743</v>
      </c>
    </row>
    <row r="42" spans="1:4" ht="18" customHeight="1" x14ac:dyDescent="0.2">
      <c r="A42" s="16">
        <v>30</v>
      </c>
      <c r="B42" s="29">
        <v>90</v>
      </c>
      <c r="C42" s="10">
        <v>82</v>
      </c>
      <c r="D42" s="9">
        <v>172</v>
      </c>
    </row>
    <row r="43" spans="1:4" ht="18" customHeight="1" x14ac:dyDescent="0.2">
      <c r="A43" s="16">
        <v>31</v>
      </c>
      <c r="B43" s="29">
        <v>80</v>
      </c>
      <c r="C43" s="10">
        <v>61</v>
      </c>
      <c r="D43" s="9">
        <v>141</v>
      </c>
    </row>
    <row r="44" spans="1:4" ht="18" customHeight="1" x14ac:dyDescent="0.2">
      <c r="A44" s="16">
        <v>32</v>
      </c>
      <c r="B44" s="29">
        <v>85</v>
      </c>
      <c r="C44" s="10">
        <v>85</v>
      </c>
      <c r="D44" s="9">
        <v>170</v>
      </c>
    </row>
    <row r="45" spans="1:4" ht="18" customHeight="1" x14ac:dyDescent="0.2">
      <c r="A45" s="16">
        <v>33</v>
      </c>
      <c r="B45" s="29">
        <v>84</v>
      </c>
      <c r="C45" s="10">
        <v>59</v>
      </c>
      <c r="D45" s="9">
        <v>143</v>
      </c>
    </row>
    <row r="46" spans="1:4" ht="18" customHeight="1" x14ac:dyDescent="0.2">
      <c r="A46" s="16">
        <v>34</v>
      </c>
      <c r="B46" s="29">
        <v>100</v>
      </c>
      <c r="C46" s="10">
        <v>98</v>
      </c>
      <c r="D46" s="9">
        <v>198</v>
      </c>
    </row>
    <row r="47" spans="1:4" ht="18" customHeight="1" x14ac:dyDescent="0.2">
      <c r="A47" s="8" t="s">
        <v>18</v>
      </c>
      <c r="B47" s="29">
        <v>439</v>
      </c>
      <c r="C47" s="10">
        <v>385</v>
      </c>
      <c r="D47" s="9">
        <v>824</v>
      </c>
    </row>
    <row r="48" spans="1:4" ht="18" customHeight="1" x14ac:dyDescent="0.2">
      <c r="A48" s="16">
        <v>35</v>
      </c>
      <c r="B48" s="29">
        <v>88</v>
      </c>
      <c r="C48" s="10">
        <v>101</v>
      </c>
      <c r="D48" s="9">
        <v>189</v>
      </c>
    </row>
    <row r="49" spans="1:4" ht="18" customHeight="1" x14ac:dyDescent="0.2">
      <c r="A49" s="16">
        <v>36</v>
      </c>
      <c r="B49" s="29">
        <v>79</v>
      </c>
      <c r="C49" s="10">
        <v>96</v>
      </c>
      <c r="D49" s="9">
        <v>175</v>
      </c>
    </row>
    <row r="50" spans="1:4" ht="18" customHeight="1" x14ac:dyDescent="0.2">
      <c r="A50" s="16">
        <v>37</v>
      </c>
      <c r="B50" s="29">
        <v>88</v>
      </c>
      <c r="C50" s="10">
        <v>87</v>
      </c>
      <c r="D50" s="9">
        <v>175</v>
      </c>
    </row>
    <row r="51" spans="1:4" ht="18" customHeight="1" x14ac:dyDescent="0.2">
      <c r="A51" s="16">
        <v>38</v>
      </c>
      <c r="B51" s="29">
        <v>103</v>
      </c>
      <c r="C51" s="10">
        <v>107</v>
      </c>
      <c r="D51" s="9">
        <v>210</v>
      </c>
    </row>
    <row r="52" spans="1:4" ht="18" customHeight="1" x14ac:dyDescent="0.2">
      <c r="A52" s="16">
        <v>39</v>
      </c>
      <c r="B52" s="29">
        <v>100</v>
      </c>
      <c r="C52" s="10">
        <v>91</v>
      </c>
      <c r="D52" s="9">
        <v>191</v>
      </c>
    </row>
    <row r="53" spans="1:4" ht="18" customHeight="1" x14ac:dyDescent="0.2">
      <c r="A53" s="8" t="s">
        <v>17</v>
      </c>
      <c r="B53" s="29">
        <v>458</v>
      </c>
      <c r="C53" s="10">
        <v>482</v>
      </c>
      <c r="D53" s="9">
        <v>940</v>
      </c>
    </row>
    <row r="54" spans="1:4" ht="18" customHeight="1" x14ac:dyDescent="0.2">
      <c r="A54" s="16">
        <v>40</v>
      </c>
      <c r="B54" s="29">
        <v>100</v>
      </c>
      <c r="C54" s="10">
        <v>79</v>
      </c>
      <c r="D54" s="9">
        <v>179</v>
      </c>
    </row>
    <row r="55" spans="1:4" ht="18" customHeight="1" x14ac:dyDescent="0.2">
      <c r="A55" s="16">
        <v>41</v>
      </c>
      <c r="B55" s="29">
        <v>109</v>
      </c>
      <c r="C55" s="10">
        <v>85</v>
      </c>
      <c r="D55" s="9">
        <v>194</v>
      </c>
    </row>
    <row r="56" spans="1:4" ht="18" customHeight="1" x14ac:dyDescent="0.2">
      <c r="A56" s="16">
        <v>42</v>
      </c>
      <c r="B56" s="29">
        <v>83</v>
      </c>
      <c r="C56" s="10">
        <v>95</v>
      </c>
      <c r="D56" s="9">
        <v>178</v>
      </c>
    </row>
    <row r="57" spans="1:4" ht="18" customHeight="1" x14ac:dyDescent="0.2">
      <c r="A57" s="16">
        <v>43</v>
      </c>
      <c r="B57" s="29">
        <v>102</v>
      </c>
      <c r="C57" s="10">
        <v>91</v>
      </c>
      <c r="D57" s="9">
        <v>193</v>
      </c>
    </row>
    <row r="58" spans="1:4" ht="18" customHeight="1" x14ac:dyDescent="0.2">
      <c r="A58" s="16">
        <v>44</v>
      </c>
      <c r="B58" s="29">
        <v>102</v>
      </c>
      <c r="C58" s="10">
        <v>106</v>
      </c>
      <c r="D58" s="9">
        <v>208</v>
      </c>
    </row>
    <row r="59" spans="1:4" ht="18" customHeight="1" x14ac:dyDescent="0.2">
      <c r="A59" s="8" t="s">
        <v>16</v>
      </c>
      <c r="B59" s="29">
        <v>496</v>
      </c>
      <c r="C59" s="10">
        <v>456</v>
      </c>
      <c r="D59" s="9">
        <v>952</v>
      </c>
    </row>
    <row r="60" spans="1:4" ht="18" customHeight="1" x14ac:dyDescent="0.2">
      <c r="A60" s="16">
        <v>45</v>
      </c>
      <c r="B60" s="29">
        <v>111</v>
      </c>
      <c r="C60" s="10">
        <v>80</v>
      </c>
      <c r="D60" s="9">
        <v>191</v>
      </c>
    </row>
    <row r="61" spans="1:4" ht="18" customHeight="1" x14ac:dyDescent="0.2">
      <c r="A61" s="16">
        <v>46</v>
      </c>
      <c r="B61" s="29">
        <v>106</v>
      </c>
      <c r="C61" s="10">
        <v>103</v>
      </c>
      <c r="D61" s="9">
        <v>209</v>
      </c>
    </row>
    <row r="62" spans="1:4" ht="18" customHeight="1" x14ac:dyDescent="0.2">
      <c r="A62" s="16">
        <v>47</v>
      </c>
      <c r="B62" s="29">
        <v>117</v>
      </c>
      <c r="C62" s="10">
        <v>107</v>
      </c>
      <c r="D62" s="9">
        <v>224</v>
      </c>
    </row>
    <row r="63" spans="1:4" ht="18" customHeight="1" x14ac:dyDescent="0.2">
      <c r="A63" s="16">
        <v>48</v>
      </c>
      <c r="B63" s="29">
        <v>118</v>
      </c>
      <c r="C63" s="10">
        <v>143</v>
      </c>
      <c r="D63" s="9">
        <v>261</v>
      </c>
    </row>
    <row r="64" spans="1:4" ht="18" customHeight="1" x14ac:dyDescent="0.2">
      <c r="A64" s="16">
        <v>49</v>
      </c>
      <c r="B64" s="29">
        <v>124</v>
      </c>
      <c r="C64" s="10">
        <v>126</v>
      </c>
      <c r="D64" s="9">
        <v>250</v>
      </c>
    </row>
    <row r="65" spans="1:4" ht="18" customHeight="1" x14ac:dyDescent="0.2">
      <c r="A65" s="8" t="s">
        <v>15</v>
      </c>
      <c r="B65" s="29">
        <v>576</v>
      </c>
      <c r="C65" s="10">
        <v>559</v>
      </c>
      <c r="D65" s="9">
        <v>1135</v>
      </c>
    </row>
    <row r="66" spans="1:4" ht="18" customHeight="1" x14ac:dyDescent="0.2">
      <c r="A66" s="16">
        <v>50</v>
      </c>
      <c r="B66" s="29">
        <v>120</v>
      </c>
      <c r="C66" s="10">
        <v>114</v>
      </c>
      <c r="D66" s="9">
        <v>234</v>
      </c>
    </row>
    <row r="67" spans="1:4" ht="18" customHeight="1" x14ac:dyDescent="0.2">
      <c r="A67" s="16">
        <v>51</v>
      </c>
      <c r="B67" s="29">
        <v>125</v>
      </c>
      <c r="C67" s="10">
        <v>117</v>
      </c>
      <c r="D67" s="9">
        <v>242</v>
      </c>
    </row>
    <row r="68" spans="1:4" ht="18" customHeight="1" x14ac:dyDescent="0.2">
      <c r="A68" s="16">
        <v>52</v>
      </c>
      <c r="B68" s="29">
        <v>113</v>
      </c>
      <c r="C68" s="10">
        <v>107</v>
      </c>
      <c r="D68" s="9">
        <v>220</v>
      </c>
    </row>
    <row r="69" spans="1:4" ht="18" customHeight="1" x14ac:dyDescent="0.2">
      <c r="A69" s="16">
        <v>53</v>
      </c>
      <c r="B69" s="29">
        <v>113</v>
      </c>
      <c r="C69" s="10">
        <v>107</v>
      </c>
      <c r="D69" s="9">
        <v>220</v>
      </c>
    </row>
    <row r="70" spans="1:4" ht="18" customHeight="1" x14ac:dyDescent="0.2">
      <c r="A70" s="16">
        <v>54</v>
      </c>
      <c r="B70" s="29">
        <v>116</v>
      </c>
      <c r="C70" s="10">
        <v>98</v>
      </c>
      <c r="D70" s="9">
        <v>214</v>
      </c>
    </row>
    <row r="71" spans="1:4" ht="18" customHeight="1" x14ac:dyDescent="0.2">
      <c r="A71" s="8" t="s">
        <v>14</v>
      </c>
      <c r="B71" s="29">
        <v>587</v>
      </c>
      <c r="C71" s="10">
        <v>543</v>
      </c>
      <c r="D71" s="9">
        <v>1130</v>
      </c>
    </row>
    <row r="72" spans="1:4" ht="18" customHeight="1" x14ac:dyDescent="0.2">
      <c r="A72" s="16">
        <v>55</v>
      </c>
      <c r="B72" s="29">
        <v>113</v>
      </c>
      <c r="C72" s="10">
        <v>113</v>
      </c>
      <c r="D72" s="9">
        <v>226</v>
      </c>
    </row>
    <row r="73" spans="1:4" ht="18" customHeight="1" x14ac:dyDescent="0.2">
      <c r="A73" s="16">
        <v>56</v>
      </c>
      <c r="B73" s="29">
        <v>109</v>
      </c>
      <c r="C73" s="10">
        <v>102</v>
      </c>
      <c r="D73" s="9">
        <v>211</v>
      </c>
    </row>
    <row r="74" spans="1:4" ht="18" customHeight="1" x14ac:dyDescent="0.2">
      <c r="A74" s="16">
        <v>57</v>
      </c>
      <c r="B74" s="29">
        <v>88</v>
      </c>
      <c r="C74" s="10">
        <v>99</v>
      </c>
      <c r="D74" s="9">
        <v>187</v>
      </c>
    </row>
    <row r="75" spans="1:4" ht="18" customHeight="1" x14ac:dyDescent="0.2">
      <c r="A75" s="16">
        <v>58</v>
      </c>
      <c r="B75" s="29">
        <v>90</v>
      </c>
      <c r="C75" s="10">
        <v>98</v>
      </c>
      <c r="D75" s="9">
        <v>188</v>
      </c>
    </row>
    <row r="76" spans="1:4" ht="18" customHeight="1" x14ac:dyDescent="0.2">
      <c r="A76" s="16">
        <v>59</v>
      </c>
      <c r="B76" s="29">
        <v>104</v>
      </c>
      <c r="C76" s="10">
        <v>94</v>
      </c>
      <c r="D76" s="9">
        <v>198</v>
      </c>
    </row>
    <row r="77" spans="1:4" ht="18" customHeight="1" x14ac:dyDescent="0.2">
      <c r="A77" s="8" t="s">
        <v>13</v>
      </c>
      <c r="B77" s="29">
        <v>504</v>
      </c>
      <c r="C77" s="10">
        <v>506</v>
      </c>
      <c r="D77" s="9">
        <v>1010</v>
      </c>
    </row>
    <row r="78" spans="1:4" ht="18" customHeight="1" x14ac:dyDescent="0.2">
      <c r="A78" s="16">
        <v>60</v>
      </c>
      <c r="B78" s="29">
        <v>102</v>
      </c>
      <c r="C78" s="10">
        <v>119</v>
      </c>
      <c r="D78" s="9">
        <v>221</v>
      </c>
    </row>
    <row r="79" spans="1:4" ht="18" customHeight="1" x14ac:dyDescent="0.2">
      <c r="A79" s="16">
        <v>61</v>
      </c>
      <c r="B79" s="29">
        <v>90</v>
      </c>
      <c r="C79" s="10">
        <v>92</v>
      </c>
      <c r="D79" s="9">
        <v>182</v>
      </c>
    </row>
    <row r="80" spans="1:4" ht="18" customHeight="1" x14ac:dyDescent="0.2">
      <c r="A80" s="16">
        <v>62</v>
      </c>
      <c r="B80" s="29">
        <v>96</v>
      </c>
      <c r="C80" s="10">
        <v>88</v>
      </c>
      <c r="D80" s="9">
        <v>184</v>
      </c>
    </row>
    <row r="81" spans="1:4" ht="18" customHeight="1" x14ac:dyDescent="0.2">
      <c r="A81" s="16">
        <v>63</v>
      </c>
      <c r="B81" s="29">
        <v>92</v>
      </c>
      <c r="C81" s="10">
        <v>87</v>
      </c>
      <c r="D81" s="9">
        <v>179</v>
      </c>
    </row>
    <row r="82" spans="1:4" ht="18" customHeight="1" x14ac:dyDescent="0.2">
      <c r="A82" s="16">
        <v>64</v>
      </c>
      <c r="B82" s="29">
        <v>86</v>
      </c>
      <c r="C82" s="10">
        <v>97</v>
      </c>
      <c r="D82" s="9">
        <v>183</v>
      </c>
    </row>
    <row r="83" spans="1:4" ht="18" customHeight="1" x14ac:dyDescent="0.2">
      <c r="A83" s="8" t="s">
        <v>12</v>
      </c>
      <c r="B83" s="29">
        <v>466</v>
      </c>
      <c r="C83" s="10">
        <v>483</v>
      </c>
      <c r="D83" s="9">
        <v>949</v>
      </c>
    </row>
    <row r="84" spans="1:4" ht="18" customHeight="1" x14ac:dyDescent="0.2">
      <c r="A84" s="8" t="s">
        <v>11</v>
      </c>
      <c r="B84" s="29">
        <v>4596</v>
      </c>
      <c r="C84" s="10">
        <v>4431</v>
      </c>
      <c r="D84" s="9">
        <v>9027</v>
      </c>
    </row>
    <row r="85" spans="1:4" ht="18" customHeight="1" x14ac:dyDescent="0.2">
      <c r="A85" s="16">
        <v>65</v>
      </c>
      <c r="B85" s="29">
        <v>70</v>
      </c>
      <c r="C85" s="10">
        <v>75</v>
      </c>
      <c r="D85" s="9">
        <v>145</v>
      </c>
    </row>
    <row r="86" spans="1:4" ht="18" customHeight="1" x14ac:dyDescent="0.2">
      <c r="A86" s="16">
        <v>66</v>
      </c>
      <c r="B86" s="29">
        <v>92</v>
      </c>
      <c r="C86" s="10">
        <v>96</v>
      </c>
      <c r="D86" s="9">
        <v>188</v>
      </c>
    </row>
    <row r="87" spans="1:4" ht="18" customHeight="1" x14ac:dyDescent="0.2">
      <c r="A87" s="16">
        <v>67</v>
      </c>
      <c r="B87" s="29">
        <v>86</v>
      </c>
      <c r="C87" s="10">
        <v>99</v>
      </c>
      <c r="D87" s="9">
        <v>185</v>
      </c>
    </row>
    <row r="88" spans="1:4" ht="18" customHeight="1" x14ac:dyDescent="0.2">
      <c r="A88" s="16">
        <v>68</v>
      </c>
      <c r="B88" s="29">
        <v>95</v>
      </c>
      <c r="C88" s="10">
        <v>101</v>
      </c>
      <c r="D88" s="9">
        <v>196</v>
      </c>
    </row>
    <row r="89" spans="1:4" ht="18" customHeight="1" x14ac:dyDescent="0.2">
      <c r="A89" s="16">
        <v>69</v>
      </c>
      <c r="B89" s="29">
        <v>86</v>
      </c>
      <c r="C89" s="10">
        <v>91</v>
      </c>
      <c r="D89" s="9">
        <v>177</v>
      </c>
    </row>
    <row r="90" spans="1:4" ht="18" customHeight="1" x14ac:dyDescent="0.2">
      <c r="A90" s="8" t="s">
        <v>10</v>
      </c>
      <c r="B90" s="29">
        <v>429</v>
      </c>
      <c r="C90" s="10">
        <v>462</v>
      </c>
      <c r="D90" s="9">
        <v>891</v>
      </c>
    </row>
    <row r="91" spans="1:4" ht="18" customHeight="1" x14ac:dyDescent="0.2">
      <c r="A91" s="16">
        <v>70</v>
      </c>
      <c r="B91" s="29">
        <v>107</v>
      </c>
      <c r="C91" s="10">
        <v>111</v>
      </c>
      <c r="D91" s="9">
        <v>218</v>
      </c>
    </row>
    <row r="92" spans="1:4" ht="18" customHeight="1" x14ac:dyDescent="0.2">
      <c r="A92" s="16">
        <v>71</v>
      </c>
      <c r="B92" s="29">
        <v>93</v>
      </c>
      <c r="C92" s="10">
        <v>116</v>
      </c>
      <c r="D92" s="9">
        <v>209</v>
      </c>
    </row>
    <row r="93" spans="1:4" ht="18" customHeight="1" x14ac:dyDescent="0.2">
      <c r="A93" s="16">
        <v>72</v>
      </c>
      <c r="B93" s="29">
        <v>107</v>
      </c>
      <c r="C93" s="10">
        <v>116</v>
      </c>
      <c r="D93" s="9">
        <v>223</v>
      </c>
    </row>
    <row r="94" spans="1:4" ht="18" customHeight="1" x14ac:dyDescent="0.2">
      <c r="A94" s="16">
        <v>73</v>
      </c>
      <c r="B94" s="29">
        <v>102</v>
      </c>
      <c r="C94" s="10">
        <v>146</v>
      </c>
      <c r="D94" s="9">
        <v>248</v>
      </c>
    </row>
    <row r="95" spans="1:4" ht="18" customHeight="1" x14ac:dyDescent="0.2">
      <c r="A95" s="16">
        <v>74</v>
      </c>
      <c r="B95" s="29">
        <v>126</v>
      </c>
      <c r="C95" s="10">
        <v>134</v>
      </c>
      <c r="D95" s="9">
        <v>260</v>
      </c>
    </row>
    <row r="96" spans="1:4" ht="18" customHeight="1" x14ac:dyDescent="0.2">
      <c r="A96" s="8" t="s">
        <v>9</v>
      </c>
      <c r="B96" s="29">
        <v>535</v>
      </c>
      <c r="C96" s="10">
        <v>623</v>
      </c>
      <c r="D96" s="9">
        <v>1158</v>
      </c>
    </row>
    <row r="97" spans="1:4" ht="18" customHeight="1" x14ac:dyDescent="0.2">
      <c r="A97" s="16">
        <v>75</v>
      </c>
      <c r="B97" s="29">
        <v>122</v>
      </c>
      <c r="C97" s="10">
        <v>135</v>
      </c>
      <c r="D97" s="9">
        <v>257</v>
      </c>
    </row>
    <row r="98" spans="1:4" ht="18" customHeight="1" x14ac:dyDescent="0.2">
      <c r="A98" s="16">
        <v>76</v>
      </c>
      <c r="B98" s="29">
        <v>100</v>
      </c>
      <c r="C98" s="10">
        <v>127</v>
      </c>
      <c r="D98" s="9">
        <v>227</v>
      </c>
    </row>
    <row r="99" spans="1:4" ht="18" customHeight="1" x14ac:dyDescent="0.2">
      <c r="A99" s="16">
        <v>77</v>
      </c>
      <c r="B99" s="29">
        <v>59</v>
      </c>
      <c r="C99" s="10">
        <v>76</v>
      </c>
      <c r="D99" s="9">
        <v>135</v>
      </c>
    </row>
    <row r="100" spans="1:4" ht="18" customHeight="1" x14ac:dyDescent="0.2">
      <c r="A100" s="16">
        <v>78</v>
      </c>
      <c r="B100" s="29">
        <v>67</v>
      </c>
      <c r="C100" s="10">
        <v>88</v>
      </c>
      <c r="D100" s="9">
        <v>155</v>
      </c>
    </row>
    <row r="101" spans="1:4" ht="18" customHeight="1" x14ac:dyDescent="0.2">
      <c r="A101" s="16">
        <v>79</v>
      </c>
      <c r="B101" s="29">
        <v>81</v>
      </c>
      <c r="C101" s="10">
        <v>115</v>
      </c>
      <c r="D101" s="9">
        <v>196</v>
      </c>
    </row>
    <row r="102" spans="1:4" ht="18" customHeight="1" x14ac:dyDescent="0.2">
      <c r="A102" s="8" t="s">
        <v>8</v>
      </c>
      <c r="B102" s="29">
        <v>429</v>
      </c>
      <c r="C102" s="10">
        <v>541</v>
      </c>
      <c r="D102" s="9">
        <v>970</v>
      </c>
    </row>
    <row r="103" spans="1:4" ht="18" customHeight="1" x14ac:dyDescent="0.2">
      <c r="A103" s="16">
        <v>80</v>
      </c>
      <c r="B103" s="29">
        <v>65</v>
      </c>
      <c r="C103" s="10">
        <v>102</v>
      </c>
      <c r="D103" s="9">
        <v>167</v>
      </c>
    </row>
    <row r="104" spans="1:4" ht="18" customHeight="1" x14ac:dyDescent="0.2">
      <c r="A104" s="16">
        <v>81</v>
      </c>
      <c r="B104" s="29">
        <v>73</v>
      </c>
      <c r="C104" s="10">
        <v>85</v>
      </c>
      <c r="D104" s="9">
        <v>158</v>
      </c>
    </row>
    <row r="105" spans="1:4" ht="18" customHeight="1" x14ac:dyDescent="0.2">
      <c r="A105" s="16">
        <v>82</v>
      </c>
      <c r="B105" s="29">
        <v>61</v>
      </c>
      <c r="C105" s="10">
        <v>62</v>
      </c>
      <c r="D105" s="9">
        <v>123</v>
      </c>
    </row>
    <row r="106" spans="1:4" ht="18" customHeight="1" x14ac:dyDescent="0.2">
      <c r="A106" s="16">
        <v>83</v>
      </c>
      <c r="B106" s="29">
        <v>71</v>
      </c>
      <c r="C106" s="10">
        <v>80</v>
      </c>
      <c r="D106" s="9">
        <v>151</v>
      </c>
    </row>
    <row r="107" spans="1:4" ht="18" customHeight="1" x14ac:dyDescent="0.2">
      <c r="A107" s="16">
        <v>84</v>
      </c>
      <c r="B107" s="29">
        <v>47</v>
      </c>
      <c r="C107" s="10">
        <v>77</v>
      </c>
      <c r="D107" s="9">
        <v>124</v>
      </c>
    </row>
    <row r="108" spans="1:4" ht="18" customHeight="1" x14ac:dyDescent="0.2">
      <c r="A108" s="8" t="s">
        <v>7</v>
      </c>
      <c r="B108" s="29">
        <v>317</v>
      </c>
      <c r="C108" s="10">
        <v>406</v>
      </c>
      <c r="D108" s="9">
        <v>723</v>
      </c>
    </row>
    <row r="109" spans="1:4" ht="18" customHeight="1" x14ac:dyDescent="0.2">
      <c r="A109" s="16">
        <v>85</v>
      </c>
      <c r="B109" s="29">
        <v>41</v>
      </c>
      <c r="C109" s="10">
        <v>60</v>
      </c>
      <c r="D109" s="9">
        <v>101</v>
      </c>
    </row>
    <row r="110" spans="1:4" ht="18" customHeight="1" x14ac:dyDescent="0.2">
      <c r="A110" s="16">
        <v>86</v>
      </c>
      <c r="B110" s="29">
        <v>39</v>
      </c>
      <c r="C110" s="10">
        <v>67</v>
      </c>
      <c r="D110" s="9">
        <v>106</v>
      </c>
    </row>
    <row r="111" spans="1:4" ht="18" customHeight="1" x14ac:dyDescent="0.2">
      <c r="A111" s="16">
        <v>87</v>
      </c>
      <c r="B111" s="29">
        <v>42</v>
      </c>
      <c r="C111" s="10">
        <v>55</v>
      </c>
      <c r="D111" s="9">
        <v>97</v>
      </c>
    </row>
    <row r="112" spans="1:4" ht="18" customHeight="1" x14ac:dyDescent="0.2">
      <c r="A112" s="16">
        <v>88</v>
      </c>
      <c r="B112" s="29">
        <v>16</v>
      </c>
      <c r="C112" s="10">
        <v>41</v>
      </c>
      <c r="D112" s="9">
        <v>57</v>
      </c>
    </row>
    <row r="113" spans="1:4" ht="18" customHeight="1" x14ac:dyDescent="0.2">
      <c r="A113" s="16">
        <v>89</v>
      </c>
      <c r="B113" s="29">
        <v>22</v>
      </c>
      <c r="C113" s="10">
        <v>43</v>
      </c>
      <c r="D113" s="9">
        <v>65</v>
      </c>
    </row>
    <row r="114" spans="1:4" ht="18" customHeight="1" x14ac:dyDescent="0.2">
      <c r="A114" s="8" t="s">
        <v>6</v>
      </c>
      <c r="B114" s="29">
        <v>160</v>
      </c>
      <c r="C114" s="10">
        <v>266</v>
      </c>
      <c r="D114" s="9">
        <v>426</v>
      </c>
    </row>
    <row r="115" spans="1:4" ht="18" customHeight="1" x14ac:dyDescent="0.2">
      <c r="A115" s="16">
        <v>90</v>
      </c>
      <c r="B115" s="29">
        <v>17</v>
      </c>
      <c r="C115" s="10">
        <v>35</v>
      </c>
      <c r="D115" s="9">
        <v>52</v>
      </c>
    </row>
    <row r="116" spans="1:4" ht="18" customHeight="1" x14ac:dyDescent="0.2">
      <c r="A116" s="16">
        <v>91</v>
      </c>
      <c r="B116" s="29">
        <v>13</v>
      </c>
      <c r="C116" s="10">
        <v>37</v>
      </c>
      <c r="D116" s="9">
        <v>50</v>
      </c>
    </row>
    <row r="117" spans="1:4" ht="18" customHeight="1" x14ac:dyDescent="0.2">
      <c r="A117" s="16">
        <v>92</v>
      </c>
      <c r="B117" s="29">
        <v>10</v>
      </c>
      <c r="C117" s="10">
        <v>23</v>
      </c>
      <c r="D117" s="9">
        <v>33</v>
      </c>
    </row>
    <row r="118" spans="1:4" ht="18" customHeight="1" x14ac:dyDescent="0.2">
      <c r="A118" s="16">
        <v>93</v>
      </c>
      <c r="B118" s="29">
        <v>9</v>
      </c>
      <c r="C118" s="10">
        <v>17</v>
      </c>
      <c r="D118" s="9">
        <v>26</v>
      </c>
    </row>
    <row r="119" spans="1:4" ht="18" customHeight="1" x14ac:dyDescent="0.2">
      <c r="A119" s="16">
        <v>94</v>
      </c>
      <c r="B119" s="29">
        <v>5</v>
      </c>
      <c r="C119" s="10">
        <v>31</v>
      </c>
      <c r="D119" s="9">
        <v>36</v>
      </c>
    </row>
    <row r="120" spans="1:4" ht="18" customHeight="1" x14ac:dyDescent="0.2">
      <c r="A120" s="8" t="s">
        <v>5</v>
      </c>
      <c r="B120" s="29">
        <v>54</v>
      </c>
      <c r="C120" s="10">
        <v>143</v>
      </c>
      <c r="D120" s="9">
        <v>197</v>
      </c>
    </row>
    <row r="121" spans="1:4" ht="18" customHeight="1" x14ac:dyDescent="0.2">
      <c r="A121" s="16">
        <v>95</v>
      </c>
      <c r="B121" s="29">
        <v>6</v>
      </c>
      <c r="C121" s="10">
        <v>18</v>
      </c>
      <c r="D121" s="9">
        <v>24</v>
      </c>
    </row>
    <row r="122" spans="1:4" ht="18" customHeight="1" x14ac:dyDescent="0.2">
      <c r="A122" s="16">
        <v>96</v>
      </c>
      <c r="B122" s="29">
        <v>1</v>
      </c>
      <c r="C122" s="10">
        <v>11</v>
      </c>
      <c r="D122" s="9">
        <v>12</v>
      </c>
    </row>
    <row r="123" spans="1:4" ht="18" customHeight="1" x14ac:dyDescent="0.2">
      <c r="A123" s="16">
        <v>97</v>
      </c>
      <c r="B123" s="29">
        <v>0</v>
      </c>
      <c r="C123" s="10">
        <v>6</v>
      </c>
      <c r="D123" s="9">
        <v>6</v>
      </c>
    </row>
    <row r="124" spans="1:4" ht="18" customHeight="1" x14ac:dyDescent="0.2">
      <c r="A124" s="16">
        <v>98</v>
      </c>
      <c r="B124" s="29">
        <v>2</v>
      </c>
      <c r="C124" s="10">
        <v>13</v>
      </c>
      <c r="D124" s="9">
        <v>15</v>
      </c>
    </row>
    <row r="125" spans="1:4" ht="18" customHeight="1" x14ac:dyDescent="0.2">
      <c r="A125" s="16">
        <v>99</v>
      </c>
      <c r="B125" s="29">
        <v>1</v>
      </c>
      <c r="C125" s="10">
        <v>5</v>
      </c>
      <c r="D125" s="9">
        <v>6</v>
      </c>
    </row>
    <row r="126" spans="1:4" ht="18" customHeight="1" x14ac:dyDescent="0.2">
      <c r="A126" s="8" t="s">
        <v>4</v>
      </c>
      <c r="B126" s="29">
        <v>10</v>
      </c>
      <c r="C126" s="10">
        <v>53</v>
      </c>
      <c r="D126" s="9">
        <v>63</v>
      </c>
    </row>
    <row r="127" spans="1:4" ht="18" customHeight="1" x14ac:dyDescent="0.2">
      <c r="A127" s="16">
        <v>100</v>
      </c>
      <c r="B127" s="29">
        <v>1</v>
      </c>
      <c r="C127" s="10">
        <v>2</v>
      </c>
      <c r="D127" s="9">
        <v>3</v>
      </c>
    </row>
    <row r="128" spans="1:4" ht="18" customHeight="1" x14ac:dyDescent="0.2">
      <c r="A128" s="15" t="s">
        <v>3</v>
      </c>
      <c r="B128" s="29">
        <v>0</v>
      </c>
      <c r="C128" s="10">
        <v>5</v>
      </c>
      <c r="D128" s="9">
        <v>5</v>
      </c>
    </row>
    <row r="129" spans="1:4" ht="18" customHeight="1" x14ac:dyDescent="0.2">
      <c r="A129" s="8" t="s">
        <v>2</v>
      </c>
      <c r="B129" s="29">
        <v>1</v>
      </c>
      <c r="C129" s="10">
        <v>7</v>
      </c>
      <c r="D129" s="9">
        <v>8</v>
      </c>
    </row>
    <row r="130" spans="1:4" ht="18" customHeight="1" x14ac:dyDescent="0.2">
      <c r="A130" s="8" t="s">
        <v>1</v>
      </c>
      <c r="B130" s="28">
        <v>1935</v>
      </c>
      <c r="C130" s="6">
        <v>2501</v>
      </c>
      <c r="D130" s="5">
        <v>4436</v>
      </c>
    </row>
    <row r="131" spans="1:4" ht="18" customHeight="1" x14ac:dyDescent="0.2">
      <c r="A131" s="4" t="s">
        <v>0</v>
      </c>
      <c r="B131" s="27">
        <v>7581</v>
      </c>
      <c r="C131" s="2">
        <v>7906</v>
      </c>
      <c r="D131" s="1">
        <v>15487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68BD3A1-BDA3-4AB8-9D9D-2EEC43CCAAAC}">
  <sheetPr codeName="Sheet3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54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50</v>
      </c>
      <c r="C5" s="18">
        <v>41</v>
      </c>
      <c r="D5" s="17">
        <v>91</v>
      </c>
    </row>
    <row r="6" spans="1:4" ht="18" customHeight="1" x14ac:dyDescent="0.2">
      <c r="A6" s="16">
        <v>1</v>
      </c>
      <c r="B6" s="29">
        <v>45</v>
      </c>
      <c r="C6" s="10">
        <v>53</v>
      </c>
      <c r="D6" s="9">
        <v>98</v>
      </c>
    </row>
    <row r="7" spans="1:4" ht="18" customHeight="1" x14ac:dyDescent="0.2">
      <c r="A7" s="16">
        <v>2</v>
      </c>
      <c r="B7" s="29">
        <v>48</v>
      </c>
      <c r="C7" s="10">
        <v>48</v>
      </c>
      <c r="D7" s="9">
        <v>96</v>
      </c>
    </row>
    <row r="8" spans="1:4" ht="18" customHeight="1" x14ac:dyDescent="0.2">
      <c r="A8" s="16">
        <v>3</v>
      </c>
      <c r="B8" s="29">
        <v>38</v>
      </c>
      <c r="C8" s="10">
        <v>46</v>
      </c>
      <c r="D8" s="9">
        <v>84</v>
      </c>
    </row>
    <row r="9" spans="1:4" ht="18" customHeight="1" x14ac:dyDescent="0.2">
      <c r="A9" s="16">
        <v>4</v>
      </c>
      <c r="B9" s="29">
        <v>33</v>
      </c>
      <c r="C9" s="10">
        <v>52</v>
      </c>
      <c r="D9" s="9">
        <v>85</v>
      </c>
    </row>
    <row r="10" spans="1:4" ht="18" customHeight="1" x14ac:dyDescent="0.2">
      <c r="A10" s="8" t="s">
        <v>25</v>
      </c>
      <c r="B10" s="29">
        <v>214</v>
      </c>
      <c r="C10" s="10">
        <v>240</v>
      </c>
      <c r="D10" s="9">
        <v>454</v>
      </c>
    </row>
    <row r="11" spans="1:4" ht="18" customHeight="1" x14ac:dyDescent="0.2">
      <c r="A11" s="16">
        <v>5</v>
      </c>
      <c r="B11" s="29">
        <v>35</v>
      </c>
      <c r="C11" s="10">
        <v>41</v>
      </c>
      <c r="D11" s="9">
        <v>76</v>
      </c>
    </row>
    <row r="12" spans="1:4" ht="18" customHeight="1" x14ac:dyDescent="0.2">
      <c r="A12" s="16">
        <v>6</v>
      </c>
      <c r="B12" s="29">
        <v>46</v>
      </c>
      <c r="C12" s="10">
        <v>34</v>
      </c>
      <c r="D12" s="9">
        <v>80</v>
      </c>
    </row>
    <row r="13" spans="1:4" ht="18" customHeight="1" x14ac:dyDescent="0.2">
      <c r="A13" s="16">
        <v>7</v>
      </c>
      <c r="B13" s="29">
        <v>29</v>
      </c>
      <c r="C13" s="10">
        <v>36</v>
      </c>
      <c r="D13" s="9">
        <v>65</v>
      </c>
    </row>
    <row r="14" spans="1:4" ht="18" customHeight="1" x14ac:dyDescent="0.2">
      <c r="A14" s="16">
        <v>8</v>
      </c>
      <c r="B14" s="29">
        <v>31</v>
      </c>
      <c r="C14" s="10">
        <v>32</v>
      </c>
      <c r="D14" s="9">
        <v>63</v>
      </c>
    </row>
    <row r="15" spans="1:4" ht="18" customHeight="1" x14ac:dyDescent="0.2">
      <c r="A15" s="16">
        <v>9</v>
      </c>
      <c r="B15" s="29">
        <v>27</v>
      </c>
      <c r="C15" s="10">
        <v>26</v>
      </c>
      <c r="D15" s="9">
        <v>53</v>
      </c>
    </row>
    <row r="16" spans="1:4" ht="18" customHeight="1" x14ac:dyDescent="0.2">
      <c r="A16" s="8" t="s">
        <v>24</v>
      </c>
      <c r="B16" s="29">
        <v>168</v>
      </c>
      <c r="C16" s="10">
        <v>169</v>
      </c>
      <c r="D16" s="9">
        <v>337</v>
      </c>
    </row>
    <row r="17" spans="1:4" ht="18" customHeight="1" x14ac:dyDescent="0.2">
      <c r="A17" s="16">
        <v>10</v>
      </c>
      <c r="B17" s="29">
        <v>26</v>
      </c>
      <c r="C17" s="10">
        <v>32</v>
      </c>
      <c r="D17" s="9">
        <v>58</v>
      </c>
    </row>
    <row r="18" spans="1:4" ht="18" customHeight="1" x14ac:dyDescent="0.2">
      <c r="A18" s="16">
        <v>11</v>
      </c>
      <c r="B18" s="29">
        <v>30</v>
      </c>
      <c r="C18" s="10">
        <v>31</v>
      </c>
      <c r="D18" s="9">
        <v>61</v>
      </c>
    </row>
    <row r="19" spans="1:4" ht="18" customHeight="1" x14ac:dyDescent="0.2">
      <c r="A19" s="16">
        <v>12</v>
      </c>
      <c r="B19" s="29">
        <v>26</v>
      </c>
      <c r="C19" s="10">
        <v>31</v>
      </c>
      <c r="D19" s="9">
        <v>57</v>
      </c>
    </row>
    <row r="20" spans="1:4" ht="18" customHeight="1" x14ac:dyDescent="0.2">
      <c r="A20" s="16">
        <v>13</v>
      </c>
      <c r="B20" s="29">
        <v>40</v>
      </c>
      <c r="C20" s="10">
        <v>25</v>
      </c>
      <c r="D20" s="9">
        <v>65</v>
      </c>
    </row>
    <row r="21" spans="1:4" ht="18" customHeight="1" x14ac:dyDescent="0.2">
      <c r="A21" s="16">
        <v>14</v>
      </c>
      <c r="B21" s="29">
        <v>39</v>
      </c>
      <c r="C21" s="10">
        <v>36</v>
      </c>
      <c r="D21" s="9">
        <v>75</v>
      </c>
    </row>
    <row r="22" spans="1:4" ht="18" customHeight="1" x14ac:dyDescent="0.2">
      <c r="A22" s="8" t="s">
        <v>23</v>
      </c>
      <c r="B22" s="29">
        <v>161</v>
      </c>
      <c r="C22" s="10">
        <v>155</v>
      </c>
      <c r="D22" s="9">
        <v>316</v>
      </c>
    </row>
    <row r="23" spans="1:4" ht="18" customHeight="1" x14ac:dyDescent="0.2">
      <c r="A23" s="8" t="s">
        <v>22</v>
      </c>
      <c r="B23" s="29">
        <v>543</v>
      </c>
      <c r="C23" s="10">
        <v>564</v>
      </c>
      <c r="D23" s="9">
        <v>1107</v>
      </c>
    </row>
    <row r="24" spans="1:4" ht="18" customHeight="1" x14ac:dyDescent="0.2">
      <c r="A24" s="16">
        <v>15</v>
      </c>
      <c r="B24" s="29">
        <v>43</v>
      </c>
      <c r="C24" s="10">
        <v>48</v>
      </c>
      <c r="D24" s="9">
        <v>91</v>
      </c>
    </row>
    <row r="25" spans="1:4" ht="18" customHeight="1" x14ac:dyDescent="0.2">
      <c r="A25" s="16">
        <v>16</v>
      </c>
      <c r="B25" s="29">
        <v>28</v>
      </c>
      <c r="C25" s="10">
        <v>41</v>
      </c>
      <c r="D25" s="9">
        <v>69</v>
      </c>
    </row>
    <row r="26" spans="1:4" ht="18" customHeight="1" x14ac:dyDescent="0.2">
      <c r="A26" s="16">
        <v>17</v>
      </c>
      <c r="B26" s="29">
        <v>36</v>
      </c>
      <c r="C26" s="10">
        <v>44</v>
      </c>
      <c r="D26" s="9">
        <v>80</v>
      </c>
    </row>
    <row r="27" spans="1:4" ht="18" customHeight="1" x14ac:dyDescent="0.2">
      <c r="A27" s="16">
        <v>18</v>
      </c>
      <c r="B27" s="29">
        <v>41</v>
      </c>
      <c r="C27" s="10">
        <v>42</v>
      </c>
      <c r="D27" s="9">
        <v>83</v>
      </c>
    </row>
    <row r="28" spans="1:4" ht="18" customHeight="1" x14ac:dyDescent="0.2">
      <c r="A28" s="16">
        <v>19</v>
      </c>
      <c r="B28" s="29">
        <v>36</v>
      </c>
      <c r="C28" s="10">
        <v>38</v>
      </c>
      <c r="D28" s="9">
        <v>74</v>
      </c>
    </row>
    <row r="29" spans="1:4" ht="18" customHeight="1" x14ac:dyDescent="0.2">
      <c r="A29" s="8" t="s">
        <v>21</v>
      </c>
      <c r="B29" s="29">
        <v>184</v>
      </c>
      <c r="C29" s="10">
        <v>213</v>
      </c>
      <c r="D29" s="9">
        <v>397</v>
      </c>
    </row>
    <row r="30" spans="1:4" ht="18" customHeight="1" x14ac:dyDescent="0.2">
      <c r="A30" s="16">
        <v>20</v>
      </c>
      <c r="B30" s="29">
        <v>38</v>
      </c>
      <c r="C30" s="10">
        <v>39</v>
      </c>
      <c r="D30" s="9">
        <v>77</v>
      </c>
    </row>
    <row r="31" spans="1:4" ht="18" customHeight="1" x14ac:dyDescent="0.2">
      <c r="A31" s="16">
        <v>21</v>
      </c>
      <c r="B31" s="29">
        <v>32</v>
      </c>
      <c r="C31" s="10">
        <v>37</v>
      </c>
      <c r="D31" s="9">
        <v>69</v>
      </c>
    </row>
    <row r="32" spans="1:4" ht="18" customHeight="1" x14ac:dyDescent="0.2">
      <c r="A32" s="16">
        <v>22</v>
      </c>
      <c r="B32" s="29">
        <v>52</v>
      </c>
      <c r="C32" s="10">
        <v>48</v>
      </c>
      <c r="D32" s="9">
        <v>100</v>
      </c>
    </row>
    <row r="33" spans="1:4" ht="18" customHeight="1" x14ac:dyDescent="0.2">
      <c r="A33" s="16">
        <v>23</v>
      </c>
      <c r="B33" s="29">
        <v>47</v>
      </c>
      <c r="C33" s="10">
        <v>42</v>
      </c>
      <c r="D33" s="9">
        <v>89</v>
      </c>
    </row>
    <row r="34" spans="1:4" ht="18" customHeight="1" x14ac:dyDescent="0.2">
      <c r="A34" s="16">
        <v>24</v>
      </c>
      <c r="B34" s="29">
        <v>43</v>
      </c>
      <c r="C34" s="10">
        <v>56</v>
      </c>
      <c r="D34" s="9">
        <v>99</v>
      </c>
    </row>
    <row r="35" spans="1:4" ht="18" customHeight="1" x14ac:dyDescent="0.2">
      <c r="A35" s="8" t="s">
        <v>20</v>
      </c>
      <c r="B35" s="29">
        <v>212</v>
      </c>
      <c r="C35" s="10">
        <v>222</v>
      </c>
      <c r="D35" s="9">
        <v>434</v>
      </c>
    </row>
    <row r="36" spans="1:4" ht="18" customHeight="1" x14ac:dyDescent="0.2">
      <c r="A36" s="16">
        <v>25</v>
      </c>
      <c r="B36" s="29">
        <v>60</v>
      </c>
      <c r="C36" s="10">
        <v>54</v>
      </c>
      <c r="D36" s="9">
        <v>114</v>
      </c>
    </row>
    <row r="37" spans="1:4" ht="18" customHeight="1" x14ac:dyDescent="0.2">
      <c r="A37" s="16">
        <v>26</v>
      </c>
      <c r="B37" s="29">
        <v>45</v>
      </c>
      <c r="C37" s="10">
        <v>53</v>
      </c>
      <c r="D37" s="9">
        <v>98</v>
      </c>
    </row>
    <row r="38" spans="1:4" ht="18" customHeight="1" x14ac:dyDescent="0.2">
      <c r="A38" s="16">
        <v>27</v>
      </c>
      <c r="B38" s="29">
        <v>83</v>
      </c>
      <c r="C38" s="10">
        <v>65</v>
      </c>
      <c r="D38" s="9">
        <v>148</v>
      </c>
    </row>
    <row r="39" spans="1:4" ht="18" customHeight="1" x14ac:dyDescent="0.2">
      <c r="A39" s="16">
        <v>28</v>
      </c>
      <c r="B39" s="29">
        <v>81</v>
      </c>
      <c r="C39" s="10">
        <v>67</v>
      </c>
      <c r="D39" s="9">
        <v>148</v>
      </c>
    </row>
    <row r="40" spans="1:4" ht="18" customHeight="1" x14ac:dyDescent="0.2">
      <c r="A40" s="16">
        <v>29</v>
      </c>
      <c r="B40" s="29">
        <v>52</v>
      </c>
      <c r="C40" s="10">
        <v>56</v>
      </c>
      <c r="D40" s="9">
        <v>108</v>
      </c>
    </row>
    <row r="41" spans="1:4" ht="18" customHeight="1" x14ac:dyDescent="0.2">
      <c r="A41" s="8" t="s">
        <v>19</v>
      </c>
      <c r="B41" s="29">
        <v>321</v>
      </c>
      <c r="C41" s="10">
        <v>295</v>
      </c>
      <c r="D41" s="9">
        <v>616</v>
      </c>
    </row>
    <row r="42" spans="1:4" ht="18" customHeight="1" x14ac:dyDescent="0.2">
      <c r="A42" s="16">
        <v>30</v>
      </c>
      <c r="B42" s="29">
        <v>61</v>
      </c>
      <c r="C42" s="10">
        <v>63</v>
      </c>
      <c r="D42" s="9">
        <v>124</v>
      </c>
    </row>
    <row r="43" spans="1:4" ht="18" customHeight="1" x14ac:dyDescent="0.2">
      <c r="A43" s="16">
        <v>31</v>
      </c>
      <c r="B43" s="29">
        <v>59</v>
      </c>
      <c r="C43" s="10">
        <v>70</v>
      </c>
      <c r="D43" s="9">
        <v>129</v>
      </c>
    </row>
    <row r="44" spans="1:4" ht="18" customHeight="1" x14ac:dyDescent="0.2">
      <c r="A44" s="16">
        <v>32</v>
      </c>
      <c r="B44" s="29">
        <v>50</v>
      </c>
      <c r="C44" s="10">
        <v>63</v>
      </c>
      <c r="D44" s="9">
        <v>113</v>
      </c>
    </row>
    <row r="45" spans="1:4" ht="18" customHeight="1" x14ac:dyDescent="0.2">
      <c r="A45" s="16">
        <v>33</v>
      </c>
      <c r="B45" s="29">
        <v>70</v>
      </c>
      <c r="C45" s="10">
        <v>58</v>
      </c>
      <c r="D45" s="9">
        <v>128</v>
      </c>
    </row>
    <row r="46" spans="1:4" ht="18" customHeight="1" x14ac:dyDescent="0.2">
      <c r="A46" s="16">
        <v>34</v>
      </c>
      <c r="B46" s="29">
        <v>59</v>
      </c>
      <c r="C46" s="10">
        <v>61</v>
      </c>
      <c r="D46" s="9">
        <v>120</v>
      </c>
    </row>
    <row r="47" spans="1:4" ht="18" customHeight="1" x14ac:dyDescent="0.2">
      <c r="A47" s="8" t="s">
        <v>18</v>
      </c>
      <c r="B47" s="29">
        <v>299</v>
      </c>
      <c r="C47" s="10">
        <v>315</v>
      </c>
      <c r="D47" s="9">
        <v>614</v>
      </c>
    </row>
    <row r="48" spans="1:4" ht="18" customHeight="1" x14ac:dyDescent="0.2">
      <c r="A48" s="16">
        <v>35</v>
      </c>
      <c r="B48" s="29">
        <v>67</v>
      </c>
      <c r="C48" s="10">
        <v>51</v>
      </c>
      <c r="D48" s="9">
        <v>118</v>
      </c>
    </row>
    <row r="49" spans="1:4" ht="18" customHeight="1" x14ac:dyDescent="0.2">
      <c r="A49" s="16">
        <v>36</v>
      </c>
      <c r="B49" s="29">
        <v>56</v>
      </c>
      <c r="C49" s="10">
        <v>50</v>
      </c>
      <c r="D49" s="9">
        <v>106</v>
      </c>
    </row>
    <row r="50" spans="1:4" ht="18" customHeight="1" x14ac:dyDescent="0.2">
      <c r="A50" s="16">
        <v>37</v>
      </c>
      <c r="B50" s="29">
        <v>65</v>
      </c>
      <c r="C50" s="10">
        <v>57</v>
      </c>
      <c r="D50" s="9">
        <v>122</v>
      </c>
    </row>
    <row r="51" spans="1:4" ht="18" customHeight="1" x14ac:dyDescent="0.2">
      <c r="A51" s="16">
        <v>38</v>
      </c>
      <c r="B51" s="29">
        <v>69</v>
      </c>
      <c r="C51" s="10">
        <v>65</v>
      </c>
      <c r="D51" s="9">
        <v>134</v>
      </c>
    </row>
    <row r="52" spans="1:4" ht="18" customHeight="1" x14ac:dyDescent="0.2">
      <c r="A52" s="16">
        <v>39</v>
      </c>
      <c r="B52" s="29">
        <v>73</v>
      </c>
      <c r="C52" s="10">
        <v>53</v>
      </c>
      <c r="D52" s="9">
        <v>126</v>
      </c>
    </row>
    <row r="53" spans="1:4" ht="18" customHeight="1" x14ac:dyDescent="0.2">
      <c r="A53" s="8" t="s">
        <v>17</v>
      </c>
      <c r="B53" s="29">
        <v>330</v>
      </c>
      <c r="C53" s="10">
        <v>276</v>
      </c>
      <c r="D53" s="9">
        <v>606</v>
      </c>
    </row>
    <row r="54" spans="1:4" ht="18" customHeight="1" x14ac:dyDescent="0.2">
      <c r="A54" s="16">
        <v>40</v>
      </c>
      <c r="B54" s="29">
        <v>43</v>
      </c>
      <c r="C54" s="10">
        <v>61</v>
      </c>
      <c r="D54" s="9">
        <v>104</v>
      </c>
    </row>
    <row r="55" spans="1:4" ht="18" customHeight="1" x14ac:dyDescent="0.2">
      <c r="A55" s="16">
        <v>41</v>
      </c>
      <c r="B55" s="29">
        <v>61</v>
      </c>
      <c r="C55" s="10">
        <v>59</v>
      </c>
      <c r="D55" s="9">
        <v>120</v>
      </c>
    </row>
    <row r="56" spans="1:4" ht="18" customHeight="1" x14ac:dyDescent="0.2">
      <c r="A56" s="16">
        <v>42</v>
      </c>
      <c r="B56" s="29">
        <v>57</v>
      </c>
      <c r="C56" s="10">
        <v>42</v>
      </c>
      <c r="D56" s="9">
        <v>99</v>
      </c>
    </row>
    <row r="57" spans="1:4" ht="18" customHeight="1" x14ac:dyDescent="0.2">
      <c r="A57" s="16">
        <v>43</v>
      </c>
      <c r="B57" s="29">
        <v>62</v>
      </c>
      <c r="C57" s="10">
        <v>60</v>
      </c>
      <c r="D57" s="9">
        <v>122</v>
      </c>
    </row>
    <row r="58" spans="1:4" ht="18" customHeight="1" x14ac:dyDescent="0.2">
      <c r="A58" s="16">
        <v>44</v>
      </c>
      <c r="B58" s="29">
        <v>64</v>
      </c>
      <c r="C58" s="10">
        <v>57</v>
      </c>
      <c r="D58" s="9">
        <v>121</v>
      </c>
    </row>
    <row r="59" spans="1:4" ht="18" customHeight="1" x14ac:dyDescent="0.2">
      <c r="A59" s="8" t="s">
        <v>16</v>
      </c>
      <c r="B59" s="29">
        <v>287</v>
      </c>
      <c r="C59" s="10">
        <v>279</v>
      </c>
      <c r="D59" s="9">
        <v>566</v>
      </c>
    </row>
    <row r="60" spans="1:4" ht="18" customHeight="1" x14ac:dyDescent="0.2">
      <c r="A60" s="16">
        <v>45</v>
      </c>
      <c r="B60" s="29">
        <v>82</v>
      </c>
      <c r="C60" s="10">
        <v>59</v>
      </c>
      <c r="D60" s="9">
        <v>141</v>
      </c>
    </row>
    <row r="61" spans="1:4" ht="18" customHeight="1" x14ac:dyDescent="0.2">
      <c r="A61" s="16">
        <v>46</v>
      </c>
      <c r="B61" s="29">
        <v>78</v>
      </c>
      <c r="C61" s="10">
        <v>59</v>
      </c>
      <c r="D61" s="9">
        <v>137</v>
      </c>
    </row>
    <row r="62" spans="1:4" ht="18" customHeight="1" x14ac:dyDescent="0.2">
      <c r="A62" s="16">
        <v>47</v>
      </c>
      <c r="B62" s="29">
        <v>69</v>
      </c>
      <c r="C62" s="10">
        <v>63</v>
      </c>
      <c r="D62" s="9">
        <v>132</v>
      </c>
    </row>
    <row r="63" spans="1:4" ht="18" customHeight="1" x14ac:dyDescent="0.2">
      <c r="A63" s="16">
        <v>48</v>
      </c>
      <c r="B63" s="29">
        <v>67</v>
      </c>
      <c r="C63" s="10">
        <v>73</v>
      </c>
      <c r="D63" s="9">
        <v>140</v>
      </c>
    </row>
    <row r="64" spans="1:4" ht="18" customHeight="1" x14ac:dyDescent="0.2">
      <c r="A64" s="16">
        <v>49</v>
      </c>
      <c r="B64" s="29">
        <v>66</v>
      </c>
      <c r="C64" s="10">
        <v>79</v>
      </c>
      <c r="D64" s="9">
        <v>145</v>
      </c>
    </row>
    <row r="65" spans="1:4" ht="18" customHeight="1" x14ac:dyDescent="0.2">
      <c r="A65" s="8" t="s">
        <v>15</v>
      </c>
      <c r="B65" s="29">
        <v>362</v>
      </c>
      <c r="C65" s="10">
        <v>333</v>
      </c>
      <c r="D65" s="9">
        <v>695</v>
      </c>
    </row>
    <row r="66" spans="1:4" ht="18" customHeight="1" x14ac:dyDescent="0.2">
      <c r="A66" s="16">
        <v>50</v>
      </c>
      <c r="B66" s="29">
        <v>97</v>
      </c>
      <c r="C66" s="10">
        <v>81</v>
      </c>
      <c r="D66" s="9">
        <v>178</v>
      </c>
    </row>
    <row r="67" spans="1:4" ht="18" customHeight="1" x14ac:dyDescent="0.2">
      <c r="A67" s="16">
        <v>51</v>
      </c>
      <c r="B67" s="29">
        <v>72</v>
      </c>
      <c r="C67" s="10">
        <v>97</v>
      </c>
      <c r="D67" s="9">
        <v>169</v>
      </c>
    </row>
    <row r="68" spans="1:4" ht="18" customHeight="1" x14ac:dyDescent="0.2">
      <c r="A68" s="16">
        <v>52</v>
      </c>
      <c r="B68" s="29">
        <v>85</v>
      </c>
      <c r="C68" s="10">
        <v>83</v>
      </c>
      <c r="D68" s="9">
        <v>168</v>
      </c>
    </row>
    <row r="69" spans="1:4" ht="18" customHeight="1" x14ac:dyDescent="0.2">
      <c r="A69" s="16">
        <v>53</v>
      </c>
      <c r="B69" s="29">
        <v>71</v>
      </c>
      <c r="C69" s="10">
        <v>63</v>
      </c>
      <c r="D69" s="9">
        <v>134</v>
      </c>
    </row>
    <row r="70" spans="1:4" ht="18" customHeight="1" x14ac:dyDescent="0.2">
      <c r="A70" s="16">
        <v>54</v>
      </c>
      <c r="B70" s="29">
        <v>78</v>
      </c>
      <c r="C70" s="10">
        <v>61</v>
      </c>
      <c r="D70" s="9">
        <v>139</v>
      </c>
    </row>
    <row r="71" spans="1:4" ht="18" customHeight="1" x14ac:dyDescent="0.2">
      <c r="A71" s="8" t="s">
        <v>14</v>
      </c>
      <c r="B71" s="29">
        <v>403</v>
      </c>
      <c r="C71" s="10">
        <v>385</v>
      </c>
      <c r="D71" s="9">
        <v>788</v>
      </c>
    </row>
    <row r="72" spans="1:4" ht="18" customHeight="1" x14ac:dyDescent="0.2">
      <c r="A72" s="16">
        <v>55</v>
      </c>
      <c r="B72" s="29">
        <v>63</v>
      </c>
      <c r="C72" s="10">
        <v>72</v>
      </c>
      <c r="D72" s="9">
        <v>135</v>
      </c>
    </row>
    <row r="73" spans="1:4" ht="18" customHeight="1" x14ac:dyDescent="0.2">
      <c r="A73" s="16">
        <v>56</v>
      </c>
      <c r="B73" s="29">
        <v>65</v>
      </c>
      <c r="C73" s="10">
        <v>59</v>
      </c>
      <c r="D73" s="9">
        <v>124</v>
      </c>
    </row>
    <row r="74" spans="1:4" ht="18" customHeight="1" x14ac:dyDescent="0.2">
      <c r="A74" s="16">
        <v>57</v>
      </c>
      <c r="B74" s="29">
        <v>43</v>
      </c>
      <c r="C74" s="10">
        <v>40</v>
      </c>
      <c r="D74" s="9">
        <v>83</v>
      </c>
    </row>
    <row r="75" spans="1:4" ht="18" customHeight="1" x14ac:dyDescent="0.2">
      <c r="A75" s="16">
        <v>58</v>
      </c>
      <c r="B75" s="29">
        <v>64</v>
      </c>
      <c r="C75" s="10">
        <v>57</v>
      </c>
      <c r="D75" s="9">
        <v>121</v>
      </c>
    </row>
    <row r="76" spans="1:4" ht="18" customHeight="1" x14ac:dyDescent="0.2">
      <c r="A76" s="16">
        <v>59</v>
      </c>
      <c r="B76" s="29">
        <v>48</v>
      </c>
      <c r="C76" s="10">
        <v>48</v>
      </c>
      <c r="D76" s="9">
        <v>96</v>
      </c>
    </row>
    <row r="77" spans="1:4" ht="18" customHeight="1" x14ac:dyDescent="0.2">
      <c r="A77" s="8" t="s">
        <v>13</v>
      </c>
      <c r="B77" s="29">
        <v>283</v>
      </c>
      <c r="C77" s="10">
        <v>276</v>
      </c>
      <c r="D77" s="9">
        <v>559</v>
      </c>
    </row>
    <row r="78" spans="1:4" ht="18" customHeight="1" x14ac:dyDescent="0.2">
      <c r="A78" s="16">
        <v>60</v>
      </c>
      <c r="B78" s="29">
        <v>46</v>
      </c>
      <c r="C78" s="10">
        <v>58</v>
      </c>
      <c r="D78" s="9">
        <v>104</v>
      </c>
    </row>
    <row r="79" spans="1:4" ht="18" customHeight="1" x14ac:dyDescent="0.2">
      <c r="A79" s="16">
        <v>61</v>
      </c>
      <c r="B79" s="29">
        <v>55</v>
      </c>
      <c r="C79" s="10">
        <v>56</v>
      </c>
      <c r="D79" s="9">
        <v>111</v>
      </c>
    </row>
    <row r="80" spans="1:4" ht="18" customHeight="1" x14ac:dyDescent="0.2">
      <c r="A80" s="16">
        <v>62</v>
      </c>
      <c r="B80" s="29">
        <v>44</v>
      </c>
      <c r="C80" s="10">
        <v>65</v>
      </c>
      <c r="D80" s="9">
        <v>109</v>
      </c>
    </row>
    <row r="81" spans="1:4" ht="18" customHeight="1" x14ac:dyDescent="0.2">
      <c r="A81" s="16">
        <v>63</v>
      </c>
      <c r="B81" s="29">
        <v>51</v>
      </c>
      <c r="C81" s="10">
        <v>46</v>
      </c>
      <c r="D81" s="9">
        <v>97</v>
      </c>
    </row>
    <row r="82" spans="1:4" ht="18" customHeight="1" x14ac:dyDescent="0.2">
      <c r="A82" s="16">
        <v>64</v>
      </c>
      <c r="B82" s="29">
        <v>48</v>
      </c>
      <c r="C82" s="10">
        <v>45</v>
      </c>
      <c r="D82" s="9">
        <v>93</v>
      </c>
    </row>
    <row r="83" spans="1:4" ht="18" customHeight="1" x14ac:dyDescent="0.2">
      <c r="A83" s="8" t="s">
        <v>12</v>
      </c>
      <c r="B83" s="29">
        <v>244</v>
      </c>
      <c r="C83" s="10">
        <v>270</v>
      </c>
      <c r="D83" s="9">
        <v>514</v>
      </c>
    </row>
    <row r="84" spans="1:4" ht="18" customHeight="1" x14ac:dyDescent="0.2">
      <c r="A84" s="8" t="s">
        <v>11</v>
      </c>
      <c r="B84" s="29">
        <v>2925</v>
      </c>
      <c r="C84" s="10">
        <v>2864</v>
      </c>
      <c r="D84" s="9">
        <v>5789</v>
      </c>
    </row>
    <row r="85" spans="1:4" ht="18" customHeight="1" x14ac:dyDescent="0.2">
      <c r="A85" s="16">
        <v>65</v>
      </c>
      <c r="B85" s="29">
        <v>45</v>
      </c>
      <c r="C85" s="10">
        <v>55</v>
      </c>
      <c r="D85" s="9">
        <v>100</v>
      </c>
    </row>
    <row r="86" spans="1:4" ht="18" customHeight="1" x14ac:dyDescent="0.2">
      <c r="A86" s="16">
        <v>66</v>
      </c>
      <c r="B86" s="29">
        <v>34</v>
      </c>
      <c r="C86" s="10">
        <v>45</v>
      </c>
      <c r="D86" s="9">
        <v>79</v>
      </c>
    </row>
    <row r="87" spans="1:4" ht="18" customHeight="1" x14ac:dyDescent="0.2">
      <c r="A87" s="16">
        <v>67</v>
      </c>
      <c r="B87" s="29">
        <v>38</v>
      </c>
      <c r="C87" s="10">
        <v>78</v>
      </c>
      <c r="D87" s="9">
        <v>116</v>
      </c>
    </row>
    <row r="88" spans="1:4" ht="18" customHeight="1" x14ac:dyDescent="0.2">
      <c r="A88" s="16">
        <v>68</v>
      </c>
      <c r="B88" s="29">
        <v>54</v>
      </c>
      <c r="C88" s="10">
        <v>68</v>
      </c>
      <c r="D88" s="9">
        <v>122</v>
      </c>
    </row>
    <row r="89" spans="1:4" ht="18" customHeight="1" x14ac:dyDescent="0.2">
      <c r="A89" s="16">
        <v>69</v>
      </c>
      <c r="B89" s="29">
        <v>58</v>
      </c>
      <c r="C89" s="10">
        <v>63</v>
      </c>
      <c r="D89" s="9">
        <v>121</v>
      </c>
    </row>
    <row r="90" spans="1:4" ht="18" customHeight="1" x14ac:dyDescent="0.2">
      <c r="A90" s="8" t="s">
        <v>10</v>
      </c>
      <c r="B90" s="29">
        <v>229</v>
      </c>
      <c r="C90" s="10">
        <v>309</v>
      </c>
      <c r="D90" s="9">
        <v>538</v>
      </c>
    </row>
    <row r="91" spans="1:4" ht="18" customHeight="1" x14ac:dyDescent="0.2">
      <c r="A91" s="16">
        <v>70</v>
      </c>
      <c r="B91" s="29">
        <v>54</v>
      </c>
      <c r="C91" s="10">
        <v>60</v>
      </c>
      <c r="D91" s="9">
        <v>114</v>
      </c>
    </row>
    <row r="92" spans="1:4" ht="18" customHeight="1" x14ac:dyDescent="0.2">
      <c r="A92" s="16">
        <v>71</v>
      </c>
      <c r="B92" s="29">
        <v>63</v>
      </c>
      <c r="C92" s="10">
        <v>72</v>
      </c>
      <c r="D92" s="9">
        <v>135</v>
      </c>
    </row>
    <row r="93" spans="1:4" ht="18" customHeight="1" x14ac:dyDescent="0.2">
      <c r="A93" s="16">
        <v>72</v>
      </c>
      <c r="B93" s="29">
        <v>65</v>
      </c>
      <c r="C93" s="10">
        <v>71</v>
      </c>
      <c r="D93" s="9">
        <v>136</v>
      </c>
    </row>
    <row r="94" spans="1:4" ht="18" customHeight="1" x14ac:dyDescent="0.2">
      <c r="A94" s="16">
        <v>73</v>
      </c>
      <c r="B94" s="29">
        <v>79</v>
      </c>
      <c r="C94" s="10">
        <v>78</v>
      </c>
      <c r="D94" s="9">
        <v>157</v>
      </c>
    </row>
    <row r="95" spans="1:4" ht="18" customHeight="1" x14ac:dyDescent="0.2">
      <c r="A95" s="16">
        <v>74</v>
      </c>
      <c r="B95" s="29">
        <v>84</v>
      </c>
      <c r="C95" s="10">
        <v>87</v>
      </c>
      <c r="D95" s="9">
        <v>171</v>
      </c>
    </row>
    <row r="96" spans="1:4" ht="18" customHeight="1" x14ac:dyDescent="0.2">
      <c r="A96" s="8" t="s">
        <v>9</v>
      </c>
      <c r="B96" s="29">
        <v>345</v>
      </c>
      <c r="C96" s="10">
        <v>368</v>
      </c>
      <c r="D96" s="9">
        <v>713</v>
      </c>
    </row>
    <row r="97" spans="1:4" ht="18" customHeight="1" x14ac:dyDescent="0.2">
      <c r="A97" s="16">
        <v>75</v>
      </c>
      <c r="B97" s="29">
        <v>73</v>
      </c>
      <c r="C97" s="10">
        <v>96</v>
      </c>
      <c r="D97" s="9">
        <v>169</v>
      </c>
    </row>
    <row r="98" spans="1:4" ht="18" customHeight="1" x14ac:dyDescent="0.2">
      <c r="A98" s="16">
        <v>76</v>
      </c>
      <c r="B98" s="29">
        <v>60</v>
      </c>
      <c r="C98" s="10">
        <v>91</v>
      </c>
      <c r="D98" s="9">
        <v>151</v>
      </c>
    </row>
    <row r="99" spans="1:4" ht="18" customHeight="1" x14ac:dyDescent="0.2">
      <c r="A99" s="16">
        <v>77</v>
      </c>
      <c r="B99" s="29">
        <v>40</v>
      </c>
      <c r="C99" s="10">
        <v>52</v>
      </c>
      <c r="D99" s="9">
        <v>92</v>
      </c>
    </row>
    <row r="100" spans="1:4" ht="18" customHeight="1" x14ac:dyDescent="0.2">
      <c r="A100" s="16">
        <v>78</v>
      </c>
      <c r="B100" s="29">
        <v>49</v>
      </c>
      <c r="C100" s="10">
        <v>57</v>
      </c>
      <c r="D100" s="9">
        <v>106</v>
      </c>
    </row>
    <row r="101" spans="1:4" ht="18" customHeight="1" x14ac:dyDescent="0.2">
      <c r="A101" s="16">
        <v>79</v>
      </c>
      <c r="B101" s="29">
        <v>47</v>
      </c>
      <c r="C101" s="10">
        <v>63</v>
      </c>
      <c r="D101" s="9">
        <v>110</v>
      </c>
    </row>
    <row r="102" spans="1:4" ht="18" customHeight="1" x14ac:dyDescent="0.2">
      <c r="A102" s="8" t="s">
        <v>8</v>
      </c>
      <c r="B102" s="29">
        <v>269</v>
      </c>
      <c r="C102" s="10">
        <v>359</v>
      </c>
      <c r="D102" s="9">
        <v>628</v>
      </c>
    </row>
    <row r="103" spans="1:4" ht="18" customHeight="1" x14ac:dyDescent="0.2">
      <c r="A103" s="16">
        <v>80</v>
      </c>
      <c r="B103" s="29">
        <v>46</v>
      </c>
      <c r="C103" s="10">
        <v>54</v>
      </c>
      <c r="D103" s="9">
        <v>100</v>
      </c>
    </row>
    <row r="104" spans="1:4" ht="18" customHeight="1" x14ac:dyDescent="0.2">
      <c r="A104" s="16">
        <v>81</v>
      </c>
      <c r="B104" s="29">
        <v>42</v>
      </c>
      <c r="C104" s="10">
        <v>74</v>
      </c>
      <c r="D104" s="9">
        <v>116</v>
      </c>
    </row>
    <row r="105" spans="1:4" ht="18" customHeight="1" x14ac:dyDescent="0.2">
      <c r="A105" s="16">
        <v>82</v>
      </c>
      <c r="B105" s="29">
        <v>38</v>
      </c>
      <c r="C105" s="10">
        <v>48</v>
      </c>
      <c r="D105" s="9">
        <v>86</v>
      </c>
    </row>
    <row r="106" spans="1:4" ht="18" customHeight="1" x14ac:dyDescent="0.2">
      <c r="A106" s="16">
        <v>83</v>
      </c>
      <c r="B106" s="29">
        <v>28</v>
      </c>
      <c r="C106" s="10">
        <v>38</v>
      </c>
      <c r="D106" s="9">
        <v>66</v>
      </c>
    </row>
    <row r="107" spans="1:4" ht="18" customHeight="1" x14ac:dyDescent="0.2">
      <c r="A107" s="16">
        <v>84</v>
      </c>
      <c r="B107" s="29">
        <v>23</v>
      </c>
      <c r="C107" s="10">
        <v>43</v>
      </c>
      <c r="D107" s="9">
        <v>66</v>
      </c>
    </row>
    <row r="108" spans="1:4" ht="18" customHeight="1" x14ac:dyDescent="0.2">
      <c r="A108" s="8" t="s">
        <v>7</v>
      </c>
      <c r="B108" s="29">
        <v>177</v>
      </c>
      <c r="C108" s="10">
        <v>257</v>
      </c>
      <c r="D108" s="9">
        <v>434</v>
      </c>
    </row>
    <row r="109" spans="1:4" ht="18" customHeight="1" x14ac:dyDescent="0.2">
      <c r="A109" s="16">
        <v>85</v>
      </c>
      <c r="B109" s="29">
        <v>23</v>
      </c>
      <c r="C109" s="10">
        <v>34</v>
      </c>
      <c r="D109" s="9">
        <v>57</v>
      </c>
    </row>
    <row r="110" spans="1:4" ht="18" customHeight="1" x14ac:dyDescent="0.2">
      <c r="A110" s="16">
        <v>86</v>
      </c>
      <c r="B110" s="29">
        <v>24</v>
      </c>
      <c r="C110" s="10">
        <v>42</v>
      </c>
      <c r="D110" s="9">
        <v>66</v>
      </c>
    </row>
    <row r="111" spans="1:4" ht="18" customHeight="1" x14ac:dyDescent="0.2">
      <c r="A111" s="16">
        <v>87</v>
      </c>
      <c r="B111" s="29">
        <v>11</v>
      </c>
      <c r="C111" s="10">
        <v>48</v>
      </c>
      <c r="D111" s="9">
        <v>59</v>
      </c>
    </row>
    <row r="112" spans="1:4" ht="18" customHeight="1" x14ac:dyDescent="0.2">
      <c r="A112" s="16">
        <v>88</v>
      </c>
      <c r="B112" s="29">
        <v>18</v>
      </c>
      <c r="C112" s="10">
        <v>24</v>
      </c>
      <c r="D112" s="9">
        <v>42</v>
      </c>
    </row>
    <row r="113" spans="1:4" ht="18" customHeight="1" x14ac:dyDescent="0.2">
      <c r="A113" s="16">
        <v>89</v>
      </c>
      <c r="B113" s="29">
        <v>16</v>
      </c>
      <c r="C113" s="10">
        <v>29</v>
      </c>
      <c r="D113" s="9">
        <v>45</v>
      </c>
    </row>
    <row r="114" spans="1:4" ht="18" customHeight="1" x14ac:dyDescent="0.2">
      <c r="A114" s="8" t="s">
        <v>6</v>
      </c>
      <c r="B114" s="29">
        <v>92</v>
      </c>
      <c r="C114" s="10">
        <v>177</v>
      </c>
      <c r="D114" s="9">
        <v>269</v>
      </c>
    </row>
    <row r="115" spans="1:4" ht="18" customHeight="1" x14ac:dyDescent="0.2">
      <c r="A115" s="16">
        <v>90</v>
      </c>
      <c r="B115" s="29">
        <v>16</v>
      </c>
      <c r="C115" s="10">
        <v>18</v>
      </c>
      <c r="D115" s="9">
        <v>34</v>
      </c>
    </row>
    <row r="116" spans="1:4" ht="18" customHeight="1" x14ac:dyDescent="0.2">
      <c r="A116" s="16">
        <v>91</v>
      </c>
      <c r="B116" s="29">
        <v>8</v>
      </c>
      <c r="C116" s="10">
        <v>24</v>
      </c>
      <c r="D116" s="9">
        <v>32</v>
      </c>
    </row>
    <row r="117" spans="1:4" ht="18" customHeight="1" x14ac:dyDescent="0.2">
      <c r="A117" s="16">
        <v>92</v>
      </c>
      <c r="B117" s="29">
        <v>8</v>
      </c>
      <c r="C117" s="10">
        <v>17</v>
      </c>
      <c r="D117" s="9">
        <v>25</v>
      </c>
    </row>
    <row r="118" spans="1:4" ht="18" customHeight="1" x14ac:dyDescent="0.2">
      <c r="A118" s="16">
        <v>93</v>
      </c>
      <c r="B118" s="29">
        <v>5</v>
      </c>
      <c r="C118" s="10">
        <v>15</v>
      </c>
      <c r="D118" s="9">
        <v>20</v>
      </c>
    </row>
    <row r="119" spans="1:4" ht="18" customHeight="1" x14ac:dyDescent="0.2">
      <c r="A119" s="16">
        <v>94</v>
      </c>
      <c r="B119" s="29">
        <v>5</v>
      </c>
      <c r="C119" s="10">
        <v>13</v>
      </c>
      <c r="D119" s="9">
        <v>18</v>
      </c>
    </row>
    <row r="120" spans="1:4" ht="18" customHeight="1" x14ac:dyDescent="0.2">
      <c r="A120" s="8" t="s">
        <v>5</v>
      </c>
      <c r="B120" s="29">
        <v>42</v>
      </c>
      <c r="C120" s="10">
        <v>87</v>
      </c>
      <c r="D120" s="9">
        <v>129</v>
      </c>
    </row>
    <row r="121" spans="1:4" ht="18" customHeight="1" x14ac:dyDescent="0.2">
      <c r="A121" s="16">
        <v>95</v>
      </c>
      <c r="B121" s="29">
        <v>0</v>
      </c>
      <c r="C121" s="10">
        <v>14</v>
      </c>
      <c r="D121" s="9">
        <v>14</v>
      </c>
    </row>
    <row r="122" spans="1:4" ht="18" customHeight="1" x14ac:dyDescent="0.2">
      <c r="A122" s="16">
        <v>96</v>
      </c>
      <c r="B122" s="29">
        <v>0</v>
      </c>
      <c r="C122" s="10">
        <v>12</v>
      </c>
      <c r="D122" s="9">
        <v>12</v>
      </c>
    </row>
    <row r="123" spans="1:4" ht="18" customHeight="1" x14ac:dyDescent="0.2">
      <c r="A123" s="16">
        <v>97</v>
      </c>
      <c r="B123" s="29">
        <v>1</v>
      </c>
      <c r="C123" s="10">
        <v>8</v>
      </c>
      <c r="D123" s="9">
        <v>9</v>
      </c>
    </row>
    <row r="124" spans="1:4" ht="18" customHeight="1" x14ac:dyDescent="0.2">
      <c r="A124" s="16">
        <v>98</v>
      </c>
      <c r="B124" s="29">
        <v>1</v>
      </c>
      <c r="C124" s="10">
        <v>2</v>
      </c>
      <c r="D124" s="9">
        <v>3</v>
      </c>
    </row>
    <row r="125" spans="1:4" ht="18" customHeight="1" x14ac:dyDescent="0.2">
      <c r="A125" s="16">
        <v>99</v>
      </c>
      <c r="B125" s="29">
        <v>1</v>
      </c>
      <c r="C125" s="10">
        <v>2</v>
      </c>
      <c r="D125" s="9">
        <v>3</v>
      </c>
    </row>
    <row r="126" spans="1:4" ht="18" customHeight="1" x14ac:dyDescent="0.2">
      <c r="A126" s="8" t="s">
        <v>4</v>
      </c>
      <c r="B126" s="29">
        <v>3</v>
      </c>
      <c r="C126" s="10">
        <v>38</v>
      </c>
      <c r="D126" s="9">
        <v>41</v>
      </c>
    </row>
    <row r="127" spans="1:4" ht="18" customHeight="1" x14ac:dyDescent="0.2">
      <c r="A127" s="16">
        <v>100</v>
      </c>
      <c r="B127" s="29">
        <v>1</v>
      </c>
      <c r="C127" s="10">
        <v>0</v>
      </c>
      <c r="D127" s="9">
        <v>1</v>
      </c>
    </row>
    <row r="128" spans="1:4" ht="18" customHeight="1" x14ac:dyDescent="0.2">
      <c r="A128" s="15" t="s">
        <v>3</v>
      </c>
      <c r="B128" s="29">
        <v>1</v>
      </c>
      <c r="C128" s="10">
        <v>2</v>
      </c>
      <c r="D128" s="9">
        <v>3</v>
      </c>
    </row>
    <row r="129" spans="1:4" ht="18" customHeight="1" x14ac:dyDescent="0.2">
      <c r="A129" s="8" t="s">
        <v>2</v>
      </c>
      <c r="B129" s="29">
        <v>2</v>
      </c>
      <c r="C129" s="10">
        <v>2</v>
      </c>
      <c r="D129" s="9">
        <v>4</v>
      </c>
    </row>
    <row r="130" spans="1:4" ht="18" customHeight="1" x14ac:dyDescent="0.2">
      <c r="A130" s="8" t="s">
        <v>1</v>
      </c>
      <c r="B130" s="28">
        <v>1159</v>
      </c>
      <c r="C130" s="6">
        <v>1597</v>
      </c>
      <c r="D130" s="5">
        <v>2756</v>
      </c>
    </row>
    <row r="131" spans="1:4" ht="18" customHeight="1" x14ac:dyDescent="0.2">
      <c r="A131" s="4" t="s">
        <v>0</v>
      </c>
      <c r="B131" s="27">
        <v>4627</v>
      </c>
      <c r="C131" s="2">
        <v>5025</v>
      </c>
      <c r="D131" s="1">
        <v>9652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4EF56BC-1D78-4ACB-8F4F-52116A1C323E}">
  <sheetPr codeName="Sheet3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55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54</v>
      </c>
      <c r="C5" s="18">
        <v>51</v>
      </c>
      <c r="D5" s="17">
        <v>105</v>
      </c>
    </row>
    <row r="6" spans="1:4" ht="18" customHeight="1" x14ac:dyDescent="0.2">
      <c r="A6" s="16">
        <v>1</v>
      </c>
      <c r="B6" s="29">
        <v>55</v>
      </c>
      <c r="C6" s="10">
        <v>51</v>
      </c>
      <c r="D6" s="9">
        <v>106</v>
      </c>
    </row>
    <row r="7" spans="1:4" ht="18" customHeight="1" x14ac:dyDescent="0.2">
      <c r="A7" s="16">
        <v>2</v>
      </c>
      <c r="B7" s="29">
        <v>68</v>
      </c>
      <c r="C7" s="10">
        <v>67</v>
      </c>
      <c r="D7" s="9">
        <v>135</v>
      </c>
    </row>
    <row r="8" spans="1:4" ht="18" customHeight="1" x14ac:dyDescent="0.2">
      <c r="A8" s="16">
        <v>3</v>
      </c>
      <c r="B8" s="29">
        <v>58</v>
      </c>
      <c r="C8" s="10">
        <v>55</v>
      </c>
      <c r="D8" s="9">
        <v>113</v>
      </c>
    </row>
    <row r="9" spans="1:4" ht="18" customHeight="1" x14ac:dyDescent="0.2">
      <c r="A9" s="16">
        <v>4</v>
      </c>
      <c r="B9" s="29">
        <v>70</v>
      </c>
      <c r="C9" s="10">
        <v>69</v>
      </c>
      <c r="D9" s="9">
        <v>139</v>
      </c>
    </row>
    <row r="10" spans="1:4" ht="18" customHeight="1" x14ac:dyDescent="0.2">
      <c r="A10" s="8" t="s">
        <v>25</v>
      </c>
      <c r="B10" s="29">
        <v>305</v>
      </c>
      <c r="C10" s="10">
        <v>293</v>
      </c>
      <c r="D10" s="9">
        <v>598</v>
      </c>
    </row>
    <row r="11" spans="1:4" ht="18" customHeight="1" x14ac:dyDescent="0.2">
      <c r="A11" s="16">
        <v>5</v>
      </c>
      <c r="B11" s="29">
        <v>62</v>
      </c>
      <c r="C11" s="10">
        <v>58</v>
      </c>
      <c r="D11" s="9">
        <v>120</v>
      </c>
    </row>
    <row r="12" spans="1:4" ht="18" customHeight="1" x14ac:dyDescent="0.2">
      <c r="A12" s="16">
        <v>6</v>
      </c>
      <c r="B12" s="29">
        <v>56</v>
      </c>
      <c r="C12" s="10">
        <v>45</v>
      </c>
      <c r="D12" s="9">
        <v>101</v>
      </c>
    </row>
    <row r="13" spans="1:4" ht="18" customHeight="1" x14ac:dyDescent="0.2">
      <c r="A13" s="16">
        <v>7</v>
      </c>
      <c r="B13" s="29">
        <v>62</v>
      </c>
      <c r="C13" s="10">
        <v>66</v>
      </c>
      <c r="D13" s="9">
        <v>128</v>
      </c>
    </row>
    <row r="14" spans="1:4" ht="18" customHeight="1" x14ac:dyDescent="0.2">
      <c r="A14" s="16">
        <v>8</v>
      </c>
      <c r="B14" s="29">
        <v>54</v>
      </c>
      <c r="C14" s="10">
        <v>56</v>
      </c>
      <c r="D14" s="9">
        <v>110</v>
      </c>
    </row>
    <row r="15" spans="1:4" ht="18" customHeight="1" x14ac:dyDescent="0.2">
      <c r="A15" s="16">
        <v>9</v>
      </c>
      <c r="B15" s="29">
        <v>40</v>
      </c>
      <c r="C15" s="10">
        <v>65</v>
      </c>
      <c r="D15" s="9">
        <v>105</v>
      </c>
    </row>
    <row r="16" spans="1:4" ht="18" customHeight="1" x14ac:dyDescent="0.2">
      <c r="A16" s="8" t="s">
        <v>24</v>
      </c>
      <c r="B16" s="29">
        <v>274</v>
      </c>
      <c r="C16" s="10">
        <v>290</v>
      </c>
      <c r="D16" s="9">
        <v>564</v>
      </c>
    </row>
    <row r="17" spans="1:4" ht="18" customHeight="1" x14ac:dyDescent="0.2">
      <c r="A17" s="16">
        <v>10</v>
      </c>
      <c r="B17" s="29">
        <v>64</v>
      </c>
      <c r="C17" s="10">
        <v>60</v>
      </c>
      <c r="D17" s="9">
        <v>124</v>
      </c>
    </row>
    <row r="18" spans="1:4" ht="18" customHeight="1" x14ac:dyDescent="0.2">
      <c r="A18" s="16">
        <v>11</v>
      </c>
      <c r="B18" s="29">
        <v>43</v>
      </c>
      <c r="C18" s="10">
        <v>59</v>
      </c>
      <c r="D18" s="9">
        <v>102</v>
      </c>
    </row>
    <row r="19" spans="1:4" ht="18" customHeight="1" x14ac:dyDescent="0.2">
      <c r="A19" s="16">
        <v>12</v>
      </c>
      <c r="B19" s="29">
        <v>49</v>
      </c>
      <c r="C19" s="10">
        <v>46</v>
      </c>
      <c r="D19" s="9">
        <v>95</v>
      </c>
    </row>
    <row r="20" spans="1:4" ht="18" customHeight="1" x14ac:dyDescent="0.2">
      <c r="A20" s="16">
        <v>13</v>
      </c>
      <c r="B20" s="29">
        <v>54</v>
      </c>
      <c r="C20" s="10">
        <v>54</v>
      </c>
      <c r="D20" s="9">
        <v>108</v>
      </c>
    </row>
    <row r="21" spans="1:4" ht="18" customHeight="1" x14ac:dyDescent="0.2">
      <c r="A21" s="16">
        <v>14</v>
      </c>
      <c r="B21" s="29">
        <v>43</v>
      </c>
      <c r="C21" s="10">
        <v>63</v>
      </c>
      <c r="D21" s="9">
        <v>106</v>
      </c>
    </row>
    <row r="22" spans="1:4" ht="18" customHeight="1" x14ac:dyDescent="0.2">
      <c r="A22" s="8" t="s">
        <v>23</v>
      </c>
      <c r="B22" s="29">
        <v>253</v>
      </c>
      <c r="C22" s="10">
        <v>282</v>
      </c>
      <c r="D22" s="9">
        <v>535</v>
      </c>
    </row>
    <row r="23" spans="1:4" ht="18" customHeight="1" x14ac:dyDescent="0.2">
      <c r="A23" s="8" t="s">
        <v>22</v>
      </c>
      <c r="B23" s="29">
        <v>832</v>
      </c>
      <c r="C23" s="10">
        <v>865</v>
      </c>
      <c r="D23" s="9">
        <v>1697</v>
      </c>
    </row>
    <row r="24" spans="1:4" ht="18" customHeight="1" x14ac:dyDescent="0.2">
      <c r="A24" s="16">
        <v>15</v>
      </c>
      <c r="B24" s="29">
        <v>55</v>
      </c>
      <c r="C24" s="10">
        <v>53</v>
      </c>
      <c r="D24" s="9">
        <v>108</v>
      </c>
    </row>
    <row r="25" spans="1:4" ht="18" customHeight="1" x14ac:dyDescent="0.2">
      <c r="A25" s="16">
        <v>16</v>
      </c>
      <c r="B25" s="29">
        <v>49</v>
      </c>
      <c r="C25" s="10">
        <v>44</v>
      </c>
      <c r="D25" s="9">
        <v>93</v>
      </c>
    </row>
    <row r="26" spans="1:4" ht="18" customHeight="1" x14ac:dyDescent="0.2">
      <c r="A26" s="16">
        <v>17</v>
      </c>
      <c r="B26" s="29">
        <v>44</v>
      </c>
      <c r="C26" s="10">
        <v>50</v>
      </c>
      <c r="D26" s="9">
        <v>94</v>
      </c>
    </row>
    <row r="27" spans="1:4" ht="18" customHeight="1" x14ac:dyDescent="0.2">
      <c r="A27" s="16">
        <v>18</v>
      </c>
      <c r="B27" s="29">
        <v>62</v>
      </c>
      <c r="C27" s="10">
        <v>50</v>
      </c>
      <c r="D27" s="9">
        <v>112</v>
      </c>
    </row>
    <row r="28" spans="1:4" ht="18" customHeight="1" x14ac:dyDescent="0.2">
      <c r="A28" s="16">
        <v>19</v>
      </c>
      <c r="B28" s="29">
        <v>43</v>
      </c>
      <c r="C28" s="10">
        <v>49</v>
      </c>
      <c r="D28" s="9">
        <v>92</v>
      </c>
    </row>
    <row r="29" spans="1:4" ht="18" customHeight="1" x14ac:dyDescent="0.2">
      <c r="A29" s="8" t="s">
        <v>21</v>
      </c>
      <c r="B29" s="29">
        <v>253</v>
      </c>
      <c r="C29" s="10">
        <v>246</v>
      </c>
      <c r="D29" s="9">
        <v>499</v>
      </c>
    </row>
    <row r="30" spans="1:4" ht="18" customHeight="1" x14ac:dyDescent="0.2">
      <c r="A30" s="16">
        <v>20</v>
      </c>
      <c r="B30" s="29">
        <v>47</v>
      </c>
      <c r="C30" s="10">
        <v>49</v>
      </c>
      <c r="D30" s="9">
        <v>96</v>
      </c>
    </row>
    <row r="31" spans="1:4" ht="18" customHeight="1" x14ac:dyDescent="0.2">
      <c r="A31" s="16">
        <v>21</v>
      </c>
      <c r="B31" s="29">
        <v>56</v>
      </c>
      <c r="C31" s="10">
        <v>63</v>
      </c>
      <c r="D31" s="9">
        <v>119</v>
      </c>
    </row>
    <row r="32" spans="1:4" ht="18" customHeight="1" x14ac:dyDescent="0.2">
      <c r="A32" s="16">
        <v>22</v>
      </c>
      <c r="B32" s="29">
        <v>68</v>
      </c>
      <c r="C32" s="10">
        <v>59</v>
      </c>
      <c r="D32" s="9">
        <v>127</v>
      </c>
    </row>
    <row r="33" spans="1:4" ht="18" customHeight="1" x14ac:dyDescent="0.2">
      <c r="A33" s="16">
        <v>23</v>
      </c>
      <c r="B33" s="29">
        <v>71</v>
      </c>
      <c r="C33" s="10">
        <v>53</v>
      </c>
      <c r="D33" s="9">
        <v>124</v>
      </c>
    </row>
    <row r="34" spans="1:4" ht="18" customHeight="1" x14ac:dyDescent="0.2">
      <c r="A34" s="16">
        <v>24</v>
      </c>
      <c r="B34" s="29">
        <v>89</v>
      </c>
      <c r="C34" s="10">
        <v>63</v>
      </c>
      <c r="D34" s="9">
        <v>152</v>
      </c>
    </row>
    <row r="35" spans="1:4" ht="18" customHeight="1" x14ac:dyDescent="0.2">
      <c r="A35" s="8" t="s">
        <v>20</v>
      </c>
      <c r="B35" s="29">
        <v>331</v>
      </c>
      <c r="C35" s="10">
        <v>287</v>
      </c>
      <c r="D35" s="9">
        <v>618</v>
      </c>
    </row>
    <row r="36" spans="1:4" ht="18" customHeight="1" x14ac:dyDescent="0.2">
      <c r="A36" s="16">
        <v>25</v>
      </c>
      <c r="B36" s="29">
        <v>74</v>
      </c>
      <c r="C36" s="10">
        <v>63</v>
      </c>
      <c r="D36" s="9">
        <v>137</v>
      </c>
    </row>
    <row r="37" spans="1:4" ht="18" customHeight="1" x14ac:dyDescent="0.2">
      <c r="A37" s="16">
        <v>26</v>
      </c>
      <c r="B37" s="29">
        <v>68</v>
      </c>
      <c r="C37" s="10">
        <v>84</v>
      </c>
      <c r="D37" s="9">
        <v>152</v>
      </c>
    </row>
    <row r="38" spans="1:4" ht="18" customHeight="1" x14ac:dyDescent="0.2">
      <c r="A38" s="16">
        <v>27</v>
      </c>
      <c r="B38" s="29">
        <v>108</v>
      </c>
      <c r="C38" s="10">
        <v>73</v>
      </c>
      <c r="D38" s="9">
        <v>181</v>
      </c>
    </row>
    <row r="39" spans="1:4" ht="18" customHeight="1" x14ac:dyDescent="0.2">
      <c r="A39" s="16">
        <v>28</v>
      </c>
      <c r="B39" s="29">
        <v>85</v>
      </c>
      <c r="C39" s="10">
        <v>85</v>
      </c>
      <c r="D39" s="9">
        <v>170</v>
      </c>
    </row>
    <row r="40" spans="1:4" ht="18" customHeight="1" x14ac:dyDescent="0.2">
      <c r="A40" s="16">
        <v>29</v>
      </c>
      <c r="B40" s="29">
        <v>96</v>
      </c>
      <c r="C40" s="10">
        <v>73</v>
      </c>
      <c r="D40" s="9">
        <v>169</v>
      </c>
    </row>
    <row r="41" spans="1:4" ht="18" customHeight="1" x14ac:dyDescent="0.2">
      <c r="A41" s="8" t="s">
        <v>19</v>
      </c>
      <c r="B41" s="29">
        <v>431</v>
      </c>
      <c r="C41" s="10">
        <v>378</v>
      </c>
      <c r="D41" s="9">
        <v>809</v>
      </c>
    </row>
    <row r="42" spans="1:4" ht="18" customHeight="1" x14ac:dyDescent="0.2">
      <c r="A42" s="16">
        <v>30</v>
      </c>
      <c r="B42" s="29">
        <v>81</v>
      </c>
      <c r="C42" s="10">
        <v>74</v>
      </c>
      <c r="D42" s="9">
        <v>155</v>
      </c>
    </row>
    <row r="43" spans="1:4" ht="18" customHeight="1" x14ac:dyDescent="0.2">
      <c r="A43" s="16">
        <v>31</v>
      </c>
      <c r="B43" s="29">
        <v>78</v>
      </c>
      <c r="C43" s="10">
        <v>67</v>
      </c>
      <c r="D43" s="9">
        <v>145</v>
      </c>
    </row>
    <row r="44" spans="1:4" ht="18" customHeight="1" x14ac:dyDescent="0.2">
      <c r="A44" s="16">
        <v>32</v>
      </c>
      <c r="B44" s="29">
        <v>87</v>
      </c>
      <c r="C44" s="10">
        <v>74</v>
      </c>
      <c r="D44" s="9">
        <v>161</v>
      </c>
    </row>
    <row r="45" spans="1:4" ht="18" customHeight="1" x14ac:dyDescent="0.2">
      <c r="A45" s="16">
        <v>33</v>
      </c>
      <c r="B45" s="29">
        <v>82</v>
      </c>
      <c r="C45" s="10">
        <v>76</v>
      </c>
      <c r="D45" s="9">
        <v>158</v>
      </c>
    </row>
    <row r="46" spans="1:4" ht="18" customHeight="1" x14ac:dyDescent="0.2">
      <c r="A46" s="16">
        <v>34</v>
      </c>
      <c r="B46" s="29">
        <v>81</v>
      </c>
      <c r="C46" s="10">
        <v>71</v>
      </c>
      <c r="D46" s="9">
        <v>152</v>
      </c>
    </row>
    <row r="47" spans="1:4" ht="18" customHeight="1" x14ac:dyDescent="0.2">
      <c r="A47" s="8" t="s">
        <v>18</v>
      </c>
      <c r="B47" s="29">
        <v>409</v>
      </c>
      <c r="C47" s="10">
        <v>362</v>
      </c>
      <c r="D47" s="9">
        <v>771</v>
      </c>
    </row>
    <row r="48" spans="1:4" ht="18" customHeight="1" x14ac:dyDescent="0.2">
      <c r="A48" s="16">
        <v>35</v>
      </c>
      <c r="B48" s="29">
        <v>86</v>
      </c>
      <c r="C48" s="10">
        <v>73</v>
      </c>
      <c r="D48" s="9">
        <v>159</v>
      </c>
    </row>
    <row r="49" spans="1:4" ht="18" customHeight="1" x14ac:dyDescent="0.2">
      <c r="A49" s="16">
        <v>36</v>
      </c>
      <c r="B49" s="29">
        <v>76</v>
      </c>
      <c r="C49" s="10">
        <v>74</v>
      </c>
      <c r="D49" s="9">
        <v>150</v>
      </c>
    </row>
    <row r="50" spans="1:4" ht="18" customHeight="1" x14ac:dyDescent="0.2">
      <c r="A50" s="16">
        <v>37</v>
      </c>
      <c r="B50" s="29">
        <v>94</v>
      </c>
      <c r="C50" s="10">
        <v>94</v>
      </c>
      <c r="D50" s="9">
        <v>188</v>
      </c>
    </row>
    <row r="51" spans="1:4" ht="18" customHeight="1" x14ac:dyDescent="0.2">
      <c r="A51" s="16">
        <v>38</v>
      </c>
      <c r="B51" s="29">
        <v>90</v>
      </c>
      <c r="C51" s="10">
        <v>84</v>
      </c>
      <c r="D51" s="9">
        <v>174</v>
      </c>
    </row>
    <row r="52" spans="1:4" ht="18" customHeight="1" x14ac:dyDescent="0.2">
      <c r="A52" s="16">
        <v>39</v>
      </c>
      <c r="B52" s="29">
        <v>74</v>
      </c>
      <c r="C52" s="10">
        <v>73</v>
      </c>
      <c r="D52" s="9">
        <v>147</v>
      </c>
    </row>
    <row r="53" spans="1:4" ht="18" customHeight="1" x14ac:dyDescent="0.2">
      <c r="A53" s="8" t="s">
        <v>17</v>
      </c>
      <c r="B53" s="29">
        <v>420</v>
      </c>
      <c r="C53" s="10">
        <v>398</v>
      </c>
      <c r="D53" s="9">
        <v>818</v>
      </c>
    </row>
    <row r="54" spans="1:4" ht="18" customHeight="1" x14ac:dyDescent="0.2">
      <c r="A54" s="16">
        <v>40</v>
      </c>
      <c r="B54" s="29">
        <v>86</v>
      </c>
      <c r="C54" s="10">
        <v>81</v>
      </c>
      <c r="D54" s="9">
        <v>167</v>
      </c>
    </row>
    <row r="55" spans="1:4" ht="18" customHeight="1" x14ac:dyDescent="0.2">
      <c r="A55" s="16">
        <v>41</v>
      </c>
      <c r="B55" s="29">
        <v>88</v>
      </c>
      <c r="C55" s="10">
        <v>86</v>
      </c>
      <c r="D55" s="9">
        <v>174</v>
      </c>
    </row>
    <row r="56" spans="1:4" ht="18" customHeight="1" x14ac:dyDescent="0.2">
      <c r="A56" s="16">
        <v>42</v>
      </c>
      <c r="B56" s="29">
        <v>83</v>
      </c>
      <c r="C56" s="10">
        <v>69</v>
      </c>
      <c r="D56" s="9">
        <v>152</v>
      </c>
    </row>
    <row r="57" spans="1:4" ht="18" customHeight="1" x14ac:dyDescent="0.2">
      <c r="A57" s="16">
        <v>43</v>
      </c>
      <c r="B57" s="29">
        <v>86</v>
      </c>
      <c r="C57" s="10">
        <v>98</v>
      </c>
      <c r="D57" s="9">
        <v>184</v>
      </c>
    </row>
    <row r="58" spans="1:4" ht="18" customHeight="1" x14ac:dyDescent="0.2">
      <c r="A58" s="16">
        <v>44</v>
      </c>
      <c r="B58" s="29">
        <v>85</v>
      </c>
      <c r="C58" s="10">
        <v>73</v>
      </c>
      <c r="D58" s="9">
        <v>158</v>
      </c>
    </row>
    <row r="59" spans="1:4" ht="18" customHeight="1" x14ac:dyDescent="0.2">
      <c r="A59" s="8" t="s">
        <v>16</v>
      </c>
      <c r="B59" s="29">
        <v>428</v>
      </c>
      <c r="C59" s="10">
        <v>407</v>
      </c>
      <c r="D59" s="9">
        <v>835</v>
      </c>
    </row>
    <row r="60" spans="1:4" ht="18" customHeight="1" x14ac:dyDescent="0.2">
      <c r="A60" s="16">
        <v>45</v>
      </c>
      <c r="B60" s="29">
        <v>120</v>
      </c>
      <c r="C60" s="10">
        <v>77</v>
      </c>
      <c r="D60" s="9">
        <v>197</v>
      </c>
    </row>
    <row r="61" spans="1:4" ht="18" customHeight="1" x14ac:dyDescent="0.2">
      <c r="A61" s="16">
        <v>46</v>
      </c>
      <c r="B61" s="29">
        <v>77</v>
      </c>
      <c r="C61" s="10">
        <v>85</v>
      </c>
      <c r="D61" s="9">
        <v>162</v>
      </c>
    </row>
    <row r="62" spans="1:4" ht="18" customHeight="1" x14ac:dyDescent="0.2">
      <c r="A62" s="16">
        <v>47</v>
      </c>
      <c r="B62" s="29">
        <v>90</v>
      </c>
      <c r="C62" s="10">
        <v>86</v>
      </c>
      <c r="D62" s="9">
        <v>176</v>
      </c>
    </row>
    <row r="63" spans="1:4" ht="18" customHeight="1" x14ac:dyDescent="0.2">
      <c r="A63" s="16">
        <v>48</v>
      </c>
      <c r="B63" s="29">
        <v>116</v>
      </c>
      <c r="C63" s="10">
        <v>110</v>
      </c>
      <c r="D63" s="9">
        <v>226</v>
      </c>
    </row>
    <row r="64" spans="1:4" ht="18" customHeight="1" x14ac:dyDescent="0.2">
      <c r="A64" s="16">
        <v>49</v>
      </c>
      <c r="B64" s="29">
        <v>104</v>
      </c>
      <c r="C64" s="10">
        <v>93</v>
      </c>
      <c r="D64" s="9">
        <v>197</v>
      </c>
    </row>
    <row r="65" spans="1:4" ht="18" customHeight="1" x14ac:dyDescent="0.2">
      <c r="A65" s="8" t="s">
        <v>15</v>
      </c>
      <c r="B65" s="29">
        <v>507</v>
      </c>
      <c r="C65" s="10">
        <v>451</v>
      </c>
      <c r="D65" s="9">
        <v>958</v>
      </c>
    </row>
    <row r="66" spans="1:4" ht="18" customHeight="1" x14ac:dyDescent="0.2">
      <c r="A66" s="16">
        <v>50</v>
      </c>
      <c r="B66" s="29">
        <v>110</v>
      </c>
      <c r="C66" s="10">
        <v>109</v>
      </c>
      <c r="D66" s="9">
        <v>219</v>
      </c>
    </row>
    <row r="67" spans="1:4" ht="18" customHeight="1" x14ac:dyDescent="0.2">
      <c r="A67" s="16">
        <v>51</v>
      </c>
      <c r="B67" s="29">
        <v>103</v>
      </c>
      <c r="C67" s="10">
        <v>102</v>
      </c>
      <c r="D67" s="9">
        <v>205</v>
      </c>
    </row>
    <row r="68" spans="1:4" ht="18" customHeight="1" x14ac:dyDescent="0.2">
      <c r="A68" s="16">
        <v>52</v>
      </c>
      <c r="B68" s="29">
        <v>103</v>
      </c>
      <c r="C68" s="10">
        <v>111</v>
      </c>
      <c r="D68" s="9">
        <v>214</v>
      </c>
    </row>
    <row r="69" spans="1:4" ht="18" customHeight="1" x14ac:dyDescent="0.2">
      <c r="A69" s="16">
        <v>53</v>
      </c>
      <c r="B69" s="29">
        <v>119</v>
      </c>
      <c r="C69" s="10">
        <v>74</v>
      </c>
      <c r="D69" s="9">
        <v>193</v>
      </c>
    </row>
    <row r="70" spans="1:4" ht="18" customHeight="1" x14ac:dyDescent="0.2">
      <c r="A70" s="16">
        <v>54</v>
      </c>
      <c r="B70" s="29">
        <v>79</v>
      </c>
      <c r="C70" s="10">
        <v>102</v>
      </c>
      <c r="D70" s="9">
        <v>181</v>
      </c>
    </row>
    <row r="71" spans="1:4" ht="18" customHeight="1" x14ac:dyDescent="0.2">
      <c r="A71" s="8" t="s">
        <v>14</v>
      </c>
      <c r="B71" s="29">
        <v>514</v>
      </c>
      <c r="C71" s="10">
        <v>498</v>
      </c>
      <c r="D71" s="9">
        <v>1012</v>
      </c>
    </row>
    <row r="72" spans="1:4" ht="18" customHeight="1" x14ac:dyDescent="0.2">
      <c r="A72" s="16">
        <v>55</v>
      </c>
      <c r="B72" s="29">
        <v>81</v>
      </c>
      <c r="C72" s="10">
        <v>78</v>
      </c>
      <c r="D72" s="9">
        <v>159</v>
      </c>
    </row>
    <row r="73" spans="1:4" ht="18" customHeight="1" x14ac:dyDescent="0.2">
      <c r="A73" s="16">
        <v>56</v>
      </c>
      <c r="B73" s="29">
        <v>84</v>
      </c>
      <c r="C73" s="10">
        <v>81</v>
      </c>
      <c r="D73" s="9">
        <v>165</v>
      </c>
    </row>
    <row r="74" spans="1:4" ht="18" customHeight="1" x14ac:dyDescent="0.2">
      <c r="A74" s="16">
        <v>57</v>
      </c>
      <c r="B74" s="29">
        <v>62</v>
      </c>
      <c r="C74" s="10">
        <v>68</v>
      </c>
      <c r="D74" s="9">
        <v>130</v>
      </c>
    </row>
    <row r="75" spans="1:4" ht="18" customHeight="1" x14ac:dyDescent="0.2">
      <c r="A75" s="16">
        <v>58</v>
      </c>
      <c r="B75" s="29">
        <v>71</v>
      </c>
      <c r="C75" s="10">
        <v>65</v>
      </c>
      <c r="D75" s="9">
        <v>136</v>
      </c>
    </row>
    <row r="76" spans="1:4" ht="18" customHeight="1" x14ac:dyDescent="0.2">
      <c r="A76" s="16">
        <v>59</v>
      </c>
      <c r="B76" s="29">
        <v>67</v>
      </c>
      <c r="C76" s="10">
        <v>57</v>
      </c>
      <c r="D76" s="9">
        <v>124</v>
      </c>
    </row>
    <row r="77" spans="1:4" ht="18" customHeight="1" x14ac:dyDescent="0.2">
      <c r="A77" s="8" t="s">
        <v>13</v>
      </c>
      <c r="B77" s="29">
        <v>365</v>
      </c>
      <c r="C77" s="10">
        <v>349</v>
      </c>
      <c r="D77" s="9">
        <v>714</v>
      </c>
    </row>
    <row r="78" spans="1:4" ht="18" customHeight="1" x14ac:dyDescent="0.2">
      <c r="A78" s="16">
        <v>60</v>
      </c>
      <c r="B78" s="29">
        <v>86</v>
      </c>
      <c r="C78" s="10">
        <v>82</v>
      </c>
      <c r="D78" s="9">
        <v>168</v>
      </c>
    </row>
    <row r="79" spans="1:4" ht="18" customHeight="1" x14ac:dyDescent="0.2">
      <c r="A79" s="16">
        <v>61</v>
      </c>
      <c r="B79" s="29">
        <v>60</v>
      </c>
      <c r="C79" s="10">
        <v>68</v>
      </c>
      <c r="D79" s="9">
        <v>128</v>
      </c>
    </row>
    <row r="80" spans="1:4" ht="18" customHeight="1" x14ac:dyDescent="0.2">
      <c r="A80" s="16">
        <v>62</v>
      </c>
      <c r="B80" s="29">
        <v>65</v>
      </c>
      <c r="C80" s="10">
        <v>59</v>
      </c>
      <c r="D80" s="9">
        <v>124</v>
      </c>
    </row>
    <row r="81" spans="1:4" ht="18" customHeight="1" x14ac:dyDescent="0.2">
      <c r="A81" s="16">
        <v>63</v>
      </c>
      <c r="B81" s="29">
        <v>48</v>
      </c>
      <c r="C81" s="10">
        <v>64</v>
      </c>
      <c r="D81" s="9">
        <v>112</v>
      </c>
    </row>
    <row r="82" spans="1:4" ht="18" customHeight="1" x14ac:dyDescent="0.2">
      <c r="A82" s="16">
        <v>64</v>
      </c>
      <c r="B82" s="29">
        <v>56</v>
      </c>
      <c r="C82" s="10">
        <v>72</v>
      </c>
      <c r="D82" s="9">
        <v>128</v>
      </c>
    </row>
    <row r="83" spans="1:4" ht="18" customHeight="1" x14ac:dyDescent="0.2">
      <c r="A83" s="8" t="s">
        <v>12</v>
      </c>
      <c r="B83" s="29">
        <v>315</v>
      </c>
      <c r="C83" s="10">
        <v>345</v>
      </c>
      <c r="D83" s="9">
        <v>660</v>
      </c>
    </row>
    <row r="84" spans="1:4" ht="18" customHeight="1" x14ac:dyDescent="0.2">
      <c r="A84" s="8" t="s">
        <v>11</v>
      </c>
      <c r="B84" s="29">
        <v>3973</v>
      </c>
      <c r="C84" s="10">
        <v>3721</v>
      </c>
      <c r="D84" s="9">
        <v>7694</v>
      </c>
    </row>
    <row r="85" spans="1:4" ht="18" customHeight="1" x14ac:dyDescent="0.2">
      <c r="A85" s="16">
        <v>65</v>
      </c>
      <c r="B85" s="29">
        <v>55</v>
      </c>
      <c r="C85" s="10">
        <v>61</v>
      </c>
      <c r="D85" s="9">
        <v>116</v>
      </c>
    </row>
    <row r="86" spans="1:4" ht="18" customHeight="1" x14ac:dyDescent="0.2">
      <c r="A86" s="16">
        <v>66</v>
      </c>
      <c r="B86" s="29">
        <v>47</v>
      </c>
      <c r="C86" s="10">
        <v>55</v>
      </c>
      <c r="D86" s="9">
        <v>102</v>
      </c>
    </row>
    <row r="87" spans="1:4" ht="18" customHeight="1" x14ac:dyDescent="0.2">
      <c r="A87" s="16">
        <v>67</v>
      </c>
      <c r="B87" s="29">
        <v>67</v>
      </c>
      <c r="C87" s="10">
        <v>59</v>
      </c>
      <c r="D87" s="9">
        <v>126</v>
      </c>
    </row>
    <row r="88" spans="1:4" ht="18" customHeight="1" x14ac:dyDescent="0.2">
      <c r="A88" s="16">
        <v>68</v>
      </c>
      <c r="B88" s="29">
        <v>63</v>
      </c>
      <c r="C88" s="10">
        <v>59</v>
      </c>
      <c r="D88" s="9">
        <v>122</v>
      </c>
    </row>
    <row r="89" spans="1:4" ht="18" customHeight="1" x14ac:dyDescent="0.2">
      <c r="A89" s="16">
        <v>69</v>
      </c>
      <c r="B89" s="29">
        <v>64</v>
      </c>
      <c r="C89" s="10">
        <v>61</v>
      </c>
      <c r="D89" s="9">
        <v>125</v>
      </c>
    </row>
    <row r="90" spans="1:4" ht="18" customHeight="1" x14ac:dyDescent="0.2">
      <c r="A90" s="8" t="s">
        <v>10</v>
      </c>
      <c r="B90" s="29">
        <v>296</v>
      </c>
      <c r="C90" s="10">
        <v>295</v>
      </c>
      <c r="D90" s="9">
        <v>591</v>
      </c>
    </row>
    <row r="91" spans="1:4" ht="18" customHeight="1" x14ac:dyDescent="0.2">
      <c r="A91" s="16">
        <v>70</v>
      </c>
      <c r="B91" s="29">
        <v>66</v>
      </c>
      <c r="C91" s="10">
        <v>75</v>
      </c>
      <c r="D91" s="9">
        <v>141</v>
      </c>
    </row>
    <row r="92" spans="1:4" ht="18" customHeight="1" x14ac:dyDescent="0.2">
      <c r="A92" s="16">
        <v>71</v>
      </c>
      <c r="B92" s="29">
        <v>60</v>
      </c>
      <c r="C92" s="10">
        <v>70</v>
      </c>
      <c r="D92" s="9">
        <v>130</v>
      </c>
    </row>
    <row r="93" spans="1:4" ht="18" customHeight="1" x14ac:dyDescent="0.2">
      <c r="A93" s="16">
        <v>72</v>
      </c>
      <c r="B93" s="29">
        <v>70</v>
      </c>
      <c r="C93" s="10">
        <v>86</v>
      </c>
      <c r="D93" s="9">
        <v>156</v>
      </c>
    </row>
    <row r="94" spans="1:4" ht="18" customHeight="1" x14ac:dyDescent="0.2">
      <c r="A94" s="16">
        <v>73</v>
      </c>
      <c r="B94" s="29">
        <v>89</v>
      </c>
      <c r="C94" s="10">
        <v>97</v>
      </c>
      <c r="D94" s="9">
        <v>186</v>
      </c>
    </row>
    <row r="95" spans="1:4" ht="18" customHeight="1" x14ac:dyDescent="0.2">
      <c r="A95" s="16">
        <v>74</v>
      </c>
      <c r="B95" s="29">
        <v>85</v>
      </c>
      <c r="C95" s="10">
        <v>88</v>
      </c>
      <c r="D95" s="9">
        <v>173</v>
      </c>
    </row>
    <row r="96" spans="1:4" ht="18" customHeight="1" x14ac:dyDescent="0.2">
      <c r="A96" s="8" t="s">
        <v>9</v>
      </c>
      <c r="B96" s="29">
        <v>370</v>
      </c>
      <c r="C96" s="10">
        <v>416</v>
      </c>
      <c r="D96" s="9">
        <v>786</v>
      </c>
    </row>
    <row r="97" spans="1:4" ht="18" customHeight="1" x14ac:dyDescent="0.2">
      <c r="A97" s="16">
        <v>75</v>
      </c>
      <c r="B97" s="29">
        <v>74</v>
      </c>
      <c r="C97" s="10">
        <v>108</v>
      </c>
      <c r="D97" s="9">
        <v>182</v>
      </c>
    </row>
    <row r="98" spans="1:4" ht="18" customHeight="1" x14ac:dyDescent="0.2">
      <c r="A98" s="16">
        <v>76</v>
      </c>
      <c r="B98" s="29">
        <v>63</v>
      </c>
      <c r="C98" s="10">
        <v>98</v>
      </c>
      <c r="D98" s="9">
        <v>161</v>
      </c>
    </row>
    <row r="99" spans="1:4" ht="18" customHeight="1" x14ac:dyDescent="0.2">
      <c r="A99" s="16">
        <v>77</v>
      </c>
      <c r="B99" s="29">
        <v>36</v>
      </c>
      <c r="C99" s="10">
        <v>48</v>
      </c>
      <c r="D99" s="9">
        <v>84</v>
      </c>
    </row>
    <row r="100" spans="1:4" ht="18" customHeight="1" x14ac:dyDescent="0.2">
      <c r="A100" s="16">
        <v>78</v>
      </c>
      <c r="B100" s="29">
        <v>55</v>
      </c>
      <c r="C100" s="10">
        <v>61</v>
      </c>
      <c r="D100" s="9">
        <v>116</v>
      </c>
    </row>
    <row r="101" spans="1:4" ht="18" customHeight="1" x14ac:dyDescent="0.2">
      <c r="A101" s="16">
        <v>79</v>
      </c>
      <c r="B101" s="29">
        <v>60</v>
      </c>
      <c r="C101" s="10">
        <v>85</v>
      </c>
      <c r="D101" s="9">
        <v>145</v>
      </c>
    </row>
    <row r="102" spans="1:4" ht="18" customHeight="1" x14ac:dyDescent="0.2">
      <c r="A102" s="8" t="s">
        <v>8</v>
      </c>
      <c r="B102" s="29">
        <v>288</v>
      </c>
      <c r="C102" s="10">
        <v>400</v>
      </c>
      <c r="D102" s="9">
        <v>688</v>
      </c>
    </row>
    <row r="103" spans="1:4" ht="18" customHeight="1" x14ac:dyDescent="0.2">
      <c r="A103" s="16">
        <v>80</v>
      </c>
      <c r="B103" s="29">
        <v>49</v>
      </c>
      <c r="C103" s="10">
        <v>70</v>
      </c>
      <c r="D103" s="9">
        <v>119</v>
      </c>
    </row>
    <row r="104" spans="1:4" ht="18" customHeight="1" x14ac:dyDescent="0.2">
      <c r="A104" s="16">
        <v>81</v>
      </c>
      <c r="B104" s="29">
        <v>50</v>
      </c>
      <c r="C104" s="10">
        <v>87</v>
      </c>
      <c r="D104" s="9">
        <v>137</v>
      </c>
    </row>
    <row r="105" spans="1:4" ht="18" customHeight="1" x14ac:dyDescent="0.2">
      <c r="A105" s="16">
        <v>82</v>
      </c>
      <c r="B105" s="29">
        <v>46</v>
      </c>
      <c r="C105" s="10">
        <v>63</v>
      </c>
      <c r="D105" s="9">
        <v>109</v>
      </c>
    </row>
    <row r="106" spans="1:4" ht="18" customHeight="1" x14ac:dyDescent="0.2">
      <c r="A106" s="16">
        <v>83</v>
      </c>
      <c r="B106" s="29">
        <v>36</v>
      </c>
      <c r="C106" s="10">
        <v>65</v>
      </c>
      <c r="D106" s="9">
        <v>101</v>
      </c>
    </row>
    <row r="107" spans="1:4" ht="18" customHeight="1" x14ac:dyDescent="0.2">
      <c r="A107" s="16">
        <v>84</v>
      </c>
      <c r="B107" s="29">
        <v>30</v>
      </c>
      <c r="C107" s="10">
        <v>56</v>
      </c>
      <c r="D107" s="9">
        <v>86</v>
      </c>
    </row>
    <row r="108" spans="1:4" ht="18" customHeight="1" x14ac:dyDescent="0.2">
      <c r="A108" s="8" t="s">
        <v>7</v>
      </c>
      <c r="B108" s="29">
        <v>211</v>
      </c>
      <c r="C108" s="10">
        <v>341</v>
      </c>
      <c r="D108" s="9">
        <v>552</v>
      </c>
    </row>
    <row r="109" spans="1:4" ht="18" customHeight="1" x14ac:dyDescent="0.2">
      <c r="A109" s="16">
        <v>85</v>
      </c>
      <c r="B109" s="29">
        <v>28</v>
      </c>
      <c r="C109" s="10">
        <v>43</v>
      </c>
      <c r="D109" s="9">
        <v>71</v>
      </c>
    </row>
    <row r="110" spans="1:4" ht="18" customHeight="1" x14ac:dyDescent="0.2">
      <c r="A110" s="16">
        <v>86</v>
      </c>
      <c r="B110" s="29">
        <v>35</v>
      </c>
      <c r="C110" s="10">
        <v>34</v>
      </c>
      <c r="D110" s="9">
        <v>69</v>
      </c>
    </row>
    <row r="111" spans="1:4" ht="18" customHeight="1" x14ac:dyDescent="0.2">
      <c r="A111" s="16">
        <v>87</v>
      </c>
      <c r="B111" s="29">
        <v>34</v>
      </c>
      <c r="C111" s="10">
        <v>55</v>
      </c>
      <c r="D111" s="9">
        <v>89</v>
      </c>
    </row>
    <row r="112" spans="1:4" ht="18" customHeight="1" x14ac:dyDescent="0.2">
      <c r="A112" s="16">
        <v>88</v>
      </c>
      <c r="B112" s="29">
        <v>22</v>
      </c>
      <c r="C112" s="10">
        <v>43</v>
      </c>
      <c r="D112" s="9">
        <v>65</v>
      </c>
    </row>
    <row r="113" spans="1:4" ht="18" customHeight="1" x14ac:dyDescent="0.2">
      <c r="A113" s="16">
        <v>89</v>
      </c>
      <c r="B113" s="29">
        <v>19</v>
      </c>
      <c r="C113" s="10">
        <v>53</v>
      </c>
      <c r="D113" s="9">
        <v>72</v>
      </c>
    </row>
    <row r="114" spans="1:4" ht="18" customHeight="1" x14ac:dyDescent="0.2">
      <c r="A114" s="8" t="s">
        <v>6</v>
      </c>
      <c r="B114" s="29">
        <v>138</v>
      </c>
      <c r="C114" s="10">
        <v>228</v>
      </c>
      <c r="D114" s="9">
        <v>366</v>
      </c>
    </row>
    <row r="115" spans="1:4" ht="18" customHeight="1" x14ac:dyDescent="0.2">
      <c r="A115" s="16">
        <v>90</v>
      </c>
      <c r="B115" s="29">
        <v>13</v>
      </c>
      <c r="C115" s="10">
        <v>39</v>
      </c>
      <c r="D115" s="9">
        <v>52</v>
      </c>
    </row>
    <row r="116" spans="1:4" ht="18" customHeight="1" x14ac:dyDescent="0.2">
      <c r="A116" s="16">
        <v>91</v>
      </c>
      <c r="B116" s="29">
        <v>14</v>
      </c>
      <c r="C116" s="10">
        <v>26</v>
      </c>
      <c r="D116" s="9">
        <v>40</v>
      </c>
    </row>
    <row r="117" spans="1:4" ht="18" customHeight="1" x14ac:dyDescent="0.2">
      <c r="A117" s="16">
        <v>92</v>
      </c>
      <c r="B117" s="29">
        <v>4</v>
      </c>
      <c r="C117" s="10">
        <v>26</v>
      </c>
      <c r="D117" s="9">
        <v>30</v>
      </c>
    </row>
    <row r="118" spans="1:4" ht="18" customHeight="1" x14ac:dyDescent="0.2">
      <c r="A118" s="16">
        <v>93</v>
      </c>
      <c r="B118" s="29">
        <v>6</v>
      </c>
      <c r="C118" s="10">
        <v>20</v>
      </c>
      <c r="D118" s="9">
        <v>26</v>
      </c>
    </row>
    <row r="119" spans="1:4" ht="18" customHeight="1" x14ac:dyDescent="0.2">
      <c r="A119" s="16">
        <v>94</v>
      </c>
      <c r="B119" s="29">
        <v>1</v>
      </c>
      <c r="C119" s="10">
        <v>14</v>
      </c>
      <c r="D119" s="9">
        <v>15</v>
      </c>
    </row>
    <row r="120" spans="1:4" ht="18" customHeight="1" x14ac:dyDescent="0.2">
      <c r="A120" s="8" t="s">
        <v>5</v>
      </c>
      <c r="B120" s="29">
        <v>38</v>
      </c>
      <c r="C120" s="10">
        <v>125</v>
      </c>
      <c r="D120" s="9">
        <v>163</v>
      </c>
    </row>
    <row r="121" spans="1:4" ht="18" customHeight="1" x14ac:dyDescent="0.2">
      <c r="A121" s="16">
        <v>95</v>
      </c>
      <c r="B121" s="29">
        <v>0</v>
      </c>
      <c r="C121" s="10">
        <v>18</v>
      </c>
      <c r="D121" s="9">
        <v>18</v>
      </c>
    </row>
    <row r="122" spans="1:4" ht="18" customHeight="1" x14ac:dyDescent="0.2">
      <c r="A122" s="16">
        <v>96</v>
      </c>
      <c r="B122" s="29">
        <v>4</v>
      </c>
      <c r="C122" s="10">
        <v>8</v>
      </c>
      <c r="D122" s="9">
        <v>12</v>
      </c>
    </row>
    <row r="123" spans="1:4" ht="18" customHeight="1" x14ac:dyDescent="0.2">
      <c r="A123" s="16">
        <v>97</v>
      </c>
      <c r="B123" s="29">
        <v>2</v>
      </c>
      <c r="C123" s="10">
        <v>10</v>
      </c>
      <c r="D123" s="9">
        <v>12</v>
      </c>
    </row>
    <row r="124" spans="1:4" ht="18" customHeight="1" x14ac:dyDescent="0.2">
      <c r="A124" s="16">
        <v>98</v>
      </c>
      <c r="B124" s="29">
        <v>1</v>
      </c>
      <c r="C124" s="10">
        <v>6</v>
      </c>
      <c r="D124" s="9">
        <v>7</v>
      </c>
    </row>
    <row r="125" spans="1:4" ht="18" customHeight="1" x14ac:dyDescent="0.2">
      <c r="A125" s="16">
        <v>99</v>
      </c>
      <c r="B125" s="29">
        <v>1</v>
      </c>
      <c r="C125" s="10">
        <v>4</v>
      </c>
      <c r="D125" s="9">
        <v>5</v>
      </c>
    </row>
    <row r="126" spans="1:4" ht="18" customHeight="1" x14ac:dyDescent="0.2">
      <c r="A126" s="8" t="s">
        <v>4</v>
      </c>
      <c r="B126" s="29">
        <v>8</v>
      </c>
      <c r="C126" s="10">
        <v>46</v>
      </c>
      <c r="D126" s="9">
        <v>54</v>
      </c>
    </row>
    <row r="127" spans="1:4" ht="18" customHeight="1" x14ac:dyDescent="0.2">
      <c r="A127" s="16">
        <v>100</v>
      </c>
      <c r="B127" s="29">
        <v>2</v>
      </c>
      <c r="C127" s="10">
        <v>3</v>
      </c>
      <c r="D127" s="9">
        <v>5</v>
      </c>
    </row>
    <row r="128" spans="1:4" ht="18" customHeight="1" x14ac:dyDescent="0.2">
      <c r="A128" s="15" t="s">
        <v>3</v>
      </c>
      <c r="B128" s="29">
        <v>1</v>
      </c>
      <c r="C128" s="10">
        <v>5</v>
      </c>
      <c r="D128" s="9">
        <v>6</v>
      </c>
    </row>
    <row r="129" spans="1:4" ht="18" customHeight="1" x14ac:dyDescent="0.2">
      <c r="A129" s="8" t="s">
        <v>2</v>
      </c>
      <c r="B129" s="29">
        <v>3</v>
      </c>
      <c r="C129" s="10">
        <v>8</v>
      </c>
      <c r="D129" s="9">
        <v>11</v>
      </c>
    </row>
    <row r="130" spans="1:4" ht="18" customHeight="1" x14ac:dyDescent="0.2">
      <c r="A130" s="8" t="s">
        <v>1</v>
      </c>
      <c r="B130" s="28">
        <v>1352</v>
      </c>
      <c r="C130" s="6">
        <v>1859</v>
      </c>
      <c r="D130" s="5">
        <v>3211</v>
      </c>
    </row>
    <row r="131" spans="1:4" ht="18" customHeight="1" x14ac:dyDescent="0.2">
      <c r="A131" s="4" t="s">
        <v>0</v>
      </c>
      <c r="B131" s="27">
        <v>6157</v>
      </c>
      <c r="C131" s="2">
        <v>6445</v>
      </c>
      <c r="D131" s="1">
        <v>12602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70F4361-A51F-4E2D-A40F-C7A440171362}">
  <sheetPr codeName="Sheet3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56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86</v>
      </c>
      <c r="C5" s="18">
        <v>79</v>
      </c>
      <c r="D5" s="17">
        <v>165</v>
      </c>
    </row>
    <row r="6" spans="1:4" ht="18" customHeight="1" x14ac:dyDescent="0.2">
      <c r="A6" s="16">
        <v>1</v>
      </c>
      <c r="B6" s="29">
        <v>84</v>
      </c>
      <c r="C6" s="10">
        <v>72</v>
      </c>
      <c r="D6" s="9">
        <v>156</v>
      </c>
    </row>
    <row r="7" spans="1:4" ht="18" customHeight="1" x14ac:dyDescent="0.2">
      <c r="A7" s="16">
        <v>2</v>
      </c>
      <c r="B7" s="29">
        <v>82</v>
      </c>
      <c r="C7" s="10">
        <v>84</v>
      </c>
      <c r="D7" s="9">
        <v>166</v>
      </c>
    </row>
    <row r="8" spans="1:4" ht="18" customHeight="1" x14ac:dyDescent="0.2">
      <c r="A8" s="16">
        <v>3</v>
      </c>
      <c r="B8" s="29">
        <v>95</v>
      </c>
      <c r="C8" s="10">
        <v>89</v>
      </c>
      <c r="D8" s="9">
        <v>184</v>
      </c>
    </row>
    <row r="9" spans="1:4" ht="18" customHeight="1" x14ac:dyDescent="0.2">
      <c r="A9" s="16">
        <v>4</v>
      </c>
      <c r="B9" s="29">
        <v>78</v>
      </c>
      <c r="C9" s="10">
        <v>77</v>
      </c>
      <c r="D9" s="9">
        <v>155</v>
      </c>
    </row>
    <row r="10" spans="1:4" ht="18" customHeight="1" x14ac:dyDescent="0.2">
      <c r="A10" s="8" t="s">
        <v>25</v>
      </c>
      <c r="B10" s="29">
        <v>425</v>
      </c>
      <c r="C10" s="10">
        <v>401</v>
      </c>
      <c r="D10" s="9">
        <v>826</v>
      </c>
    </row>
    <row r="11" spans="1:4" ht="18" customHeight="1" x14ac:dyDescent="0.2">
      <c r="A11" s="16">
        <v>5</v>
      </c>
      <c r="B11" s="29">
        <v>100</v>
      </c>
      <c r="C11" s="10">
        <v>76</v>
      </c>
      <c r="D11" s="9">
        <v>176</v>
      </c>
    </row>
    <row r="12" spans="1:4" ht="18" customHeight="1" x14ac:dyDescent="0.2">
      <c r="A12" s="16">
        <v>6</v>
      </c>
      <c r="B12" s="29">
        <v>87</v>
      </c>
      <c r="C12" s="10">
        <v>73</v>
      </c>
      <c r="D12" s="9">
        <v>160</v>
      </c>
    </row>
    <row r="13" spans="1:4" ht="18" customHeight="1" x14ac:dyDescent="0.2">
      <c r="A13" s="16">
        <v>7</v>
      </c>
      <c r="B13" s="29">
        <v>104</v>
      </c>
      <c r="C13" s="10">
        <v>93</v>
      </c>
      <c r="D13" s="9">
        <v>197</v>
      </c>
    </row>
    <row r="14" spans="1:4" ht="18" customHeight="1" x14ac:dyDescent="0.2">
      <c r="A14" s="16">
        <v>8</v>
      </c>
      <c r="B14" s="29">
        <v>91</v>
      </c>
      <c r="C14" s="10">
        <v>73</v>
      </c>
      <c r="D14" s="9">
        <v>164</v>
      </c>
    </row>
    <row r="15" spans="1:4" ht="18" customHeight="1" x14ac:dyDescent="0.2">
      <c r="A15" s="16">
        <v>9</v>
      </c>
      <c r="B15" s="29">
        <v>89</v>
      </c>
      <c r="C15" s="10">
        <v>99</v>
      </c>
      <c r="D15" s="9">
        <v>188</v>
      </c>
    </row>
    <row r="16" spans="1:4" ht="18" customHeight="1" x14ac:dyDescent="0.2">
      <c r="A16" s="8" t="s">
        <v>24</v>
      </c>
      <c r="B16" s="29">
        <v>471</v>
      </c>
      <c r="C16" s="10">
        <v>414</v>
      </c>
      <c r="D16" s="9">
        <v>885</v>
      </c>
    </row>
    <row r="17" spans="1:4" ht="18" customHeight="1" x14ac:dyDescent="0.2">
      <c r="A17" s="16">
        <v>10</v>
      </c>
      <c r="B17" s="29">
        <v>92</v>
      </c>
      <c r="C17" s="10">
        <v>82</v>
      </c>
      <c r="D17" s="9">
        <v>174</v>
      </c>
    </row>
    <row r="18" spans="1:4" ht="18" customHeight="1" x14ac:dyDescent="0.2">
      <c r="A18" s="16">
        <v>11</v>
      </c>
      <c r="B18" s="29">
        <v>84</v>
      </c>
      <c r="C18" s="10">
        <v>99</v>
      </c>
      <c r="D18" s="9">
        <v>183</v>
      </c>
    </row>
    <row r="19" spans="1:4" ht="18" customHeight="1" x14ac:dyDescent="0.2">
      <c r="A19" s="16">
        <v>12</v>
      </c>
      <c r="B19" s="29">
        <v>100</v>
      </c>
      <c r="C19" s="10">
        <v>75</v>
      </c>
      <c r="D19" s="9">
        <v>175</v>
      </c>
    </row>
    <row r="20" spans="1:4" ht="18" customHeight="1" x14ac:dyDescent="0.2">
      <c r="A20" s="16">
        <v>13</v>
      </c>
      <c r="B20" s="29">
        <v>90</v>
      </c>
      <c r="C20" s="10">
        <v>87</v>
      </c>
      <c r="D20" s="9">
        <v>177</v>
      </c>
    </row>
    <row r="21" spans="1:4" ht="18" customHeight="1" x14ac:dyDescent="0.2">
      <c r="A21" s="16">
        <v>14</v>
      </c>
      <c r="B21" s="29">
        <v>99</v>
      </c>
      <c r="C21" s="10">
        <v>90</v>
      </c>
      <c r="D21" s="9">
        <v>189</v>
      </c>
    </row>
    <row r="22" spans="1:4" ht="18" customHeight="1" x14ac:dyDescent="0.2">
      <c r="A22" s="8" t="s">
        <v>23</v>
      </c>
      <c r="B22" s="29">
        <v>465</v>
      </c>
      <c r="C22" s="10">
        <v>433</v>
      </c>
      <c r="D22" s="9">
        <v>898</v>
      </c>
    </row>
    <row r="23" spans="1:4" ht="18" customHeight="1" x14ac:dyDescent="0.2">
      <c r="A23" s="8" t="s">
        <v>22</v>
      </c>
      <c r="B23" s="29">
        <v>1361</v>
      </c>
      <c r="C23" s="10">
        <v>1248</v>
      </c>
      <c r="D23" s="9">
        <v>2609</v>
      </c>
    </row>
    <row r="24" spans="1:4" ht="18" customHeight="1" x14ac:dyDescent="0.2">
      <c r="A24" s="16">
        <v>15</v>
      </c>
      <c r="B24" s="29">
        <v>80</v>
      </c>
      <c r="C24" s="10">
        <v>86</v>
      </c>
      <c r="D24" s="9">
        <v>166</v>
      </c>
    </row>
    <row r="25" spans="1:4" ht="18" customHeight="1" x14ac:dyDescent="0.2">
      <c r="A25" s="16">
        <v>16</v>
      </c>
      <c r="B25" s="29">
        <v>81</v>
      </c>
      <c r="C25" s="10">
        <v>100</v>
      </c>
      <c r="D25" s="9">
        <v>181</v>
      </c>
    </row>
    <row r="26" spans="1:4" ht="18" customHeight="1" x14ac:dyDescent="0.2">
      <c r="A26" s="16">
        <v>17</v>
      </c>
      <c r="B26" s="29">
        <v>82</v>
      </c>
      <c r="C26" s="10">
        <v>76</v>
      </c>
      <c r="D26" s="9">
        <v>158</v>
      </c>
    </row>
    <row r="27" spans="1:4" ht="18" customHeight="1" x14ac:dyDescent="0.2">
      <c r="A27" s="16">
        <v>18</v>
      </c>
      <c r="B27" s="29">
        <v>78</v>
      </c>
      <c r="C27" s="10">
        <v>59</v>
      </c>
      <c r="D27" s="9">
        <v>137</v>
      </c>
    </row>
    <row r="28" spans="1:4" ht="18" customHeight="1" x14ac:dyDescent="0.2">
      <c r="A28" s="16">
        <v>19</v>
      </c>
      <c r="B28" s="29">
        <v>75</v>
      </c>
      <c r="C28" s="10">
        <v>78</v>
      </c>
      <c r="D28" s="9">
        <v>153</v>
      </c>
    </row>
    <row r="29" spans="1:4" ht="18" customHeight="1" x14ac:dyDescent="0.2">
      <c r="A29" s="8" t="s">
        <v>21</v>
      </c>
      <c r="B29" s="29">
        <v>396</v>
      </c>
      <c r="C29" s="10">
        <v>399</v>
      </c>
      <c r="D29" s="9">
        <v>795</v>
      </c>
    </row>
    <row r="30" spans="1:4" ht="18" customHeight="1" x14ac:dyDescent="0.2">
      <c r="A30" s="16">
        <v>20</v>
      </c>
      <c r="B30" s="29">
        <v>71</v>
      </c>
      <c r="C30" s="10">
        <v>62</v>
      </c>
      <c r="D30" s="9">
        <v>133</v>
      </c>
    </row>
    <row r="31" spans="1:4" ht="18" customHeight="1" x14ac:dyDescent="0.2">
      <c r="A31" s="16">
        <v>21</v>
      </c>
      <c r="B31" s="29">
        <v>65</v>
      </c>
      <c r="C31" s="10">
        <v>69</v>
      </c>
      <c r="D31" s="9">
        <v>134</v>
      </c>
    </row>
    <row r="32" spans="1:4" ht="18" customHeight="1" x14ac:dyDescent="0.2">
      <c r="A32" s="16">
        <v>22</v>
      </c>
      <c r="B32" s="29">
        <v>66</v>
      </c>
      <c r="C32" s="10">
        <v>67</v>
      </c>
      <c r="D32" s="9">
        <v>133</v>
      </c>
    </row>
    <row r="33" spans="1:4" ht="18" customHeight="1" x14ac:dyDescent="0.2">
      <c r="A33" s="16">
        <v>23</v>
      </c>
      <c r="B33" s="29">
        <v>85</v>
      </c>
      <c r="C33" s="10">
        <v>61</v>
      </c>
      <c r="D33" s="9">
        <v>146</v>
      </c>
    </row>
    <row r="34" spans="1:4" ht="18" customHeight="1" x14ac:dyDescent="0.2">
      <c r="A34" s="16">
        <v>24</v>
      </c>
      <c r="B34" s="29">
        <v>68</v>
      </c>
      <c r="C34" s="10">
        <v>76</v>
      </c>
      <c r="D34" s="9">
        <v>144</v>
      </c>
    </row>
    <row r="35" spans="1:4" ht="18" customHeight="1" x14ac:dyDescent="0.2">
      <c r="A35" s="8" t="s">
        <v>20</v>
      </c>
      <c r="B35" s="29">
        <v>355</v>
      </c>
      <c r="C35" s="10">
        <v>335</v>
      </c>
      <c r="D35" s="9">
        <v>690</v>
      </c>
    </row>
    <row r="36" spans="1:4" ht="18" customHeight="1" x14ac:dyDescent="0.2">
      <c r="A36" s="16">
        <v>25</v>
      </c>
      <c r="B36" s="29">
        <v>66</v>
      </c>
      <c r="C36" s="10">
        <v>88</v>
      </c>
      <c r="D36" s="9">
        <v>154</v>
      </c>
    </row>
    <row r="37" spans="1:4" ht="18" customHeight="1" x14ac:dyDescent="0.2">
      <c r="A37" s="16">
        <v>26</v>
      </c>
      <c r="B37" s="29">
        <v>67</v>
      </c>
      <c r="C37" s="10">
        <v>83</v>
      </c>
      <c r="D37" s="9">
        <v>150</v>
      </c>
    </row>
    <row r="38" spans="1:4" ht="18" customHeight="1" x14ac:dyDescent="0.2">
      <c r="A38" s="16">
        <v>27</v>
      </c>
      <c r="B38" s="29">
        <v>73</v>
      </c>
      <c r="C38" s="10">
        <v>72</v>
      </c>
      <c r="D38" s="9">
        <v>145</v>
      </c>
    </row>
    <row r="39" spans="1:4" ht="18" customHeight="1" x14ac:dyDescent="0.2">
      <c r="A39" s="16">
        <v>28</v>
      </c>
      <c r="B39" s="29">
        <v>84</v>
      </c>
      <c r="C39" s="10">
        <v>93</v>
      </c>
      <c r="D39" s="9">
        <v>177</v>
      </c>
    </row>
    <row r="40" spans="1:4" ht="18" customHeight="1" x14ac:dyDescent="0.2">
      <c r="A40" s="16">
        <v>29</v>
      </c>
      <c r="B40" s="29">
        <v>88</v>
      </c>
      <c r="C40" s="10">
        <v>107</v>
      </c>
      <c r="D40" s="9">
        <v>195</v>
      </c>
    </row>
    <row r="41" spans="1:4" ht="18" customHeight="1" x14ac:dyDescent="0.2">
      <c r="A41" s="8" t="s">
        <v>19</v>
      </c>
      <c r="B41" s="29">
        <v>378</v>
      </c>
      <c r="C41" s="10">
        <v>443</v>
      </c>
      <c r="D41" s="9">
        <v>821</v>
      </c>
    </row>
    <row r="42" spans="1:4" ht="18" customHeight="1" x14ac:dyDescent="0.2">
      <c r="A42" s="16">
        <v>30</v>
      </c>
      <c r="B42" s="29">
        <v>82</v>
      </c>
      <c r="C42" s="10">
        <v>92</v>
      </c>
      <c r="D42" s="9">
        <v>174</v>
      </c>
    </row>
    <row r="43" spans="1:4" ht="18" customHeight="1" x14ac:dyDescent="0.2">
      <c r="A43" s="16">
        <v>31</v>
      </c>
      <c r="B43" s="29">
        <v>77</v>
      </c>
      <c r="C43" s="10">
        <v>89</v>
      </c>
      <c r="D43" s="9">
        <v>166</v>
      </c>
    </row>
    <row r="44" spans="1:4" ht="18" customHeight="1" x14ac:dyDescent="0.2">
      <c r="A44" s="16">
        <v>32</v>
      </c>
      <c r="B44" s="29">
        <v>107</v>
      </c>
      <c r="C44" s="10">
        <v>87</v>
      </c>
      <c r="D44" s="9">
        <v>194</v>
      </c>
    </row>
    <row r="45" spans="1:4" ht="18" customHeight="1" x14ac:dyDescent="0.2">
      <c r="A45" s="16">
        <v>33</v>
      </c>
      <c r="B45" s="29">
        <v>104</v>
      </c>
      <c r="C45" s="10">
        <v>106</v>
      </c>
      <c r="D45" s="9">
        <v>210</v>
      </c>
    </row>
    <row r="46" spans="1:4" ht="18" customHeight="1" x14ac:dyDescent="0.2">
      <c r="A46" s="16">
        <v>34</v>
      </c>
      <c r="B46" s="29">
        <v>98</v>
      </c>
      <c r="C46" s="10">
        <v>89</v>
      </c>
      <c r="D46" s="9">
        <v>187</v>
      </c>
    </row>
    <row r="47" spans="1:4" ht="18" customHeight="1" x14ac:dyDescent="0.2">
      <c r="A47" s="8" t="s">
        <v>18</v>
      </c>
      <c r="B47" s="29">
        <v>468</v>
      </c>
      <c r="C47" s="10">
        <v>463</v>
      </c>
      <c r="D47" s="9">
        <v>931</v>
      </c>
    </row>
    <row r="48" spans="1:4" ht="18" customHeight="1" x14ac:dyDescent="0.2">
      <c r="A48" s="16">
        <v>35</v>
      </c>
      <c r="B48" s="29">
        <v>105</v>
      </c>
      <c r="C48" s="10">
        <v>96</v>
      </c>
      <c r="D48" s="9">
        <v>201</v>
      </c>
    </row>
    <row r="49" spans="1:4" ht="18" customHeight="1" x14ac:dyDescent="0.2">
      <c r="A49" s="16">
        <v>36</v>
      </c>
      <c r="B49" s="29">
        <v>94</v>
      </c>
      <c r="C49" s="10">
        <v>104</v>
      </c>
      <c r="D49" s="9">
        <v>198</v>
      </c>
    </row>
    <row r="50" spans="1:4" ht="18" customHeight="1" x14ac:dyDescent="0.2">
      <c r="A50" s="16">
        <v>37</v>
      </c>
      <c r="B50" s="29">
        <v>126</v>
      </c>
      <c r="C50" s="10">
        <v>110</v>
      </c>
      <c r="D50" s="9">
        <v>236</v>
      </c>
    </row>
    <row r="51" spans="1:4" ht="18" customHeight="1" x14ac:dyDescent="0.2">
      <c r="A51" s="16">
        <v>38</v>
      </c>
      <c r="B51" s="29">
        <v>126</v>
      </c>
      <c r="C51" s="10">
        <v>122</v>
      </c>
      <c r="D51" s="9">
        <v>248</v>
      </c>
    </row>
    <row r="52" spans="1:4" ht="18" customHeight="1" x14ac:dyDescent="0.2">
      <c r="A52" s="16">
        <v>39</v>
      </c>
      <c r="B52" s="29">
        <v>126</v>
      </c>
      <c r="C52" s="10">
        <v>108</v>
      </c>
      <c r="D52" s="9">
        <v>234</v>
      </c>
    </row>
    <row r="53" spans="1:4" ht="18" customHeight="1" x14ac:dyDescent="0.2">
      <c r="A53" s="8" t="s">
        <v>17</v>
      </c>
      <c r="B53" s="29">
        <v>577</v>
      </c>
      <c r="C53" s="10">
        <v>540</v>
      </c>
      <c r="D53" s="9">
        <v>1117</v>
      </c>
    </row>
    <row r="54" spans="1:4" ht="18" customHeight="1" x14ac:dyDescent="0.2">
      <c r="A54" s="16">
        <v>40</v>
      </c>
      <c r="B54" s="29">
        <v>134</v>
      </c>
      <c r="C54" s="10">
        <v>115</v>
      </c>
      <c r="D54" s="9">
        <v>249</v>
      </c>
    </row>
    <row r="55" spans="1:4" ht="18" customHeight="1" x14ac:dyDescent="0.2">
      <c r="A55" s="16">
        <v>41</v>
      </c>
      <c r="B55" s="29">
        <v>139</v>
      </c>
      <c r="C55" s="10">
        <v>121</v>
      </c>
      <c r="D55" s="9">
        <v>260</v>
      </c>
    </row>
    <row r="56" spans="1:4" ht="18" customHeight="1" x14ac:dyDescent="0.2">
      <c r="A56" s="16">
        <v>42</v>
      </c>
      <c r="B56" s="29">
        <v>130</v>
      </c>
      <c r="C56" s="10">
        <v>137</v>
      </c>
      <c r="D56" s="9">
        <v>267</v>
      </c>
    </row>
    <row r="57" spans="1:4" ht="18" customHeight="1" x14ac:dyDescent="0.2">
      <c r="A57" s="16">
        <v>43</v>
      </c>
      <c r="B57" s="29">
        <v>147</v>
      </c>
      <c r="C57" s="10">
        <v>117</v>
      </c>
      <c r="D57" s="9">
        <v>264</v>
      </c>
    </row>
    <row r="58" spans="1:4" ht="18" customHeight="1" x14ac:dyDescent="0.2">
      <c r="A58" s="16">
        <v>44</v>
      </c>
      <c r="B58" s="29">
        <v>120</v>
      </c>
      <c r="C58" s="10">
        <v>114</v>
      </c>
      <c r="D58" s="9">
        <v>234</v>
      </c>
    </row>
    <row r="59" spans="1:4" ht="18" customHeight="1" x14ac:dyDescent="0.2">
      <c r="A59" s="8" t="s">
        <v>16</v>
      </c>
      <c r="B59" s="29">
        <v>670</v>
      </c>
      <c r="C59" s="10">
        <v>604</v>
      </c>
      <c r="D59" s="9">
        <v>1274</v>
      </c>
    </row>
    <row r="60" spans="1:4" ht="18" customHeight="1" x14ac:dyDescent="0.2">
      <c r="A60" s="16">
        <v>45</v>
      </c>
      <c r="B60" s="29">
        <v>128</v>
      </c>
      <c r="C60" s="10">
        <v>117</v>
      </c>
      <c r="D60" s="9">
        <v>245</v>
      </c>
    </row>
    <row r="61" spans="1:4" ht="18" customHeight="1" x14ac:dyDescent="0.2">
      <c r="A61" s="16">
        <v>46</v>
      </c>
      <c r="B61" s="29">
        <v>133</v>
      </c>
      <c r="C61" s="10">
        <v>128</v>
      </c>
      <c r="D61" s="9">
        <v>261</v>
      </c>
    </row>
    <row r="62" spans="1:4" ht="18" customHeight="1" x14ac:dyDescent="0.2">
      <c r="A62" s="16">
        <v>47</v>
      </c>
      <c r="B62" s="29">
        <v>140</v>
      </c>
      <c r="C62" s="10">
        <v>114</v>
      </c>
      <c r="D62" s="9">
        <v>254</v>
      </c>
    </row>
    <row r="63" spans="1:4" ht="18" customHeight="1" x14ac:dyDescent="0.2">
      <c r="A63" s="16">
        <v>48</v>
      </c>
      <c r="B63" s="29">
        <v>167</v>
      </c>
      <c r="C63" s="10">
        <v>165</v>
      </c>
      <c r="D63" s="9">
        <v>332</v>
      </c>
    </row>
    <row r="64" spans="1:4" ht="18" customHeight="1" x14ac:dyDescent="0.2">
      <c r="A64" s="16">
        <v>49</v>
      </c>
      <c r="B64" s="29">
        <v>140</v>
      </c>
      <c r="C64" s="10">
        <v>160</v>
      </c>
      <c r="D64" s="9">
        <v>300</v>
      </c>
    </row>
    <row r="65" spans="1:4" ht="18" customHeight="1" x14ac:dyDescent="0.2">
      <c r="A65" s="8" t="s">
        <v>15</v>
      </c>
      <c r="B65" s="29">
        <v>708</v>
      </c>
      <c r="C65" s="10">
        <v>684</v>
      </c>
      <c r="D65" s="9">
        <v>1392</v>
      </c>
    </row>
    <row r="66" spans="1:4" ht="18" customHeight="1" x14ac:dyDescent="0.2">
      <c r="A66" s="16">
        <v>50</v>
      </c>
      <c r="B66" s="29">
        <v>131</v>
      </c>
      <c r="C66" s="10">
        <v>136</v>
      </c>
      <c r="D66" s="9">
        <v>267</v>
      </c>
    </row>
    <row r="67" spans="1:4" ht="18" customHeight="1" x14ac:dyDescent="0.2">
      <c r="A67" s="16">
        <v>51</v>
      </c>
      <c r="B67" s="29">
        <v>157</v>
      </c>
      <c r="C67" s="10">
        <v>134</v>
      </c>
      <c r="D67" s="9">
        <v>291</v>
      </c>
    </row>
    <row r="68" spans="1:4" ht="18" customHeight="1" x14ac:dyDescent="0.2">
      <c r="A68" s="16">
        <v>52</v>
      </c>
      <c r="B68" s="29">
        <v>111</v>
      </c>
      <c r="C68" s="10">
        <v>109</v>
      </c>
      <c r="D68" s="9">
        <v>220</v>
      </c>
    </row>
    <row r="69" spans="1:4" ht="18" customHeight="1" x14ac:dyDescent="0.2">
      <c r="A69" s="16">
        <v>53</v>
      </c>
      <c r="B69" s="29">
        <v>95</v>
      </c>
      <c r="C69" s="10">
        <v>98</v>
      </c>
      <c r="D69" s="9">
        <v>193</v>
      </c>
    </row>
    <row r="70" spans="1:4" ht="18" customHeight="1" x14ac:dyDescent="0.2">
      <c r="A70" s="16">
        <v>54</v>
      </c>
      <c r="B70" s="29">
        <v>101</v>
      </c>
      <c r="C70" s="10">
        <v>104</v>
      </c>
      <c r="D70" s="9">
        <v>205</v>
      </c>
    </row>
    <row r="71" spans="1:4" ht="18" customHeight="1" x14ac:dyDescent="0.2">
      <c r="A71" s="8" t="s">
        <v>14</v>
      </c>
      <c r="B71" s="29">
        <v>595</v>
      </c>
      <c r="C71" s="10">
        <v>581</v>
      </c>
      <c r="D71" s="9">
        <v>1176</v>
      </c>
    </row>
    <row r="72" spans="1:4" ht="18" customHeight="1" x14ac:dyDescent="0.2">
      <c r="A72" s="16">
        <v>55</v>
      </c>
      <c r="B72" s="29">
        <v>102</v>
      </c>
      <c r="C72" s="10">
        <v>89</v>
      </c>
      <c r="D72" s="9">
        <v>191</v>
      </c>
    </row>
    <row r="73" spans="1:4" ht="18" customHeight="1" x14ac:dyDescent="0.2">
      <c r="A73" s="16">
        <v>56</v>
      </c>
      <c r="B73" s="29">
        <v>81</v>
      </c>
      <c r="C73" s="10">
        <v>88</v>
      </c>
      <c r="D73" s="9">
        <v>169</v>
      </c>
    </row>
    <row r="74" spans="1:4" ht="18" customHeight="1" x14ac:dyDescent="0.2">
      <c r="A74" s="16">
        <v>57</v>
      </c>
      <c r="B74" s="29">
        <v>76</v>
      </c>
      <c r="C74" s="10">
        <v>71</v>
      </c>
      <c r="D74" s="9">
        <v>147</v>
      </c>
    </row>
    <row r="75" spans="1:4" ht="18" customHeight="1" x14ac:dyDescent="0.2">
      <c r="A75" s="16">
        <v>58</v>
      </c>
      <c r="B75" s="29">
        <v>93</v>
      </c>
      <c r="C75" s="10">
        <v>101</v>
      </c>
      <c r="D75" s="9">
        <v>194</v>
      </c>
    </row>
    <row r="76" spans="1:4" ht="18" customHeight="1" x14ac:dyDescent="0.2">
      <c r="A76" s="16">
        <v>59</v>
      </c>
      <c r="B76" s="29">
        <v>66</v>
      </c>
      <c r="C76" s="10">
        <v>74</v>
      </c>
      <c r="D76" s="9">
        <v>140</v>
      </c>
    </row>
    <row r="77" spans="1:4" ht="18" customHeight="1" x14ac:dyDescent="0.2">
      <c r="A77" s="8" t="s">
        <v>13</v>
      </c>
      <c r="B77" s="29">
        <v>418</v>
      </c>
      <c r="C77" s="10">
        <v>423</v>
      </c>
      <c r="D77" s="9">
        <v>841</v>
      </c>
    </row>
    <row r="78" spans="1:4" ht="18" customHeight="1" x14ac:dyDescent="0.2">
      <c r="A78" s="16">
        <v>60</v>
      </c>
      <c r="B78" s="29">
        <v>74</v>
      </c>
      <c r="C78" s="10">
        <v>87</v>
      </c>
      <c r="D78" s="9">
        <v>161</v>
      </c>
    </row>
    <row r="79" spans="1:4" ht="18" customHeight="1" x14ac:dyDescent="0.2">
      <c r="A79" s="16">
        <v>61</v>
      </c>
      <c r="B79" s="29">
        <v>65</v>
      </c>
      <c r="C79" s="10">
        <v>64</v>
      </c>
      <c r="D79" s="9">
        <v>129</v>
      </c>
    </row>
    <row r="80" spans="1:4" ht="18" customHeight="1" x14ac:dyDescent="0.2">
      <c r="A80" s="16">
        <v>62</v>
      </c>
      <c r="B80" s="29">
        <v>68</v>
      </c>
      <c r="C80" s="10">
        <v>80</v>
      </c>
      <c r="D80" s="9">
        <v>148</v>
      </c>
    </row>
    <row r="81" spans="1:4" ht="18" customHeight="1" x14ac:dyDescent="0.2">
      <c r="A81" s="16">
        <v>63</v>
      </c>
      <c r="B81" s="29">
        <v>67</v>
      </c>
      <c r="C81" s="10">
        <v>73</v>
      </c>
      <c r="D81" s="9">
        <v>140</v>
      </c>
    </row>
    <row r="82" spans="1:4" ht="18" customHeight="1" x14ac:dyDescent="0.2">
      <c r="A82" s="16">
        <v>64</v>
      </c>
      <c r="B82" s="29">
        <v>72</v>
      </c>
      <c r="C82" s="10">
        <v>84</v>
      </c>
      <c r="D82" s="9">
        <v>156</v>
      </c>
    </row>
    <row r="83" spans="1:4" ht="18" customHeight="1" x14ac:dyDescent="0.2">
      <c r="A83" s="8" t="s">
        <v>12</v>
      </c>
      <c r="B83" s="29">
        <v>346</v>
      </c>
      <c r="C83" s="10">
        <v>388</v>
      </c>
      <c r="D83" s="9">
        <v>734</v>
      </c>
    </row>
    <row r="84" spans="1:4" ht="18" customHeight="1" x14ac:dyDescent="0.2">
      <c r="A84" s="8" t="s">
        <v>11</v>
      </c>
      <c r="B84" s="29">
        <v>4911</v>
      </c>
      <c r="C84" s="10">
        <v>4860</v>
      </c>
      <c r="D84" s="9">
        <v>9771</v>
      </c>
    </row>
    <row r="85" spans="1:4" ht="18" customHeight="1" x14ac:dyDescent="0.2">
      <c r="A85" s="16">
        <v>65</v>
      </c>
      <c r="B85" s="29">
        <v>73</v>
      </c>
      <c r="C85" s="10">
        <v>75</v>
      </c>
      <c r="D85" s="9">
        <v>148</v>
      </c>
    </row>
    <row r="86" spans="1:4" ht="18" customHeight="1" x14ac:dyDescent="0.2">
      <c r="A86" s="16">
        <v>66</v>
      </c>
      <c r="B86" s="29">
        <v>68</v>
      </c>
      <c r="C86" s="10">
        <v>69</v>
      </c>
      <c r="D86" s="9">
        <v>137</v>
      </c>
    </row>
    <row r="87" spans="1:4" ht="18" customHeight="1" x14ac:dyDescent="0.2">
      <c r="A87" s="16">
        <v>67</v>
      </c>
      <c r="B87" s="29">
        <v>66</v>
      </c>
      <c r="C87" s="10">
        <v>74</v>
      </c>
      <c r="D87" s="9">
        <v>140</v>
      </c>
    </row>
    <row r="88" spans="1:4" ht="18" customHeight="1" x14ac:dyDescent="0.2">
      <c r="A88" s="16">
        <v>68</v>
      </c>
      <c r="B88" s="29">
        <v>91</v>
      </c>
      <c r="C88" s="10">
        <v>78</v>
      </c>
      <c r="D88" s="9">
        <v>169</v>
      </c>
    </row>
    <row r="89" spans="1:4" ht="18" customHeight="1" x14ac:dyDescent="0.2">
      <c r="A89" s="16">
        <v>69</v>
      </c>
      <c r="B89" s="29">
        <v>66</v>
      </c>
      <c r="C89" s="10">
        <v>87</v>
      </c>
      <c r="D89" s="9">
        <v>153</v>
      </c>
    </row>
    <row r="90" spans="1:4" ht="18" customHeight="1" x14ac:dyDescent="0.2">
      <c r="A90" s="8" t="s">
        <v>10</v>
      </c>
      <c r="B90" s="29">
        <v>364</v>
      </c>
      <c r="C90" s="10">
        <v>383</v>
      </c>
      <c r="D90" s="9">
        <v>747</v>
      </c>
    </row>
    <row r="91" spans="1:4" ht="18" customHeight="1" x14ac:dyDescent="0.2">
      <c r="A91" s="16">
        <v>70</v>
      </c>
      <c r="B91" s="29">
        <v>88</v>
      </c>
      <c r="C91" s="10">
        <v>105</v>
      </c>
      <c r="D91" s="9">
        <v>193</v>
      </c>
    </row>
    <row r="92" spans="1:4" ht="18" customHeight="1" x14ac:dyDescent="0.2">
      <c r="A92" s="16">
        <v>71</v>
      </c>
      <c r="B92" s="29">
        <v>76</v>
      </c>
      <c r="C92" s="10">
        <v>96</v>
      </c>
      <c r="D92" s="9">
        <v>172</v>
      </c>
    </row>
    <row r="93" spans="1:4" ht="18" customHeight="1" x14ac:dyDescent="0.2">
      <c r="A93" s="16">
        <v>72</v>
      </c>
      <c r="B93" s="29">
        <v>76</v>
      </c>
      <c r="C93" s="10">
        <v>95</v>
      </c>
      <c r="D93" s="9">
        <v>171</v>
      </c>
    </row>
    <row r="94" spans="1:4" ht="18" customHeight="1" x14ac:dyDescent="0.2">
      <c r="A94" s="16">
        <v>73</v>
      </c>
      <c r="B94" s="29">
        <v>104</v>
      </c>
      <c r="C94" s="10">
        <v>109</v>
      </c>
      <c r="D94" s="9">
        <v>213</v>
      </c>
    </row>
    <row r="95" spans="1:4" ht="18" customHeight="1" x14ac:dyDescent="0.2">
      <c r="A95" s="16">
        <v>74</v>
      </c>
      <c r="B95" s="29">
        <v>99</v>
      </c>
      <c r="C95" s="10">
        <v>127</v>
      </c>
      <c r="D95" s="9">
        <v>226</v>
      </c>
    </row>
    <row r="96" spans="1:4" ht="18" customHeight="1" x14ac:dyDescent="0.2">
      <c r="A96" s="8" t="s">
        <v>9</v>
      </c>
      <c r="B96" s="29">
        <v>443</v>
      </c>
      <c r="C96" s="10">
        <v>532</v>
      </c>
      <c r="D96" s="9">
        <v>975</v>
      </c>
    </row>
    <row r="97" spans="1:4" ht="18" customHeight="1" x14ac:dyDescent="0.2">
      <c r="A97" s="16">
        <v>75</v>
      </c>
      <c r="B97" s="29">
        <v>101</v>
      </c>
      <c r="C97" s="10">
        <v>167</v>
      </c>
      <c r="D97" s="9">
        <v>268</v>
      </c>
    </row>
    <row r="98" spans="1:4" ht="18" customHeight="1" x14ac:dyDescent="0.2">
      <c r="A98" s="16">
        <v>76</v>
      </c>
      <c r="B98" s="29">
        <v>100</v>
      </c>
      <c r="C98" s="10">
        <v>129</v>
      </c>
      <c r="D98" s="9">
        <v>229</v>
      </c>
    </row>
    <row r="99" spans="1:4" ht="18" customHeight="1" x14ac:dyDescent="0.2">
      <c r="A99" s="16">
        <v>77</v>
      </c>
      <c r="B99" s="29">
        <v>64</v>
      </c>
      <c r="C99" s="10">
        <v>74</v>
      </c>
      <c r="D99" s="9">
        <v>138</v>
      </c>
    </row>
    <row r="100" spans="1:4" ht="18" customHeight="1" x14ac:dyDescent="0.2">
      <c r="A100" s="16">
        <v>78</v>
      </c>
      <c r="B100" s="29">
        <v>76</v>
      </c>
      <c r="C100" s="10">
        <v>94</v>
      </c>
      <c r="D100" s="9">
        <v>170</v>
      </c>
    </row>
    <row r="101" spans="1:4" ht="18" customHeight="1" x14ac:dyDescent="0.2">
      <c r="A101" s="16">
        <v>79</v>
      </c>
      <c r="B101" s="29">
        <v>89</v>
      </c>
      <c r="C101" s="10">
        <v>109</v>
      </c>
      <c r="D101" s="9">
        <v>198</v>
      </c>
    </row>
    <row r="102" spans="1:4" ht="18" customHeight="1" x14ac:dyDescent="0.2">
      <c r="A102" s="8" t="s">
        <v>8</v>
      </c>
      <c r="B102" s="29">
        <v>430</v>
      </c>
      <c r="C102" s="10">
        <v>573</v>
      </c>
      <c r="D102" s="9">
        <v>1003</v>
      </c>
    </row>
    <row r="103" spans="1:4" ht="18" customHeight="1" x14ac:dyDescent="0.2">
      <c r="A103" s="16">
        <v>80</v>
      </c>
      <c r="B103" s="29">
        <v>64</v>
      </c>
      <c r="C103" s="10">
        <v>93</v>
      </c>
      <c r="D103" s="9">
        <v>157</v>
      </c>
    </row>
    <row r="104" spans="1:4" ht="18" customHeight="1" x14ac:dyDescent="0.2">
      <c r="A104" s="16">
        <v>81</v>
      </c>
      <c r="B104" s="29">
        <v>71</v>
      </c>
      <c r="C104" s="10">
        <v>110</v>
      </c>
      <c r="D104" s="9">
        <v>181</v>
      </c>
    </row>
    <row r="105" spans="1:4" ht="18" customHeight="1" x14ac:dyDescent="0.2">
      <c r="A105" s="16">
        <v>82</v>
      </c>
      <c r="B105" s="29">
        <v>60</v>
      </c>
      <c r="C105" s="10">
        <v>82</v>
      </c>
      <c r="D105" s="9">
        <v>142</v>
      </c>
    </row>
    <row r="106" spans="1:4" ht="18" customHeight="1" x14ac:dyDescent="0.2">
      <c r="A106" s="16">
        <v>83</v>
      </c>
      <c r="B106" s="29">
        <v>46</v>
      </c>
      <c r="C106" s="10">
        <v>70</v>
      </c>
      <c r="D106" s="9">
        <v>116</v>
      </c>
    </row>
    <row r="107" spans="1:4" ht="18" customHeight="1" x14ac:dyDescent="0.2">
      <c r="A107" s="16">
        <v>84</v>
      </c>
      <c r="B107" s="29">
        <v>48</v>
      </c>
      <c r="C107" s="10">
        <v>45</v>
      </c>
      <c r="D107" s="9">
        <v>93</v>
      </c>
    </row>
    <row r="108" spans="1:4" ht="18" customHeight="1" x14ac:dyDescent="0.2">
      <c r="A108" s="8" t="s">
        <v>7</v>
      </c>
      <c r="B108" s="29">
        <v>289</v>
      </c>
      <c r="C108" s="10">
        <v>400</v>
      </c>
      <c r="D108" s="9">
        <v>689</v>
      </c>
    </row>
    <row r="109" spans="1:4" ht="18" customHeight="1" x14ac:dyDescent="0.2">
      <c r="A109" s="16">
        <v>85</v>
      </c>
      <c r="B109" s="29">
        <v>43</v>
      </c>
      <c r="C109" s="10">
        <v>51</v>
      </c>
      <c r="D109" s="9">
        <v>94</v>
      </c>
    </row>
    <row r="110" spans="1:4" ht="18" customHeight="1" x14ac:dyDescent="0.2">
      <c r="A110" s="16">
        <v>86</v>
      </c>
      <c r="B110" s="29">
        <v>34</v>
      </c>
      <c r="C110" s="10">
        <v>54</v>
      </c>
      <c r="D110" s="9">
        <v>88</v>
      </c>
    </row>
    <row r="111" spans="1:4" ht="18" customHeight="1" x14ac:dyDescent="0.2">
      <c r="A111" s="16">
        <v>87</v>
      </c>
      <c r="B111" s="29">
        <v>29</v>
      </c>
      <c r="C111" s="10">
        <v>48</v>
      </c>
      <c r="D111" s="9">
        <v>77</v>
      </c>
    </row>
    <row r="112" spans="1:4" ht="18" customHeight="1" x14ac:dyDescent="0.2">
      <c r="A112" s="16">
        <v>88</v>
      </c>
      <c r="B112" s="29">
        <v>27</v>
      </c>
      <c r="C112" s="10">
        <v>42</v>
      </c>
      <c r="D112" s="9">
        <v>69</v>
      </c>
    </row>
    <row r="113" spans="1:4" ht="18" customHeight="1" x14ac:dyDescent="0.2">
      <c r="A113" s="16">
        <v>89</v>
      </c>
      <c r="B113" s="29">
        <v>26</v>
      </c>
      <c r="C113" s="10">
        <v>30</v>
      </c>
      <c r="D113" s="9">
        <v>56</v>
      </c>
    </row>
    <row r="114" spans="1:4" ht="18" customHeight="1" x14ac:dyDescent="0.2">
      <c r="A114" s="8" t="s">
        <v>6</v>
      </c>
      <c r="B114" s="29">
        <v>159</v>
      </c>
      <c r="C114" s="10">
        <v>225</v>
      </c>
      <c r="D114" s="9">
        <v>384</v>
      </c>
    </row>
    <row r="115" spans="1:4" ht="18" customHeight="1" x14ac:dyDescent="0.2">
      <c r="A115" s="16">
        <v>90</v>
      </c>
      <c r="B115" s="29">
        <v>14</v>
      </c>
      <c r="C115" s="10">
        <v>32</v>
      </c>
      <c r="D115" s="9">
        <v>46</v>
      </c>
    </row>
    <row r="116" spans="1:4" ht="18" customHeight="1" x14ac:dyDescent="0.2">
      <c r="A116" s="16">
        <v>91</v>
      </c>
      <c r="B116" s="29">
        <v>9</v>
      </c>
      <c r="C116" s="10">
        <v>21</v>
      </c>
      <c r="D116" s="9">
        <v>30</v>
      </c>
    </row>
    <row r="117" spans="1:4" ht="18" customHeight="1" x14ac:dyDescent="0.2">
      <c r="A117" s="16">
        <v>92</v>
      </c>
      <c r="B117" s="29">
        <v>11</v>
      </c>
      <c r="C117" s="10">
        <v>29</v>
      </c>
      <c r="D117" s="9">
        <v>40</v>
      </c>
    </row>
    <row r="118" spans="1:4" ht="18" customHeight="1" x14ac:dyDescent="0.2">
      <c r="A118" s="16">
        <v>93</v>
      </c>
      <c r="B118" s="29">
        <v>6</v>
      </c>
      <c r="C118" s="10">
        <v>14</v>
      </c>
      <c r="D118" s="9">
        <v>20</v>
      </c>
    </row>
    <row r="119" spans="1:4" ht="18" customHeight="1" x14ac:dyDescent="0.2">
      <c r="A119" s="16">
        <v>94</v>
      </c>
      <c r="B119" s="29">
        <v>5</v>
      </c>
      <c r="C119" s="10">
        <v>20</v>
      </c>
      <c r="D119" s="9">
        <v>25</v>
      </c>
    </row>
    <row r="120" spans="1:4" ht="18" customHeight="1" x14ac:dyDescent="0.2">
      <c r="A120" s="8" t="s">
        <v>5</v>
      </c>
      <c r="B120" s="29">
        <v>45</v>
      </c>
      <c r="C120" s="10">
        <v>116</v>
      </c>
      <c r="D120" s="9">
        <v>161</v>
      </c>
    </row>
    <row r="121" spans="1:4" ht="18" customHeight="1" x14ac:dyDescent="0.2">
      <c r="A121" s="16">
        <v>95</v>
      </c>
      <c r="B121" s="29">
        <v>4</v>
      </c>
      <c r="C121" s="10">
        <v>8</v>
      </c>
      <c r="D121" s="9">
        <v>12</v>
      </c>
    </row>
    <row r="122" spans="1:4" ht="18" customHeight="1" x14ac:dyDescent="0.2">
      <c r="A122" s="16">
        <v>96</v>
      </c>
      <c r="B122" s="29">
        <v>4</v>
      </c>
      <c r="C122" s="10">
        <v>8</v>
      </c>
      <c r="D122" s="9">
        <v>12</v>
      </c>
    </row>
    <row r="123" spans="1:4" ht="18" customHeight="1" x14ac:dyDescent="0.2">
      <c r="A123" s="16">
        <v>97</v>
      </c>
      <c r="B123" s="29">
        <v>0</v>
      </c>
      <c r="C123" s="10">
        <v>7</v>
      </c>
      <c r="D123" s="9">
        <v>7</v>
      </c>
    </row>
    <row r="124" spans="1:4" ht="18" customHeight="1" x14ac:dyDescent="0.2">
      <c r="A124" s="16">
        <v>98</v>
      </c>
      <c r="B124" s="29">
        <v>1</v>
      </c>
      <c r="C124" s="10">
        <v>8</v>
      </c>
      <c r="D124" s="9">
        <v>9</v>
      </c>
    </row>
    <row r="125" spans="1:4" ht="18" customHeight="1" x14ac:dyDescent="0.2">
      <c r="A125" s="16">
        <v>99</v>
      </c>
      <c r="B125" s="29">
        <v>0</v>
      </c>
      <c r="C125" s="10">
        <v>4</v>
      </c>
      <c r="D125" s="9">
        <v>4</v>
      </c>
    </row>
    <row r="126" spans="1:4" ht="18" customHeight="1" x14ac:dyDescent="0.2">
      <c r="A126" s="8" t="s">
        <v>4</v>
      </c>
      <c r="B126" s="29">
        <v>9</v>
      </c>
      <c r="C126" s="10">
        <v>35</v>
      </c>
      <c r="D126" s="9">
        <v>44</v>
      </c>
    </row>
    <row r="127" spans="1:4" ht="18" customHeight="1" x14ac:dyDescent="0.2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2">
      <c r="A128" s="15" t="s">
        <v>3</v>
      </c>
      <c r="B128" s="29">
        <v>0</v>
      </c>
      <c r="C128" s="10">
        <v>5</v>
      </c>
      <c r="D128" s="9">
        <v>5</v>
      </c>
    </row>
    <row r="129" spans="1:4" ht="18" customHeight="1" x14ac:dyDescent="0.2">
      <c r="A129" s="8" t="s">
        <v>2</v>
      </c>
      <c r="B129" s="29">
        <v>0</v>
      </c>
      <c r="C129" s="10">
        <v>6</v>
      </c>
      <c r="D129" s="9">
        <v>6</v>
      </c>
    </row>
    <row r="130" spans="1:4" ht="18" customHeight="1" x14ac:dyDescent="0.2">
      <c r="A130" s="8" t="s">
        <v>1</v>
      </c>
      <c r="B130" s="28">
        <v>1739</v>
      </c>
      <c r="C130" s="6">
        <v>2270</v>
      </c>
      <c r="D130" s="5">
        <v>4009</v>
      </c>
    </row>
    <row r="131" spans="1:4" ht="18" customHeight="1" x14ac:dyDescent="0.2">
      <c r="A131" s="4" t="s">
        <v>0</v>
      </c>
      <c r="B131" s="27">
        <v>8011</v>
      </c>
      <c r="C131" s="2">
        <v>8378</v>
      </c>
      <c r="D131" s="1">
        <v>16389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8E6FD20-38EE-4940-ACA7-8E5D3809BDAF}">
  <sheetPr codeName="Sheet3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57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53</v>
      </c>
      <c r="C5" s="18">
        <v>42</v>
      </c>
      <c r="D5" s="17">
        <v>95</v>
      </c>
    </row>
    <row r="6" spans="1:4" ht="18" customHeight="1" x14ac:dyDescent="0.2">
      <c r="A6" s="16">
        <v>1</v>
      </c>
      <c r="B6" s="29">
        <v>44</v>
      </c>
      <c r="C6" s="10">
        <v>43</v>
      </c>
      <c r="D6" s="9">
        <v>87</v>
      </c>
    </row>
    <row r="7" spans="1:4" ht="18" customHeight="1" x14ac:dyDescent="0.2">
      <c r="A7" s="16">
        <v>2</v>
      </c>
      <c r="B7" s="29">
        <v>49</v>
      </c>
      <c r="C7" s="10">
        <v>48</v>
      </c>
      <c r="D7" s="9">
        <v>97</v>
      </c>
    </row>
    <row r="8" spans="1:4" ht="18" customHeight="1" x14ac:dyDescent="0.2">
      <c r="A8" s="16">
        <v>3</v>
      </c>
      <c r="B8" s="29">
        <v>34</v>
      </c>
      <c r="C8" s="10">
        <v>39</v>
      </c>
      <c r="D8" s="9">
        <v>73</v>
      </c>
    </row>
    <row r="9" spans="1:4" ht="18" customHeight="1" x14ac:dyDescent="0.2">
      <c r="A9" s="16">
        <v>4</v>
      </c>
      <c r="B9" s="29">
        <v>48</v>
      </c>
      <c r="C9" s="10">
        <v>49</v>
      </c>
      <c r="D9" s="9">
        <v>97</v>
      </c>
    </row>
    <row r="10" spans="1:4" ht="18" customHeight="1" x14ac:dyDescent="0.2">
      <c r="A10" s="8" t="s">
        <v>25</v>
      </c>
      <c r="B10" s="29">
        <v>228</v>
      </c>
      <c r="C10" s="10">
        <v>221</v>
      </c>
      <c r="D10" s="9">
        <v>449</v>
      </c>
    </row>
    <row r="11" spans="1:4" ht="18" customHeight="1" x14ac:dyDescent="0.2">
      <c r="A11" s="16">
        <v>5</v>
      </c>
      <c r="B11" s="29">
        <v>56</v>
      </c>
      <c r="C11" s="10">
        <v>41</v>
      </c>
      <c r="D11" s="9">
        <v>97</v>
      </c>
    </row>
    <row r="12" spans="1:4" ht="18" customHeight="1" x14ac:dyDescent="0.2">
      <c r="A12" s="16">
        <v>6</v>
      </c>
      <c r="B12" s="29">
        <v>56</v>
      </c>
      <c r="C12" s="10">
        <v>61</v>
      </c>
      <c r="D12" s="9">
        <v>117</v>
      </c>
    </row>
    <row r="13" spans="1:4" ht="18" customHeight="1" x14ac:dyDescent="0.2">
      <c r="A13" s="16">
        <v>7</v>
      </c>
      <c r="B13" s="29">
        <v>52</v>
      </c>
      <c r="C13" s="10">
        <v>55</v>
      </c>
      <c r="D13" s="9">
        <v>107</v>
      </c>
    </row>
    <row r="14" spans="1:4" ht="18" customHeight="1" x14ac:dyDescent="0.2">
      <c r="A14" s="16">
        <v>8</v>
      </c>
      <c r="B14" s="29">
        <v>44</v>
      </c>
      <c r="C14" s="10">
        <v>56</v>
      </c>
      <c r="D14" s="9">
        <v>100</v>
      </c>
    </row>
    <row r="15" spans="1:4" ht="18" customHeight="1" x14ac:dyDescent="0.2">
      <c r="A15" s="16">
        <v>9</v>
      </c>
      <c r="B15" s="29">
        <v>49</v>
      </c>
      <c r="C15" s="10">
        <v>50</v>
      </c>
      <c r="D15" s="9">
        <v>99</v>
      </c>
    </row>
    <row r="16" spans="1:4" ht="18" customHeight="1" x14ac:dyDescent="0.2">
      <c r="A16" s="8" t="s">
        <v>24</v>
      </c>
      <c r="B16" s="29">
        <v>257</v>
      </c>
      <c r="C16" s="10">
        <v>263</v>
      </c>
      <c r="D16" s="9">
        <v>520</v>
      </c>
    </row>
    <row r="17" spans="1:4" ht="18" customHeight="1" x14ac:dyDescent="0.2">
      <c r="A17" s="16">
        <v>10</v>
      </c>
      <c r="B17" s="29">
        <v>47</v>
      </c>
      <c r="C17" s="10">
        <v>55</v>
      </c>
      <c r="D17" s="9">
        <v>102</v>
      </c>
    </row>
    <row r="18" spans="1:4" ht="18" customHeight="1" x14ac:dyDescent="0.2">
      <c r="A18" s="16">
        <v>11</v>
      </c>
      <c r="B18" s="29">
        <v>44</v>
      </c>
      <c r="C18" s="10">
        <v>43</v>
      </c>
      <c r="D18" s="9">
        <v>87</v>
      </c>
    </row>
    <row r="19" spans="1:4" ht="18" customHeight="1" x14ac:dyDescent="0.2">
      <c r="A19" s="16">
        <v>12</v>
      </c>
      <c r="B19" s="29">
        <v>58</v>
      </c>
      <c r="C19" s="10">
        <v>38</v>
      </c>
      <c r="D19" s="9">
        <v>96</v>
      </c>
    </row>
    <row r="20" spans="1:4" ht="18" customHeight="1" x14ac:dyDescent="0.2">
      <c r="A20" s="16">
        <v>13</v>
      </c>
      <c r="B20" s="29">
        <v>41</v>
      </c>
      <c r="C20" s="10">
        <v>48</v>
      </c>
      <c r="D20" s="9">
        <v>89</v>
      </c>
    </row>
    <row r="21" spans="1:4" ht="18" customHeight="1" x14ac:dyDescent="0.2">
      <c r="A21" s="16">
        <v>14</v>
      </c>
      <c r="B21" s="29">
        <v>54</v>
      </c>
      <c r="C21" s="10">
        <v>37</v>
      </c>
      <c r="D21" s="9">
        <v>91</v>
      </c>
    </row>
    <row r="22" spans="1:4" ht="18" customHeight="1" x14ac:dyDescent="0.2">
      <c r="A22" s="8" t="s">
        <v>23</v>
      </c>
      <c r="B22" s="29">
        <v>244</v>
      </c>
      <c r="C22" s="10">
        <v>221</v>
      </c>
      <c r="D22" s="9">
        <v>465</v>
      </c>
    </row>
    <row r="23" spans="1:4" ht="18" customHeight="1" x14ac:dyDescent="0.2">
      <c r="A23" s="8" t="s">
        <v>22</v>
      </c>
      <c r="B23" s="29">
        <v>729</v>
      </c>
      <c r="C23" s="10">
        <v>705</v>
      </c>
      <c r="D23" s="9">
        <v>1434</v>
      </c>
    </row>
    <row r="24" spans="1:4" ht="18" customHeight="1" x14ac:dyDescent="0.2">
      <c r="A24" s="16">
        <v>15</v>
      </c>
      <c r="B24" s="29">
        <v>46</v>
      </c>
      <c r="C24" s="10">
        <v>42</v>
      </c>
      <c r="D24" s="9">
        <v>88</v>
      </c>
    </row>
    <row r="25" spans="1:4" ht="18" customHeight="1" x14ac:dyDescent="0.2">
      <c r="A25" s="16">
        <v>16</v>
      </c>
      <c r="B25" s="29">
        <v>42</v>
      </c>
      <c r="C25" s="10">
        <v>47</v>
      </c>
      <c r="D25" s="9">
        <v>89</v>
      </c>
    </row>
    <row r="26" spans="1:4" ht="18" customHeight="1" x14ac:dyDescent="0.2">
      <c r="A26" s="16">
        <v>17</v>
      </c>
      <c r="B26" s="29">
        <v>63</v>
      </c>
      <c r="C26" s="10">
        <v>37</v>
      </c>
      <c r="D26" s="9">
        <v>100</v>
      </c>
    </row>
    <row r="27" spans="1:4" ht="18" customHeight="1" x14ac:dyDescent="0.2">
      <c r="A27" s="16">
        <v>18</v>
      </c>
      <c r="B27" s="29">
        <v>42</v>
      </c>
      <c r="C27" s="10">
        <v>54</v>
      </c>
      <c r="D27" s="9">
        <v>96</v>
      </c>
    </row>
    <row r="28" spans="1:4" ht="18" customHeight="1" x14ac:dyDescent="0.2">
      <c r="A28" s="16">
        <v>19</v>
      </c>
      <c r="B28" s="29">
        <v>38</v>
      </c>
      <c r="C28" s="10">
        <v>38</v>
      </c>
      <c r="D28" s="9">
        <v>76</v>
      </c>
    </row>
    <row r="29" spans="1:4" ht="18" customHeight="1" x14ac:dyDescent="0.2">
      <c r="A29" s="8" t="s">
        <v>21</v>
      </c>
      <c r="B29" s="29">
        <v>231</v>
      </c>
      <c r="C29" s="10">
        <v>218</v>
      </c>
      <c r="D29" s="9">
        <v>449</v>
      </c>
    </row>
    <row r="30" spans="1:4" ht="18" customHeight="1" x14ac:dyDescent="0.2">
      <c r="A30" s="16">
        <v>20</v>
      </c>
      <c r="B30" s="29">
        <v>53</v>
      </c>
      <c r="C30" s="10">
        <v>48</v>
      </c>
      <c r="D30" s="9">
        <v>101</v>
      </c>
    </row>
    <row r="31" spans="1:4" ht="18" customHeight="1" x14ac:dyDescent="0.2">
      <c r="A31" s="16">
        <v>21</v>
      </c>
      <c r="B31" s="29">
        <v>43</v>
      </c>
      <c r="C31" s="10">
        <v>48</v>
      </c>
      <c r="D31" s="9">
        <v>91</v>
      </c>
    </row>
    <row r="32" spans="1:4" ht="18" customHeight="1" x14ac:dyDescent="0.2">
      <c r="A32" s="16">
        <v>22</v>
      </c>
      <c r="B32" s="29">
        <v>54</v>
      </c>
      <c r="C32" s="10">
        <v>56</v>
      </c>
      <c r="D32" s="9">
        <v>110</v>
      </c>
    </row>
    <row r="33" spans="1:4" ht="18" customHeight="1" x14ac:dyDescent="0.2">
      <c r="A33" s="16">
        <v>23</v>
      </c>
      <c r="B33" s="29">
        <v>53</v>
      </c>
      <c r="C33" s="10">
        <v>42</v>
      </c>
      <c r="D33" s="9">
        <v>95</v>
      </c>
    </row>
    <row r="34" spans="1:4" ht="18" customHeight="1" x14ac:dyDescent="0.2">
      <c r="A34" s="16">
        <v>24</v>
      </c>
      <c r="B34" s="29">
        <v>62</v>
      </c>
      <c r="C34" s="10">
        <v>47</v>
      </c>
      <c r="D34" s="9">
        <v>109</v>
      </c>
    </row>
    <row r="35" spans="1:4" ht="18" customHeight="1" x14ac:dyDescent="0.2">
      <c r="A35" s="8" t="s">
        <v>20</v>
      </c>
      <c r="B35" s="29">
        <v>265</v>
      </c>
      <c r="C35" s="10">
        <v>241</v>
      </c>
      <c r="D35" s="9">
        <v>506</v>
      </c>
    </row>
    <row r="36" spans="1:4" ht="18" customHeight="1" x14ac:dyDescent="0.2">
      <c r="A36" s="16">
        <v>25</v>
      </c>
      <c r="B36" s="29">
        <v>68</v>
      </c>
      <c r="C36" s="10">
        <v>67</v>
      </c>
      <c r="D36" s="9">
        <v>135</v>
      </c>
    </row>
    <row r="37" spans="1:4" ht="18" customHeight="1" x14ac:dyDescent="0.2">
      <c r="A37" s="16">
        <v>26</v>
      </c>
      <c r="B37" s="29">
        <v>54</v>
      </c>
      <c r="C37" s="10">
        <v>68</v>
      </c>
      <c r="D37" s="9">
        <v>122</v>
      </c>
    </row>
    <row r="38" spans="1:4" ht="18" customHeight="1" x14ac:dyDescent="0.2">
      <c r="A38" s="16">
        <v>27</v>
      </c>
      <c r="B38" s="29">
        <v>61</v>
      </c>
      <c r="C38" s="10">
        <v>67</v>
      </c>
      <c r="D38" s="9">
        <v>128</v>
      </c>
    </row>
    <row r="39" spans="1:4" ht="18" customHeight="1" x14ac:dyDescent="0.2">
      <c r="A39" s="16">
        <v>28</v>
      </c>
      <c r="B39" s="29">
        <v>64</v>
      </c>
      <c r="C39" s="10">
        <v>76</v>
      </c>
      <c r="D39" s="9">
        <v>140</v>
      </c>
    </row>
    <row r="40" spans="1:4" ht="18" customHeight="1" x14ac:dyDescent="0.2">
      <c r="A40" s="16">
        <v>29</v>
      </c>
      <c r="B40" s="29">
        <v>65</v>
      </c>
      <c r="C40" s="10">
        <v>61</v>
      </c>
      <c r="D40" s="9">
        <v>126</v>
      </c>
    </row>
    <row r="41" spans="1:4" ht="18" customHeight="1" x14ac:dyDescent="0.2">
      <c r="A41" s="8" t="s">
        <v>19</v>
      </c>
      <c r="B41" s="29">
        <v>312</v>
      </c>
      <c r="C41" s="10">
        <v>339</v>
      </c>
      <c r="D41" s="9">
        <v>651</v>
      </c>
    </row>
    <row r="42" spans="1:4" ht="18" customHeight="1" x14ac:dyDescent="0.2">
      <c r="A42" s="16">
        <v>30</v>
      </c>
      <c r="B42" s="29">
        <v>56</v>
      </c>
      <c r="C42" s="10">
        <v>64</v>
      </c>
      <c r="D42" s="9">
        <v>120</v>
      </c>
    </row>
    <row r="43" spans="1:4" ht="18" customHeight="1" x14ac:dyDescent="0.2">
      <c r="A43" s="16">
        <v>31</v>
      </c>
      <c r="B43" s="29">
        <v>55</v>
      </c>
      <c r="C43" s="10">
        <v>65</v>
      </c>
      <c r="D43" s="9">
        <v>120</v>
      </c>
    </row>
    <row r="44" spans="1:4" ht="18" customHeight="1" x14ac:dyDescent="0.2">
      <c r="A44" s="16">
        <v>32</v>
      </c>
      <c r="B44" s="29">
        <v>64</v>
      </c>
      <c r="C44" s="10">
        <v>52</v>
      </c>
      <c r="D44" s="9">
        <v>116</v>
      </c>
    </row>
    <row r="45" spans="1:4" ht="18" customHeight="1" x14ac:dyDescent="0.2">
      <c r="A45" s="16">
        <v>33</v>
      </c>
      <c r="B45" s="29">
        <v>79</v>
      </c>
      <c r="C45" s="10">
        <v>66</v>
      </c>
      <c r="D45" s="9">
        <v>145</v>
      </c>
    </row>
    <row r="46" spans="1:4" ht="18" customHeight="1" x14ac:dyDescent="0.2">
      <c r="A46" s="16">
        <v>34</v>
      </c>
      <c r="B46" s="29">
        <v>61</v>
      </c>
      <c r="C46" s="10">
        <v>75</v>
      </c>
      <c r="D46" s="9">
        <v>136</v>
      </c>
    </row>
    <row r="47" spans="1:4" ht="18" customHeight="1" x14ac:dyDescent="0.2">
      <c r="A47" s="8" t="s">
        <v>18</v>
      </c>
      <c r="B47" s="29">
        <v>315</v>
      </c>
      <c r="C47" s="10">
        <v>322</v>
      </c>
      <c r="D47" s="9">
        <v>637</v>
      </c>
    </row>
    <row r="48" spans="1:4" ht="18" customHeight="1" x14ac:dyDescent="0.2">
      <c r="A48" s="16">
        <v>35</v>
      </c>
      <c r="B48" s="29">
        <v>67</v>
      </c>
      <c r="C48" s="10">
        <v>73</v>
      </c>
      <c r="D48" s="9">
        <v>140</v>
      </c>
    </row>
    <row r="49" spans="1:4" ht="18" customHeight="1" x14ac:dyDescent="0.2">
      <c r="A49" s="16">
        <v>36</v>
      </c>
      <c r="B49" s="29">
        <v>61</v>
      </c>
      <c r="C49" s="10">
        <v>79</v>
      </c>
      <c r="D49" s="9">
        <v>140</v>
      </c>
    </row>
    <row r="50" spans="1:4" ht="18" customHeight="1" x14ac:dyDescent="0.2">
      <c r="A50" s="16">
        <v>37</v>
      </c>
      <c r="B50" s="29">
        <v>75</v>
      </c>
      <c r="C50" s="10">
        <v>63</v>
      </c>
      <c r="D50" s="9">
        <v>138</v>
      </c>
    </row>
    <row r="51" spans="1:4" ht="18" customHeight="1" x14ac:dyDescent="0.2">
      <c r="A51" s="16">
        <v>38</v>
      </c>
      <c r="B51" s="29">
        <v>94</v>
      </c>
      <c r="C51" s="10">
        <v>72</v>
      </c>
      <c r="D51" s="9">
        <v>166</v>
      </c>
    </row>
    <row r="52" spans="1:4" ht="18" customHeight="1" x14ac:dyDescent="0.2">
      <c r="A52" s="16">
        <v>39</v>
      </c>
      <c r="B52" s="29">
        <v>82</v>
      </c>
      <c r="C52" s="10">
        <v>63</v>
      </c>
      <c r="D52" s="9">
        <v>145</v>
      </c>
    </row>
    <row r="53" spans="1:4" ht="18" customHeight="1" x14ac:dyDescent="0.2">
      <c r="A53" s="8" t="s">
        <v>17</v>
      </c>
      <c r="B53" s="29">
        <v>379</v>
      </c>
      <c r="C53" s="10">
        <v>350</v>
      </c>
      <c r="D53" s="9">
        <v>729</v>
      </c>
    </row>
    <row r="54" spans="1:4" ht="18" customHeight="1" x14ac:dyDescent="0.2">
      <c r="A54" s="16">
        <v>40</v>
      </c>
      <c r="B54" s="29">
        <v>71</v>
      </c>
      <c r="C54" s="10">
        <v>64</v>
      </c>
      <c r="D54" s="9">
        <v>135</v>
      </c>
    </row>
    <row r="55" spans="1:4" ht="18" customHeight="1" x14ac:dyDescent="0.2">
      <c r="A55" s="16">
        <v>41</v>
      </c>
      <c r="B55" s="29">
        <v>71</v>
      </c>
      <c r="C55" s="10">
        <v>62</v>
      </c>
      <c r="D55" s="9">
        <v>133</v>
      </c>
    </row>
    <row r="56" spans="1:4" ht="18" customHeight="1" x14ac:dyDescent="0.2">
      <c r="A56" s="16">
        <v>42</v>
      </c>
      <c r="B56" s="29">
        <v>76</v>
      </c>
      <c r="C56" s="10">
        <v>73</v>
      </c>
      <c r="D56" s="9">
        <v>149</v>
      </c>
    </row>
    <row r="57" spans="1:4" ht="18" customHeight="1" x14ac:dyDescent="0.2">
      <c r="A57" s="16">
        <v>43</v>
      </c>
      <c r="B57" s="29">
        <v>70</v>
      </c>
      <c r="C57" s="10">
        <v>68</v>
      </c>
      <c r="D57" s="9">
        <v>138</v>
      </c>
    </row>
    <row r="58" spans="1:4" ht="18" customHeight="1" x14ac:dyDescent="0.2">
      <c r="A58" s="16">
        <v>44</v>
      </c>
      <c r="B58" s="29">
        <v>80</v>
      </c>
      <c r="C58" s="10">
        <v>86</v>
      </c>
      <c r="D58" s="9">
        <v>166</v>
      </c>
    </row>
    <row r="59" spans="1:4" ht="18" customHeight="1" x14ac:dyDescent="0.2">
      <c r="A59" s="8" t="s">
        <v>16</v>
      </c>
      <c r="B59" s="29">
        <v>368</v>
      </c>
      <c r="C59" s="10">
        <v>353</v>
      </c>
      <c r="D59" s="9">
        <v>721</v>
      </c>
    </row>
    <row r="60" spans="1:4" ht="18" customHeight="1" x14ac:dyDescent="0.2">
      <c r="A60" s="16">
        <v>45</v>
      </c>
      <c r="B60" s="29">
        <v>78</v>
      </c>
      <c r="C60" s="10">
        <v>86</v>
      </c>
      <c r="D60" s="9">
        <v>164</v>
      </c>
    </row>
    <row r="61" spans="1:4" ht="18" customHeight="1" x14ac:dyDescent="0.2">
      <c r="A61" s="16">
        <v>46</v>
      </c>
      <c r="B61" s="29">
        <v>75</v>
      </c>
      <c r="C61" s="10">
        <v>77</v>
      </c>
      <c r="D61" s="9">
        <v>152</v>
      </c>
    </row>
    <row r="62" spans="1:4" ht="18" customHeight="1" x14ac:dyDescent="0.2">
      <c r="A62" s="16">
        <v>47</v>
      </c>
      <c r="B62" s="29">
        <v>103</v>
      </c>
      <c r="C62" s="10">
        <v>91</v>
      </c>
      <c r="D62" s="9">
        <v>194</v>
      </c>
    </row>
    <row r="63" spans="1:4" ht="18" customHeight="1" x14ac:dyDescent="0.2">
      <c r="A63" s="16">
        <v>48</v>
      </c>
      <c r="B63" s="29">
        <v>105</v>
      </c>
      <c r="C63" s="10">
        <v>93</v>
      </c>
      <c r="D63" s="9">
        <v>198</v>
      </c>
    </row>
    <row r="64" spans="1:4" ht="18" customHeight="1" x14ac:dyDescent="0.2">
      <c r="A64" s="16">
        <v>49</v>
      </c>
      <c r="B64" s="29">
        <v>101</v>
      </c>
      <c r="C64" s="10">
        <v>86</v>
      </c>
      <c r="D64" s="9">
        <v>187</v>
      </c>
    </row>
    <row r="65" spans="1:4" ht="18" customHeight="1" x14ac:dyDescent="0.2">
      <c r="A65" s="8" t="s">
        <v>15</v>
      </c>
      <c r="B65" s="29">
        <v>462</v>
      </c>
      <c r="C65" s="10">
        <v>433</v>
      </c>
      <c r="D65" s="9">
        <v>895</v>
      </c>
    </row>
    <row r="66" spans="1:4" ht="18" customHeight="1" x14ac:dyDescent="0.2">
      <c r="A66" s="16">
        <v>50</v>
      </c>
      <c r="B66" s="29">
        <v>88</v>
      </c>
      <c r="C66" s="10">
        <v>97</v>
      </c>
      <c r="D66" s="9">
        <v>185</v>
      </c>
    </row>
    <row r="67" spans="1:4" ht="18" customHeight="1" x14ac:dyDescent="0.2">
      <c r="A67" s="16">
        <v>51</v>
      </c>
      <c r="B67" s="29">
        <v>108</v>
      </c>
      <c r="C67" s="10">
        <v>86</v>
      </c>
      <c r="D67" s="9">
        <v>194</v>
      </c>
    </row>
    <row r="68" spans="1:4" ht="18" customHeight="1" x14ac:dyDescent="0.2">
      <c r="A68" s="16">
        <v>52</v>
      </c>
      <c r="B68" s="29">
        <v>76</v>
      </c>
      <c r="C68" s="10">
        <v>80</v>
      </c>
      <c r="D68" s="9">
        <v>156</v>
      </c>
    </row>
    <row r="69" spans="1:4" ht="18" customHeight="1" x14ac:dyDescent="0.2">
      <c r="A69" s="16">
        <v>53</v>
      </c>
      <c r="B69" s="29">
        <v>87</v>
      </c>
      <c r="C69" s="10">
        <v>63</v>
      </c>
      <c r="D69" s="9">
        <v>150</v>
      </c>
    </row>
    <row r="70" spans="1:4" ht="18" customHeight="1" x14ac:dyDescent="0.2">
      <c r="A70" s="16">
        <v>54</v>
      </c>
      <c r="B70" s="29">
        <v>71</v>
      </c>
      <c r="C70" s="10">
        <v>74</v>
      </c>
      <c r="D70" s="9">
        <v>145</v>
      </c>
    </row>
    <row r="71" spans="1:4" ht="18" customHeight="1" x14ac:dyDescent="0.2">
      <c r="A71" s="8" t="s">
        <v>14</v>
      </c>
      <c r="B71" s="29">
        <v>430</v>
      </c>
      <c r="C71" s="10">
        <v>400</v>
      </c>
      <c r="D71" s="9">
        <v>830</v>
      </c>
    </row>
    <row r="72" spans="1:4" ht="18" customHeight="1" x14ac:dyDescent="0.2">
      <c r="A72" s="16">
        <v>55</v>
      </c>
      <c r="B72" s="29">
        <v>87</v>
      </c>
      <c r="C72" s="10">
        <v>74</v>
      </c>
      <c r="D72" s="9">
        <v>161</v>
      </c>
    </row>
    <row r="73" spans="1:4" ht="18" customHeight="1" x14ac:dyDescent="0.2">
      <c r="A73" s="16">
        <v>56</v>
      </c>
      <c r="B73" s="29">
        <v>59</v>
      </c>
      <c r="C73" s="10">
        <v>65</v>
      </c>
      <c r="D73" s="9">
        <v>124</v>
      </c>
    </row>
    <row r="74" spans="1:4" ht="18" customHeight="1" x14ac:dyDescent="0.2">
      <c r="A74" s="16">
        <v>57</v>
      </c>
      <c r="B74" s="29">
        <v>48</v>
      </c>
      <c r="C74" s="10">
        <v>70</v>
      </c>
      <c r="D74" s="9">
        <v>118</v>
      </c>
    </row>
    <row r="75" spans="1:4" ht="18" customHeight="1" x14ac:dyDescent="0.2">
      <c r="A75" s="16">
        <v>58</v>
      </c>
      <c r="B75" s="29">
        <v>55</v>
      </c>
      <c r="C75" s="10">
        <v>69</v>
      </c>
      <c r="D75" s="9">
        <v>124</v>
      </c>
    </row>
    <row r="76" spans="1:4" ht="18" customHeight="1" x14ac:dyDescent="0.2">
      <c r="A76" s="16">
        <v>59</v>
      </c>
      <c r="B76" s="29">
        <v>73</v>
      </c>
      <c r="C76" s="10">
        <v>74</v>
      </c>
      <c r="D76" s="9">
        <v>147</v>
      </c>
    </row>
    <row r="77" spans="1:4" ht="18" customHeight="1" x14ac:dyDescent="0.2">
      <c r="A77" s="8" t="s">
        <v>13</v>
      </c>
      <c r="B77" s="29">
        <v>322</v>
      </c>
      <c r="C77" s="10">
        <v>352</v>
      </c>
      <c r="D77" s="9">
        <v>674</v>
      </c>
    </row>
    <row r="78" spans="1:4" ht="18" customHeight="1" x14ac:dyDescent="0.2">
      <c r="A78" s="16">
        <v>60</v>
      </c>
      <c r="B78" s="29">
        <v>71</v>
      </c>
      <c r="C78" s="10">
        <v>59</v>
      </c>
      <c r="D78" s="9">
        <v>130</v>
      </c>
    </row>
    <row r="79" spans="1:4" ht="18" customHeight="1" x14ac:dyDescent="0.2">
      <c r="A79" s="16">
        <v>61</v>
      </c>
      <c r="B79" s="29">
        <v>45</v>
      </c>
      <c r="C79" s="10">
        <v>64</v>
      </c>
      <c r="D79" s="9">
        <v>109</v>
      </c>
    </row>
    <row r="80" spans="1:4" ht="18" customHeight="1" x14ac:dyDescent="0.2">
      <c r="A80" s="16">
        <v>62</v>
      </c>
      <c r="B80" s="29">
        <v>54</v>
      </c>
      <c r="C80" s="10">
        <v>63</v>
      </c>
      <c r="D80" s="9">
        <v>117</v>
      </c>
    </row>
    <row r="81" spans="1:4" ht="18" customHeight="1" x14ac:dyDescent="0.2">
      <c r="A81" s="16">
        <v>63</v>
      </c>
      <c r="B81" s="29">
        <v>68</v>
      </c>
      <c r="C81" s="10">
        <v>45</v>
      </c>
      <c r="D81" s="9">
        <v>113</v>
      </c>
    </row>
    <row r="82" spans="1:4" ht="18" customHeight="1" x14ac:dyDescent="0.2">
      <c r="A82" s="16">
        <v>64</v>
      </c>
      <c r="B82" s="29">
        <v>64</v>
      </c>
      <c r="C82" s="10">
        <v>68</v>
      </c>
      <c r="D82" s="9">
        <v>132</v>
      </c>
    </row>
    <row r="83" spans="1:4" ht="18" customHeight="1" x14ac:dyDescent="0.2">
      <c r="A83" s="8" t="s">
        <v>12</v>
      </c>
      <c r="B83" s="29">
        <v>302</v>
      </c>
      <c r="C83" s="10">
        <v>299</v>
      </c>
      <c r="D83" s="9">
        <v>601</v>
      </c>
    </row>
    <row r="84" spans="1:4" ht="18" customHeight="1" x14ac:dyDescent="0.2">
      <c r="A84" s="8" t="s">
        <v>11</v>
      </c>
      <c r="B84" s="29">
        <v>3386</v>
      </c>
      <c r="C84" s="10">
        <v>3307</v>
      </c>
      <c r="D84" s="9">
        <v>6693</v>
      </c>
    </row>
    <row r="85" spans="1:4" ht="18" customHeight="1" x14ac:dyDescent="0.2">
      <c r="A85" s="16">
        <v>65</v>
      </c>
      <c r="B85" s="29">
        <v>57</v>
      </c>
      <c r="C85" s="10">
        <v>51</v>
      </c>
      <c r="D85" s="9">
        <v>108</v>
      </c>
    </row>
    <row r="86" spans="1:4" ht="18" customHeight="1" x14ac:dyDescent="0.2">
      <c r="A86" s="16">
        <v>66</v>
      </c>
      <c r="B86" s="29">
        <v>55</v>
      </c>
      <c r="C86" s="10">
        <v>66</v>
      </c>
      <c r="D86" s="9">
        <v>121</v>
      </c>
    </row>
    <row r="87" spans="1:4" ht="18" customHeight="1" x14ac:dyDescent="0.2">
      <c r="A87" s="16">
        <v>67</v>
      </c>
      <c r="B87" s="29">
        <v>51</v>
      </c>
      <c r="C87" s="10">
        <v>70</v>
      </c>
      <c r="D87" s="9">
        <v>121</v>
      </c>
    </row>
    <row r="88" spans="1:4" ht="18" customHeight="1" x14ac:dyDescent="0.2">
      <c r="A88" s="16">
        <v>68</v>
      </c>
      <c r="B88" s="29">
        <v>71</v>
      </c>
      <c r="C88" s="10">
        <v>68</v>
      </c>
      <c r="D88" s="9">
        <v>139</v>
      </c>
    </row>
    <row r="89" spans="1:4" ht="18" customHeight="1" x14ac:dyDescent="0.2">
      <c r="A89" s="16">
        <v>69</v>
      </c>
      <c r="B89" s="29">
        <v>64</v>
      </c>
      <c r="C89" s="10">
        <v>64</v>
      </c>
      <c r="D89" s="9">
        <v>128</v>
      </c>
    </row>
    <row r="90" spans="1:4" ht="18" customHeight="1" x14ac:dyDescent="0.2">
      <c r="A90" s="8" t="s">
        <v>10</v>
      </c>
      <c r="B90" s="29">
        <v>298</v>
      </c>
      <c r="C90" s="10">
        <v>319</v>
      </c>
      <c r="D90" s="9">
        <v>617</v>
      </c>
    </row>
    <row r="91" spans="1:4" ht="18" customHeight="1" x14ac:dyDescent="0.2">
      <c r="A91" s="16">
        <v>70</v>
      </c>
      <c r="B91" s="29">
        <v>65</v>
      </c>
      <c r="C91" s="10">
        <v>61</v>
      </c>
      <c r="D91" s="9">
        <v>126</v>
      </c>
    </row>
    <row r="92" spans="1:4" ht="18" customHeight="1" x14ac:dyDescent="0.2">
      <c r="A92" s="16">
        <v>71</v>
      </c>
      <c r="B92" s="29">
        <v>55</v>
      </c>
      <c r="C92" s="10">
        <v>94</v>
      </c>
      <c r="D92" s="9">
        <v>149</v>
      </c>
    </row>
    <row r="93" spans="1:4" ht="18" customHeight="1" x14ac:dyDescent="0.2">
      <c r="A93" s="16">
        <v>72</v>
      </c>
      <c r="B93" s="29">
        <v>74</v>
      </c>
      <c r="C93" s="10">
        <v>92</v>
      </c>
      <c r="D93" s="9">
        <v>166</v>
      </c>
    </row>
    <row r="94" spans="1:4" ht="18" customHeight="1" x14ac:dyDescent="0.2">
      <c r="A94" s="16">
        <v>73</v>
      </c>
      <c r="B94" s="29">
        <v>71</v>
      </c>
      <c r="C94" s="10">
        <v>98</v>
      </c>
      <c r="D94" s="9">
        <v>169</v>
      </c>
    </row>
    <row r="95" spans="1:4" ht="18" customHeight="1" x14ac:dyDescent="0.2">
      <c r="A95" s="16">
        <v>74</v>
      </c>
      <c r="B95" s="29">
        <v>82</v>
      </c>
      <c r="C95" s="10">
        <v>113</v>
      </c>
      <c r="D95" s="9">
        <v>195</v>
      </c>
    </row>
    <row r="96" spans="1:4" ht="18" customHeight="1" x14ac:dyDescent="0.2">
      <c r="A96" s="8" t="s">
        <v>9</v>
      </c>
      <c r="B96" s="29">
        <v>347</v>
      </c>
      <c r="C96" s="10">
        <v>458</v>
      </c>
      <c r="D96" s="9">
        <v>805</v>
      </c>
    </row>
    <row r="97" spans="1:4" ht="18" customHeight="1" x14ac:dyDescent="0.2">
      <c r="A97" s="16">
        <v>75</v>
      </c>
      <c r="B97" s="29">
        <v>83</v>
      </c>
      <c r="C97" s="10">
        <v>100</v>
      </c>
      <c r="D97" s="9">
        <v>183</v>
      </c>
    </row>
    <row r="98" spans="1:4" ht="18" customHeight="1" x14ac:dyDescent="0.2">
      <c r="A98" s="16">
        <v>76</v>
      </c>
      <c r="B98" s="29">
        <v>69</v>
      </c>
      <c r="C98" s="10">
        <v>111</v>
      </c>
      <c r="D98" s="9">
        <v>180</v>
      </c>
    </row>
    <row r="99" spans="1:4" ht="18" customHeight="1" x14ac:dyDescent="0.2">
      <c r="A99" s="16">
        <v>77</v>
      </c>
      <c r="B99" s="29">
        <v>34</v>
      </c>
      <c r="C99" s="10">
        <v>69</v>
      </c>
      <c r="D99" s="9">
        <v>103</v>
      </c>
    </row>
    <row r="100" spans="1:4" ht="18" customHeight="1" x14ac:dyDescent="0.2">
      <c r="A100" s="16">
        <v>78</v>
      </c>
      <c r="B100" s="29">
        <v>56</v>
      </c>
      <c r="C100" s="10">
        <v>77</v>
      </c>
      <c r="D100" s="9">
        <v>133</v>
      </c>
    </row>
    <row r="101" spans="1:4" ht="18" customHeight="1" x14ac:dyDescent="0.2">
      <c r="A101" s="16">
        <v>79</v>
      </c>
      <c r="B101" s="29">
        <v>72</v>
      </c>
      <c r="C101" s="10">
        <v>71</v>
      </c>
      <c r="D101" s="9">
        <v>143</v>
      </c>
    </row>
    <row r="102" spans="1:4" ht="18" customHeight="1" x14ac:dyDescent="0.2">
      <c r="A102" s="8" t="s">
        <v>8</v>
      </c>
      <c r="B102" s="29">
        <v>314</v>
      </c>
      <c r="C102" s="10">
        <v>428</v>
      </c>
      <c r="D102" s="9">
        <v>742</v>
      </c>
    </row>
    <row r="103" spans="1:4" ht="18" customHeight="1" x14ac:dyDescent="0.2">
      <c r="A103" s="16">
        <v>80</v>
      </c>
      <c r="B103" s="29">
        <v>54</v>
      </c>
      <c r="C103" s="10">
        <v>92</v>
      </c>
      <c r="D103" s="9">
        <v>146</v>
      </c>
    </row>
    <row r="104" spans="1:4" ht="18" customHeight="1" x14ac:dyDescent="0.2">
      <c r="A104" s="16">
        <v>81</v>
      </c>
      <c r="B104" s="29">
        <v>59</v>
      </c>
      <c r="C104" s="10">
        <v>98</v>
      </c>
      <c r="D104" s="9">
        <v>157</v>
      </c>
    </row>
    <row r="105" spans="1:4" ht="18" customHeight="1" x14ac:dyDescent="0.2">
      <c r="A105" s="16">
        <v>82</v>
      </c>
      <c r="B105" s="29">
        <v>58</v>
      </c>
      <c r="C105" s="10">
        <v>65</v>
      </c>
      <c r="D105" s="9">
        <v>123</v>
      </c>
    </row>
    <row r="106" spans="1:4" ht="18" customHeight="1" x14ac:dyDescent="0.2">
      <c r="A106" s="16">
        <v>83</v>
      </c>
      <c r="B106" s="29">
        <v>44</v>
      </c>
      <c r="C106" s="10">
        <v>64</v>
      </c>
      <c r="D106" s="9">
        <v>108</v>
      </c>
    </row>
    <row r="107" spans="1:4" ht="18" customHeight="1" x14ac:dyDescent="0.2">
      <c r="A107" s="16">
        <v>84</v>
      </c>
      <c r="B107" s="29">
        <v>26</v>
      </c>
      <c r="C107" s="10">
        <v>51</v>
      </c>
      <c r="D107" s="9">
        <v>77</v>
      </c>
    </row>
    <row r="108" spans="1:4" ht="18" customHeight="1" x14ac:dyDescent="0.2">
      <c r="A108" s="8" t="s">
        <v>7</v>
      </c>
      <c r="B108" s="29">
        <v>241</v>
      </c>
      <c r="C108" s="10">
        <v>370</v>
      </c>
      <c r="D108" s="9">
        <v>611</v>
      </c>
    </row>
    <row r="109" spans="1:4" ht="18" customHeight="1" x14ac:dyDescent="0.2">
      <c r="A109" s="16">
        <v>85</v>
      </c>
      <c r="B109" s="29">
        <v>28</v>
      </c>
      <c r="C109" s="10">
        <v>64</v>
      </c>
      <c r="D109" s="9">
        <v>92</v>
      </c>
    </row>
    <row r="110" spans="1:4" ht="18" customHeight="1" x14ac:dyDescent="0.2">
      <c r="A110" s="16">
        <v>86</v>
      </c>
      <c r="B110" s="29">
        <v>30</v>
      </c>
      <c r="C110" s="10">
        <v>52</v>
      </c>
      <c r="D110" s="9">
        <v>82</v>
      </c>
    </row>
    <row r="111" spans="1:4" ht="18" customHeight="1" x14ac:dyDescent="0.2">
      <c r="A111" s="16">
        <v>87</v>
      </c>
      <c r="B111" s="29">
        <v>32</v>
      </c>
      <c r="C111" s="10">
        <v>60</v>
      </c>
      <c r="D111" s="9">
        <v>92</v>
      </c>
    </row>
    <row r="112" spans="1:4" ht="18" customHeight="1" x14ac:dyDescent="0.2">
      <c r="A112" s="16">
        <v>88</v>
      </c>
      <c r="B112" s="29">
        <v>23</v>
      </c>
      <c r="C112" s="10">
        <v>36</v>
      </c>
      <c r="D112" s="9">
        <v>59</v>
      </c>
    </row>
    <row r="113" spans="1:4" ht="18" customHeight="1" x14ac:dyDescent="0.2">
      <c r="A113" s="16">
        <v>89</v>
      </c>
      <c r="B113" s="29">
        <v>26</v>
      </c>
      <c r="C113" s="10">
        <v>40</v>
      </c>
      <c r="D113" s="9">
        <v>66</v>
      </c>
    </row>
    <row r="114" spans="1:4" ht="18" customHeight="1" x14ac:dyDescent="0.2">
      <c r="A114" s="8" t="s">
        <v>6</v>
      </c>
      <c r="B114" s="29">
        <v>139</v>
      </c>
      <c r="C114" s="10">
        <v>252</v>
      </c>
      <c r="D114" s="9">
        <v>391</v>
      </c>
    </row>
    <row r="115" spans="1:4" ht="18" customHeight="1" x14ac:dyDescent="0.2">
      <c r="A115" s="16">
        <v>90</v>
      </c>
      <c r="B115" s="29">
        <v>16</v>
      </c>
      <c r="C115" s="10">
        <v>40</v>
      </c>
      <c r="D115" s="9">
        <v>56</v>
      </c>
    </row>
    <row r="116" spans="1:4" ht="18" customHeight="1" x14ac:dyDescent="0.2">
      <c r="A116" s="16">
        <v>91</v>
      </c>
      <c r="B116" s="29">
        <v>11</v>
      </c>
      <c r="C116" s="10">
        <v>33</v>
      </c>
      <c r="D116" s="9">
        <v>44</v>
      </c>
    </row>
    <row r="117" spans="1:4" ht="18" customHeight="1" x14ac:dyDescent="0.2">
      <c r="A117" s="16">
        <v>92</v>
      </c>
      <c r="B117" s="29">
        <v>8</v>
      </c>
      <c r="C117" s="10">
        <v>33</v>
      </c>
      <c r="D117" s="9">
        <v>41</v>
      </c>
    </row>
    <row r="118" spans="1:4" ht="18" customHeight="1" x14ac:dyDescent="0.2">
      <c r="A118" s="16">
        <v>93</v>
      </c>
      <c r="B118" s="29">
        <v>8</v>
      </c>
      <c r="C118" s="10">
        <v>21</v>
      </c>
      <c r="D118" s="9">
        <v>29</v>
      </c>
    </row>
    <row r="119" spans="1:4" ht="18" customHeight="1" x14ac:dyDescent="0.2">
      <c r="A119" s="16">
        <v>94</v>
      </c>
      <c r="B119" s="29">
        <v>9</v>
      </c>
      <c r="C119" s="10">
        <v>20</v>
      </c>
      <c r="D119" s="9">
        <v>29</v>
      </c>
    </row>
    <row r="120" spans="1:4" ht="18" customHeight="1" x14ac:dyDescent="0.2">
      <c r="A120" s="8" t="s">
        <v>5</v>
      </c>
      <c r="B120" s="29">
        <v>52</v>
      </c>
      <c r="C120" s="10">
        <v>147</v>
      </c>
      <c r="D120" s="9">
        <v>199</v>
      </c>
    </row>
    <row r="121" spans="1:4" ht="18" customHeight="1" x14ac:dyDescent="0.2">
      <c r="A121" s="16">
        <v>95</v>
      </c>
      <c r="B121" s="29">
        <v>4</v>
      </c>
      <c r="C121" s="10">
        <v>20</v>
      </c>
      <c r="D121" s="9">
        <v>24</v>
      </c>
    </row>
    <row r="122" spans="1:4" ht="18" customHeight="1" x14ac:dyDescent="0.2">
      <c r="A122" s="16">
        <v>96</v>
      </c>
      <c r="B122" s="29">
        <v>3</v>
      </c>
      <c r="C122" s="10">
        <v>8</v>
      </c>
      <c r="D122" s="9">
        <v>11</v>
      </c>
    </row>
    <row r="123" spans="1:4" ht="18" customHeight="1" x14ac:dyDescent="0.2">
      <c r="A123" s="16">
        <v>97</v>
      </c>
      <c r="B123" s="29">
        <v>1</v>
      </c>
      <c r="C123" s="10">
        <v>5</v>
      </c>
      <c r="D123" s="9">
        <v>6</v>
      </c>
    </row>
    <row r="124" spans="1:4" ht="18" customHeight="1" x14ac:dyDescent="0.2">
      <c r="A124" s="16">
        <v>98</v>
      </c>
      <c r="B124" s="29">
        <v>2</v>
      </c>
      <c r="C124" s="10">
        <v>4</v>
      </c>
      <c r="D124" s="9">
        <v>6</v>
      </c>
    </row>
    <row r="125" spans="1:4" ht="18" customHeight="1" x14ac:dyDescent="0.2">
      <c r="A125" s="16">
        <v>99</v>
      </c>
      <c r="B125" s="29">
        <v>0</v>
      </c>
      <c r="C125" s="10">
        <v>4</v>
      </c>
      <c r="D125" s="9">
        <v>4</v>
      </c>
    </row>
    <row r="126" spans="1:4" ht="18" customHeight="1" x14ac:dyDescent="0.2">
      <c r="A126" s="8" t="s">
        <v>4</v>
      </c>
      <c r="B126" s="29">
        <v>10</v>
      </c>
      <c r="C126" s="10">
        <v>41</v>
      </c>
      <c r="D126" s="9">
        <v>51</v>
      </c>
    </row>
    <row r="127" spans="1:4" ht="18" customHeight="1" x14ac:dyDescent="0.2">
      <c r="A127" s="16">
        <v>100</v>
      </c>
      <c r="B127" s="29">
        <v>1</v>
      </c>
      <c r="C127" s="10">
        <v>1</v>
      </c>
      <c r="D127" s="9">
        <v>2</v>
      </c>
    </row>
    <row r="128" spans="1:4" ht="18" customHeight="1" x14ac:dyDescent="0.2">
      <c r="A128" s="15" t="s">
        <v>3</v>
      </c>
      <c r="B128" s="29">
        <v>0</v>
      </c>
      <c r="C128" s="10">
        <v>7</v>
      </c>
      <c r="D128" s="9">
        <v>7</v>
      </c>
    </row>
    <row r="129" spans="1:4" ht="18" customHeight="1" x14ac:dyDescent="0.2">
      <c r="A129" s="8" t="s">
        <v>2</v>
      </c>
      <c r="B129" s="29">
        <v>1</v>
      </c>
      <c r="C129" s="10">
        <v>8</v>
      </c>
      <c r="D129" s="9">
        <v>9</v>
      </c>
    </row>
    <row r="130" spans="1:4" ht="18" customHeight="1" x14ac:dyDescent="0.2">
      <c r="A130" s="8" t="s">
        <v>1</v>
      </c>
      <c r="B130" s="28">
        <v>1402</v>
      </c>
      <c r="C130" s="6">
        <v>2023</v>
      </c>
      <c r="D130" s="5">
        <v>3425</v>
      </c>
    </row>
    <row r="131" spans="1:4" ht="18" customHeight="1" x14ac:dyDescent="0.2">
      <c r="A131" s="4" t="s">
        <v>0</v>
      </c>
      <c r="B131" s="27">
        <v>5517</v>
      </c>
      <c r="C131" s="2">
        <v>6035</v>
      </c>
      <c r="D131" s="1">
        <v>11552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3F977B4-93C8-4DC2-BA2C-D29A52956D86}">
  <sheetPr codeName="Sheet3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58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41</v>
      </c>
      <c r="C5" s="18">
        <v>29</v>
      </c>
      <c r="D5" s="17">
        <v>70</v>
      </c>
    </row>
    <row r="6" spans="1:4" ht="18" customHeight="1" x14ac:dyDescent="0.2">
      <c r="A6" s="16">
        <v>1</v>
      </c>
      <c r="B6" s="29">
        <v>37</v>
      </c>
      <c r="C6" s="10">
        <v>35</v>
      </c>
      <c r="D6" s="9">
        <v>72</v>
      </c>
    </row>
    <row r="7" spans="1:4" ht="18" customHeight="1" x14ac:dyDescent="0.2">
      <c r="A7" s="16">
        <v>2</v>
      </c>
      <c r="B7" s="29">
        <v>33</v>
      </c>
      <c r="C7" s="10">
        <v>37</v>
      </c>
      <c r="D7" s="9">
        <v>70</v>
      </c>
    </row>
    <row r="8" spans="1:4" ht="18" customHeight="1" x14ac:dyDescent="0.2">
      <c r="A8" s="16">
        <v>3</v>
      </c>
      <c r="B8" s="29">
        <v>29</v>
      </c>
      <c r="C8" s="10">
        <v>46</v>
      </c>
      <c r="D8" s="9">
        <v>75</v>
      </c>
    </row>
    <row r="9" spans="1:4" ht="18" customHeight="1" x14ac:dyDescent="0.2">
      <c r="A9" s="16">
        <v>4</v>
      </c>
      <c r="B9" s="29">
        <v>32</v>
      </c>
      <c r="C9" s="10">
        <v>48</v>
      </c>
      <c r="D9" s="9">
        <v>80</v>
      </c>
    </row>
    <row r="10" spans="1:4" ht="18" customHeight="1" x14ac:dyDescent="0.2">
      <c r="A10" s="8" t="s">
        <v>25</v>
      </c>
      <c r="B10" s="29">
        <v>172</v>
      </c>
      <c r="C10" s="10">
        <v>195</v>
      </c>
      <c r="D10" s="9">
        <v>367</v>
      </c>
    </row>
    <row r="11" spans="1:4" ht="18" customHeight="1" x14ac:dyDescent="0.2">
      <c r="A11" s="16">
        <v>5</v>
      </c>
      <c r="B11" s="29">
        <v>48</v>
      </c>
      <c r="C11" s="10">
        <v>36</v>
      </c>
      <c r="D11" s="9">
        <v>84</v>
      </c>
    </row>
    <row r="12" spans="1:4" ht="18" customHeight="1" x14ac:dyDescent="0.2">
      <c r="A12" s="16">
        <v>6</v>
      </c>
      <c r="B12" s="29">
        <v>45</v>
      </c>
      <c r="C12" s="10">
        <v>39</v>
      </c>
      <c r="D12" s="9">
        <v>84</v>
      </c>
    </row>
    <row r="13" spans="1:4" ht="18" customHeight="1" x14ac:dyDescent="0.2">
      <c r="A13" s="16">
        <v>7</v>
      </c>
      <c r="B13" s="29">
        <v>40</v>
      </c>
      <c r="C13" s="10">
        <v>40</v>
      </c>
      <c r="D13" s="9">
        <v>80</v>
      </c>
    </row>
    <row r="14" spans="1:4" ht="18" customHeight="1" x14ac:dyDescent="0.2">
      <c r="A14" s="16">
        <v>8</v>
      </c>
      <c r="B14" s="29">
        <v>46</v>
      </c>
      <c r="C14" s="10">
        <v>35</v>
      </c>
      <c r="D14" s="9">
        <v>81</v>
      </c>
    </row>
    <row r="15" spans="1:4" ht="18" customHeight="1" x14ac:dyDescent="0.2">
      <c r="A15" s="16">
        <v>9</v>
      </c>
      <c r="B15" s="29">
        <v>47</v>
      </c>
      <c r="C15" s="10">
        <v>59</v>
      </c>
      <c r="D15" s="9">
        <v>106</v>
      </c>
    </row>
    <row r="16" spans="1:4" ht="18" customHeight="1" x14ac:dyDescent="0.2">
      <c r="A16" s="8" t="s">
        <v>24</v>
      </c>
      <c r="B16" s="29">
        <v>226</v>
      </c>
      <c r="C16" s="10">
        <v>209</v>
      </c>
      <c r="D16" s="9">
        <v>435</v>
      </c>
    </row>
    <row r="17" spans="1:4" ht="18" customHeight="1" x14ac:dyDescent="0.2">
      <c r="A17" s="16">
        <v>10</v>
      </c>
      <c r="B17" s="29">
        <v>47</v>
      </c>
      <c r="C17" s="10">
        <v>39</v>
      </c>
      <c r="D17" s="9">
        <v>86</v>
      </c>
    </row>
    <row r="18" spans="1:4" ht="18" customHeight="1" x14ac:dyDescent="0.2">
      <c r="A18" s="16">
        <v>11</v>
      </c>
      <c r="B18" s="29">
        <v>47</v>
      </c>
      <c r="C18" s="10">
        <v>50</v>
      </c>
      <c r="D18" s="9">
        <v>97</v>
      </c>
    </row>
    <row r="19" spans="1:4" ht="18" customHeight="1" x14ac:dyDescent="0.2">
      <c r="A19" s="16">
        <v>12</v>
      </c>
      <c r="B19" s="29">
        <v>43</v>
      </c>
      <c r="C19" s="10">
        <v>43</v>
      </c>
      <c r="D19" s="9">
        <v>86</v>
      </c>
    </row>
    <row r="20" spans="1:4" ht="18" customHeight="1" x14ac:dyDescent="0.2">
      <c r="A20" s="16">
        <v>13</v>
      </c>
      <c r="B20" s="29">
        <v>44</v>
      </c>
      <c r="C20" s="10">
        <v>56</v>
      </c>
      <c r="D20" s="9">
        <v>100</v>
      </c>
    </row>
    <row r="21" spans="1:4" ht="18" customHeight="1" x14ac:dyDescent="0.2">
      <c r="A21" s="16">
        <v>14</v>
      </c>
      <c r="B21" s="29">
        <v>55</v>
      </c>
      <c r="C21" s="10">
        <v>53</v>
      </c>
      <c r="D21" s="9">
        <v>108</v>
      </c>
    </row>
    <row r="22" spans="1:4" ht="18" customHeight="1" x14ac:dyDescent="0.2">
      <c r="A22" s="8" t="s">
        <v>23</v>
      </c>
      <c r="B22" s="29">
        <v>236</v>
      </c>
      <c r="C22" s="10">
        <v>241</v>
      </c>
      <c r="D22" s="9">
        <v>477</v>
      </c>
    </row>
    <row r="23" spans="1:4" ht="18" customHeight="1" x14ac:dyDescent="0.2">
      <c r="A23" s="8" t="s">
        <v>22</v>
      </c>
      <c r="B23" s="29">
        <v>634</v>
      </c>
      <c r="C23" s="10">
        <v>645</v>
      </c>
      <c r="D23" s="9">
        <v>1279</v>
      </c>
    </row>
    <row r="24" spans="1:4" ht="18" customHeight="1" x14ac:dyDescent="0.2">
      <c r="A24" s="16">
        <v>15</v>
      </c>
      <c r="B24" s="29">
        <v>68</v>
      </c>
      <c r="C24" s="10">
        <v>46</v>
      </c>
      <c r="D24" s="9">
        <v>114</v>
      </c>
    </row>
    <row r="25" spans="1:4" ht="18" customHeight="1" x14ac:dyDescent="0.2">
      <c r="A25" s="16">
        <v>16</v>
      </c>
      <c r="B25" s="29">
        <v>61</v>
      </c>
      <c r="C25" s="10">
        <v>58</v>
      </c>
      <c r="D25" s="9">
        <v>119</v>
      </c>
    </row>
    <row r="26" spans="1:4" ht="18" customHeight="1" x14ac:dyDescent="0.2">
      <c r="A26" s="16">
        <v>17</v>
      </c>
      <c r="B26" s="29">
        <v>61</v>
      </c>
      <c r="C26" s="10">
        <v>59</v>
      </c>
      <c r="D26" s="9">
        <v>120</v>
      </c>
    </row>
    <row r="27" spans="1:4" ht="18" customHeight="1" x14ac:dyDescent="0.2">
      <c r="A27" s="16">
        <v>18</v>
      </c>
      <c r="B27" s="29">
        <v>74</v>
      </c>
      <c r="C27" s="10">
        <v>54</v>
      </c>
      <c r="D27" s="9">
        <v>128</v>
      </c>
    </row>
    <row r="28" spans="1:4" ht="18" customHeight="1" x14ac:dyDescent="0.2">
      <c r="A28" s="16">
        <v>19</v>
      </c>
      <c r="B28" s="29">
        <v>54</v>
      </c>
      <c r="C28" s="10">
        <v>49</v>
      </c>
      <c r="D28" s="9">
        <v>103</v>
      </c>
    </row>
    <row r="29" spans="1:4" ht="18" customHeight="1" x14ac:dyDescent="0.2">
      <c r="A29" s="8" t="s">
        <v>21</v>
      </c>
      <c r="B29" s="29">
        <v>318</v>
      </c>
      <c r="C29" s="10">
        <v>266</v>
      </c>
      <c r="D29" s="9">
        <v>584</v>
      </c>
    </row>
    <row r="30" spans="1:4" ht="18" customHeight="1" x14ac:dyDescent="0.2">
      <c r="A30" s="16">
        <v>20</v>
      </c>
      <c r="B30" s="29">
        <v>54</v>
      </c>
      <c r="C30" s="10">
        <v>55</v>
      </c>
      <c r="D30" s="9">
        <v>109</v>
      </c>
    </row>
    <row r="31" spans="1:4" ht="18" customHeight="1" x14ac:dyDescent="0.2">
      <c r="A31" s="16">
        <v>21</v>
      </c>
      <c r="B31" s="29">
        <v>57</v>
      </c>
      <c r="C31" s="10">
        <v>57</v>
      </c>
      <c r="D31" s="9">
        <v>114</v>
      </c>
    </row>
    <row r="32" spans="1:4" ht="18" customHeight="1" x14ac:dyDescent="0.2">
      <c r="A32" s="16">
        <v>22</v>
      </c>
      <c r="B32" s="29">
        <v>75</v>
      </c>
      <c r="C32" s="10">
        <v>53</v>
      </c>
      <c r="D32" s="9">
        <v>128</v>
      </c>
    </row>
    <row r="33" spans="1:4" ht="18" customHeight="1" x14ac:dyDescent="0.2">
      <c r="A33" s="16">
        <v>23</v>
      </c>
      <c r="B33" s="29">
        <v>57</v>
      </c>
      <c r="C33" s="10">
        <v>58</v>
      </c>
      <c r="D33" s="9">
        <v>115</v>
      </c>
    </row>
    <row r="34" spans="1:4" ht="18" customHeight="1" x14ac:dyDescent="0.2">
      <c r="A34" s="16">
        <v>24</v>
      </c>
      <c r="B34" s="29">
        <v>66</v>
      </c>
      <c r="C34" s="10">
        <v>51</v>
      </c>
      <c r="D34" s="9">
        <v>117</v>
      </c>
    </row>
    <row r="35" spans="1:4" ht="18" customHeight="1" x14ac:dyDescent="0.2">
      <c r="A35" s="8" t="s">
        <v>20</v>
      </c>
      <c r="B35" s="29">
        <v>309</v>
      </c>
      <c r="C35" s="10">
        <v>274</v>
      </c>
      <c r="D35" s="9">
        <v>583</v>
      </c>
    </row>
    <row r="36" spans="1:4" ht="18" customHeight="1" x14ac:dyDescent="0.2">
      <c r="A36" s="16">
        <v>25</v>
      </c>
      <c r="B36" s="29">
        <v>65</v>
      </c>
      <c r="C36" s="10">
        <v>64</v>
      </c>
      <c r="D36" s="9">
        <v>129</v>
      </c>
    </row>
    <row r="37" spans="1:4" ht="18" customHeight="1" x14ac:dyDescent="0.2">
      <c r="A37" s="16">
        <v>26</v>
      </c>
      <c r="B37" s="29">
        <v>66</v>
      </c>
      <c r="C37" s="10">
        <v>73</v>
      </c>
      <c r="D37" s="9">
        <v>139</v>
      </c>
    </row>
    <row r="38" spans="1:4" ht="18" customHeight="1" x14ac:dyDescent="0.2">
      <c r="A38" s="16">
        <v>27</v>
      </c>
      <c r="B38" s="29">
        <v>64</v>
      </c>
      <c r="C38" s="10">
        <v>63</v>
      </c>
      <c r="D38" s="9">
        <v>127</v>
      </c>
    </row>
    <row r="39" spans="1:4" ht="18" customHeight="1" x14ac:dyDescent="0.2">
      <c r="A39" s="16">
        <v>28</v>
      </c>
      <c r="B39" s="29">
        <v>72</v>
      </c>
      <c r="C39" s="10">
        <v>74</v>
      </c>
      <c r="D39" s="9">
        <v>146</v>
      </c>
    </row>
    <row r="40" spans="1:4" ht="18" customHeight="1" x14ac:dyDescent="0.2">
      <c r="A40" s="16">
        <v>29</v>
      </c>
      <c r="B40" s="29">
        <v>66</v>
      </c>
      <c r="C40" s="10">
        <v>58</v>
      </c>
      <c r="D40" s="9">
        <v>124</v>
      </c>
    </row>
    <row r="41" spans="1:4" ht="18" customHeight="1" x14ac:dyDescent="0.2">
      <c r="A41" s="8" t="s">
        <v>19</v>
      </c>
      <c r="B41" s="29">
        <v>333</v>
      </c>
      <c r="C41" s="10">
        <v>332</v>
      </c>
      <c r="D41" s="9">
        <v>665</v>
      </c>
    </row>
    <row r="42" spans="1:4" ht="18" customHeight="1" x14ac:dyDescent="0.2">
      <c r="A42" s="16">
        <v>30</v>
      </c>
      <c r="B42" s="29">
        <v>56</v>
      </c>
      <c r="C42" s="10">
        <v>47</v>
      </c>
      <c r="D42" s="9">
        <v>103</v>
      </c>
    </row>
    <row r="43" spans="1:4" ht="18" customHeight="1" x14ac:dyDescent="0.2">
      <c r="A43" s="16">
        <v>31</v>
      </c>
      <c r="B43" s="29">
        <v>73</v>
      </c>
      <c r="C43" s="10">
        <v>56</v>
      </c>
      <c r="D43" s="9">
        <v>129</v>
      </c>
    </row>
    <row r="44" spans="1:4" ht="18" customHeight="1" x14ac:dyDescent="0.2">
      <c r="A44" s="16">
        <v>32</v>
      </c>
      <c r="B44" s="29">
        <v>53</v>
      </c>
      <c r="C44" s="10">
        <v>49</v>
      </c>
      <c r="D44" s="9">
        <v>102</v>
      </c>
    </row>
    <row r="45" spans="1:4" ht="18" customHeight="1" x14ac:dyDescent="0.2">
      <c r="A45" s="16">
        <v>33</v>
      </c>
      <c r="B45" s="29">
        <v>52</v>
      </c>
      <c r="C45" s="10">
        <v>50</v>
      </c>
      <c r="D45" s="9">
        <v>102</v>
      </c>
    </row>
    <row r="46" spans="1:4" ht="18" customHeight="1" x14ac:dyDescent="0.2">
      <c r="A46" s="16">
        <v>34</v>
      </c>
      <c r="B46" s="29">
        <v>57</v>
      </c>
      <c r="C46" s="10">
        <v>57</v>
      </c>
      <c r="D46" s="9">
        <v>114</v>
      </c>
    </row>
    <row r="47" spans="1:4" ht="18" customHeight="1" x14ac:dyDescent="0.2">
      <c r="A47" s="8" t="s">
        <v>18</v>
      </c>
      <c r="B47" s="29">
        <v>291</v>
      </c>
      <c r="C47" s="10">
        <v>259</v>
      </c>
      <c r="D47" s="9">
        <v>550</v>
      </c>
    </row>
    <row r="48" spans="1:4" ht="18" customHeight="1" x14ac:dyDescent="0.2">
      <c r="A48" s="16">
        <v>35</v>
      </c>
      <c r="B48" s="29">
        <v>58</v>
      </c>
      <c r="C48" s="10">
        <v>59</v>
      </c>
      <c r="D48" s="9">
        <v>117</v>
      </c>
    </row>
    <row r="49" spans="1:4" ht="18" customHeight="1" x14ac:dyDescent="0.2">
      <c r="A49" s="16">
        <v>36</v>
      </c>
      <c r="B49" s="29">
        <v>53</v>
      </c>
      <c r="C49" s="10">
        <v>76</v>
      </c>
      <c r="D49" s="9">
        <v>129</v>
      </c>
    </row>
    <row r="50" spans="1:4" ht="18" customHeight="1" x14ac:dyDescent="0.2">
      <c r="A50" s="16">
        <v>37</v>
      </c>
      <c r="B50" s="29">
        <v>46</v>
      </c>
      <c r="C50" s="10">
        <v>56</v>
      </c>
      <c r="D50" s="9">
        <v>102</v>
      </c>
    </row>
    <row r="51" spans="1:4" ht="18" customHeight="1" x14ac:dyDescent="0.2">
      <c r="A51" s="16">
        <v>38</v>
      </c>
      <c r="B51" s="29">
        <v>71</v>
      </c>
      <c r="C51" s="10">
        <v>51</v>
      </c>
      <c r="D51" s="9">
        <v>122</v>
      </c>
    </row>
    <row r="52" spans="1:4" ht="18" customHeight="1" x14ac:dyDescent="0.2">
      <c r="A52" s="16">
        <v>39</v>
      </c>
      <c r="B52" s="29">
        <v>56</v>
      </c>
      <c r="C52" s="10">
        <v>68</v>
      </c>
      <c r="D52" s="9">
        <v>124</v>
      </c>
    </row>
    <row r="53" spans="1:4" ht="18" customHeight="1" x14ac:dyDescent="0.2">
      <c r="A53" s="8" t="s">
        <v>17</v>
      </c>
      <c r="B53" s="29">
        <v>284</v>
      </c>
      <c r="C53" s="10">
        <v>310</v>
      </c>
      <c r="D53" s="9">
        <v>594</v>
      </c>
    </row>
    <row r="54" spans="1:4" ht="18" customHeight="1" x14ac:dyDescent="0.2">
      <c r="A54" s="16">
        <v>40</v>
      </c>
      <c r="B54" s="29">
        <v>71</v>
      </c>
      <c r="C54" s="10">
        <v>47</v>
      </c>
      <c r="D54" s="9">
        <v>118</v>
      </c>
    </row>
    <row r="55" spans="1:4" ht="18" customHeight="1" x14ac:dyDescent="0.2">
      <c r="A55" s="16">
        <v>41</v>
      </c>
      <c r="B55" s="29">
        <v>77</v>
      </c>
      <c r="C55" s="10">
        <v>73</v>
      </c>
      <c r="D55" s="9">
        <v>150</v>
      </c>
    </row>
    <row r="56" spans="1:4" ht="18" customHeight="1" x14ac:dyDescent="0.2">
      <c r="A56" s="16">
        <v>42</v>
      </c>
      <c r="B56" s="29">
        <v>65</v>
      </c>
      <c r="C56" s="10">
        <v>58</v>
      </c>
      <c r="D56" s="9">
        <v>123</v>
      </c>
    </row>
    <row r="57" spans="1:4" ht="18" customHeight="1" x14ac:dyDescent="0.2">
      <c r="A57" s="16">
        <v>43</v>
      </c>
      <c r="B57" s="29">
        <v>73</v>
      </c>
      <c r="C57" s="10">
        <v>56</v>
      </c>
      <c r="D57" s="9">
        <v>129</v>
      </c>
    </row>
    <row r="58" spans="1:4" ht="18" customHeight="1" x14ac:dyDescent="0.2">
      <c r="A58" s="16">
        <v>44</v>
      </c>
      <c r="B58" s="29">
        <v>78</v>
      </c>
      <c r="C58" s="10">
        <v>72</v>
      </c>
      <c r="D58" s="9">
        <v>150</v>
      </c>
    </row>
    <row r="59" spans="1:4" ht="18" customHeight="1" x14ac:dyDescent="0.2">
      <c r="A59" s="8" t="s">
        <v>16</v>
      </c>
      <c r="B59" s="29">
        <v>364</v>
      </c>
      <c r="C59" s="10">
        <v>306</v>
      </c>
      <c r="D59" s="9">
        <v>670</v>
      </c>
    </row>
    <row r="60" spans="1:4" ht="18" customHeight="1" x14ac:dyDescent="0.2">
      <c r="A60" s="16">
        <v>45</v>
      </c>
      <c r="B60" s="29">
        <v>100</v>
      </c>
      <c r="C60" s="10">
        <v>94</v>
      </c>
      <c r="D60" s="9">
        <v>194</v>
      </c>
    </row>
    <row r="61" spans="1:4" ht="18" customHeight="1" x14ac:dyDescent="0.2">
      <c r="A61" s="16">
        <v>46</v>
      </c>
      <c r="B61" s="29">
        <v>74</v>
      </c>
      <c r="C61" s="10">
        <v>88</v>
      </c>
      <c r="D61" s="9">
        <v>162</v>
      </c>
    </row>
    <row r="62" spans="1:4" ht="18" customHeight="1" x14ac:dyDescent="0.2">
      <c r="A62" s="16">
        <v>47</v>
      </c>
      <c r="B62" s="29">
        <v>101</v>
      </c>
      <c r="C62" s="10">
        <v>92</v>
      </c>
      <c r="D62" s="9">
        <v>193</v>
      </c>
    </row>
    <row r="63" spans="1:4" ht="18" customHeight="1" x14ac:dyDescent="0.2">
      <c r="A63" s="16">
        <v>48</v>
      </c>
      <c r="B63" s="29">
        <v>102</v>
      </c>
      <c r="C63" s="10">
        <v>106</v>
      </c>
      <c r="D63" s="9">
        <v>208</v>
      </c>
    </row>
    <row r="64" spans="1:4" ht="18" customHeight="1" x14ac:dyDescent="0.2">
      <c r="A64" s="16">
        <v>49</v>
      </c>
      <c r="B64" s="29">
        <v>100</v>
      </c>
      <c r="C64" s="10">
        <v>101</v>
      </c>
      <c r="D64" s="9">
        <v>201</v>
      </c>
    </row>
    <row r="65" spans="1:4" ht="18" customHeight="1" x14ac:dyDescent="0.2">
      <c r="A65" s="8" t="s">
        <v>15</v>
      </c>
      <c r="B65" s="29">
        <v>477</v>
      </c>
      <c r="C65" s="10">
        <v>481</v>
      </c>
      <c r="D65" s="9">
        <v>958</v>
      </c>
    </row>
    <row r="66" spans="1:4" ht="18" customHeight="1" x14ac:dyDescent="0.2">
      <c r="A66" s="16">
        <v>50</v>
      </c>
      <c r="B66" s="29">
        <v>117</v>
      </c>
      <c r="C66" s="10">
        <v>108</v>
      </c>
      <c r="D66" s="9">
        <v>225</v>
      </c>
    </row>
    <row r="67" spans="1:4" ht="18" customHeight="1" x14ac:dyDescent="0.2">
      <c r="A67" s="16">
        <v>51</v>
      </c>
      <c r="B67" s="29">
        <v>97</v>
      </c>
      <c r="C67" s="10">
        <v>108</v>
      </c>
      <c r="D67" s="9">
        <v>205</v>
      </c>
    </row>
    <row r="68" spans="1:4" ht="18" customHeight="1" x14ac:dyDescent="0.2">
      <c r="A68" s="16">
        <v>52</v>
      </c>
      <c r="B68" s="29">
        <v>91</v>
      </c>
      <c r="C68" s="10">
        <v>87</v>
      </c>
      <c r="D68" s="9">
        <v>178</v>
      </c>
    </row>
    <row r="69" spans="1:4" ht="18" customHeight="1" x14ac:dyDescent="0.2">
      <c r="A69" s="16">
        <v>53</v>
      </c>
      <c r="B69" s="29">
        <v>110</v>
      </c>
      <c r="C69" s="10">
        <v>79</v>
      </c>
      <c r="D69" s="9">
        <v>189</v>
      </c>
    </row>
    <row r="70" spans="1:4" ht="18" customHeight="1" x14ac:dyDescent="0.2">
      <c r="A70" s="16">
        <v>54</v>
      </c>
      <c r="B70" s="29">
        <v>85</v>
      </c>
      <c r="C70" s="10">
        <v>88</v>
      </c>
      <c r="D70" s="9">
        <v>173</v>
      </c>
    </row>
    <row r="71" spans="1:4" ht="18" customHeight="1" x14ac:dyDescent="0.2">
      <c r="A71" s="8" t="s">
        <v>14</v>
      </c>
      <c r="B71" s="29">
        <v>500</v>
      </c>
      <c r="C71" s="10">
        <v>470</v>
      </c>
      <c r="D71" s="9">
        <v>970</v>
      </c>
    </row>
    <row r="72" spans="1:4" ht="18" customHeight="1" x14ac:dyDescent="0.2">
      <c r="A72" s="16">
        <v>55</v>
      </c>
      <c r="B72" s="29">
        <v>88</v>
      </c>
      <c r="C72" s="10">
        <v>92</v>
      </c>
      <c r="D72" s="9">
        <v>180</v>
      </c>
    </row>
    <row r="73" spans="1:4" ht="18" customHeight="1" x14ac:dyDescent="0.2">
      <c r="A73" s="16">
        <v>56</v>
      </c>
      <c r="B73" s="29">
        <v>70</v>
      </c>
      <c r="C73" s="10">
        <v>108</v>
      </c>
      <c r="D73" s="9">
        <v>178</v>
      </c>
    </row>
    <row r="74" spans="1:4" ht="18" customHeight="1" x14ac:dyDescent="0.2">
      <c r="A74" s="16">
        <v>57</v>
      </c>
      <c r="B74" s="29">
        <v>82</v>
      </c>
      <c r="C74" s="10">
        <v>64</v>
      </c>
      <c r="D74" s="9">
        <v>146</v>
      </c>
    </row>
    <row r="75" spans="1:4" ht="18" customHeight="1" x14ac:dyDescent="0.2">
      <c r="A75" s="16">
        <v>58</v>
      </c>
      <c r="B75" s="29">
        <v>83</v>
      </c>
      <c r="C75" s="10">
        <v>91</v>
      </c>
      <c r="D75" s="9">
        <v>174</v>
      </c>
    </row>
    <row r="76" spans="1:4" ht="18" customHeight="1" x14ac:dyDescent="0.2">
      <c r="A76" s="16">
        <v>59</v>
      </c>
      <c r="B76" s="29">
        <v>70</v>
      </c>
      <c r="C76" s="10">
        <v>58</v>
      </c>
      <c r="D76" s="9">
        <v>128</v>
      </c>
    </row>
    <row r="77" spans="1:4" ht="18" customHeight="1" x14ac:dyDescent="0.2">
      <c r="A77" s="8" t="s">
        <v>13</v>
      </c>
      <c r="B77" s="29">
        <v>393</v>
      </c>
      <c r="C77" s="10">
        <v>413</v>
      </c>
      <c r="D77" s="9">
        <v>806</v>
      </c>
    </row>
    <row r="78" spans="1:4" ht="18" customHeight="1" x14ac:dyDescent="0.2">
      <c r="A78" s="16">
        <v>60</v>
      </c>
      <c r="B78" s="29">
        <v>82</v>
      </c>
      <c r="C78" s="10">
        <v>82</v>
      </c>
      <c r="D78" s="9">
        <v>164</v>
      </c>
    </row>
    <row r="79" spans="1:4" ht="18" customHeight="1" x14ac:dyDescent="0.2">
      <c r="A79" s="16">
        <v>61</v>
      </c>
      <c r="B79" s="29">
        <v>50</v>
      </c>
      <c r="C79" s="10">
        <v>49</v>
      </c>
      <c r="D79" s="9">
        <v>99</v>
      </c>
    </row>
    <row r="80" spans="1:4" ht="18" customHeight="1" x14ac:dyDescent="0.2">
      <c r="A80" s="16">
        <v>62</v>
      </c>
      <c r="B80" s="29">
        <v>64</v>
      </c>
      <c r="C80" s="10">
        <v>59</v>
      </c>
      <c r="D80" s="9">
        <v>123</v>
      </c>
    </row>
    <row r="81" spans="1:4" ht="18" customHeight="1" x14ac:dyDescent="0.2">
      <c r="A81" s="16">
        <v>63</v>
      </c>
      <c r="B81" s="29">
        <v>61</v>
      </c>
      <c r="C81" s="10">
        <v>61</v>
      </c>
      <c r="D81" s="9">
        <v>122</v>
      </c>
    </row>
    <row r="82" spans="1:4" ht="18" customHeight="1" x14ac:dyDescent="0.2">
      <c r="A82" s="16">
        <v>64</v>
      </c>
      <c r="B82" s="29">
        <v>54</v>
      </c>
      <c r="C82" s="10">
        <v>66</v>
      </c>
      <c r="D82" s="9">
        <v>120</v>
      </c>
    </row>
    <row r="83" spans="1:4" ht="18" customHeight="1" x14ac:dyDescent="0.2">
      <c r="A83" s="8" t="s">
        <v>12</v>
      </c>
      <c r="B83" s="29">
        <v>311</v>
      </c>
      <c r="C83" s="10">
        <v>317</v>
      </c>
      <c r="D83" s="9">
        <v>628</v>
      </c>
    </row>
    <row r="84" spans="1:4" ht="18" customHeight="1" x14ac:dyDescent="0.2">
      <c r="A84" s="8" t="s">
        <v>11</v>
      </c>
      <c r="B84" s="29">
        <v>3580</v>
      </c>
      <c r="C84" s="10">
        <v>3428</v>
      </c>
      <c r="D84" s="9">
        <v>7008</v>
      </c>
    </row>
    <row r="85" spans="1:4" ht="18" customHeight="1" x14ac:dyDescent="0.2">
      <c r="A85" s="16">
        <v>65</v>
      </c>
      <c r="B85" s="29">
        <v>50</v>
      </c>
      <c r="C85" s="10">
        <v>58</v>
      </c>
      <c r="D85" s="9">
        <v>108</v>
      </c>
    </row>
    <row r="86" spans="1:4" ht="18" customHeight="1" x14ac:dyDescent="0.2">
      <c r="A86" s="16">
        <v>66</v>
      </c>
      <c r="B86" s="29">
        <v>59</v>
      </c>
      <c r="C86" s="10">
        <v>61</v>
      </c>
      <c r="D86" s="9">
        <v>120</v>
      </c>
    </row>
    <row r="87" spans="1:4" ht="18" customHeight="1" x14ac:dyDescent="0.2">
      <c r="A87" s="16">
        <v>67</v>
      </c>
      <c r="B87" s="29">
        <v>51</v>
      </c>
      <c r="C87" s="10">
        <v>65</v>
      </c>
      <c r="D87" s="9">
        <v>116</v>
      </c>
    </row>
    <row r="88" spans="1:4" ht="18" customHeight="1" x14ac:dyDescent="0.2">
      <c r="A88" s="16">
        <v>68</v>
      </c>
      <c r="B88" s="29">
        <v>51</v>
      </c>
      <c r="C88" s="10">
        <v>71</v>
      </c>
      <c r="D88" s="9">
        <v>122</v>
      </c>
    </row>
    <row r="89" spans="1:4" ht="18" customHeight="1" x14ac:dyDescent="0.2">
      <c r="A89" s="16">
        <v>69</v>
      </c>
      <c r="B89" s="29">
        <v>54</v>
      </c>
      <c r="C89" s="10">
        <v>55</v>
      </c>
      <c r="D89" s="9">
        <v>109</v>
      </c>
    </row>
    <row r="90" spans="1:4" ht="18" customHeight="1" x14ac:dyDescent="0.2">
      <c r="A90" s="8" t="s">
        <v>10</v>
      </c>
      <c r="B90" s="29">
        <v>265</v>
      </c>
      <c r="C90" s="10">
        <v>310</v>
      </c>
      <c r="D90" s="9">
        <v>575</v>
      </c>
    </row>
    <row r="91" spans="1:4" ht="18" customHeight="1" x14ac:dyDescent="0.2">
      <c r="A91" s="16">
        <v>70</v>
      </c>
      <c r="B91" s="29">
        <v>67</v>
      </c>
      <c r="C91" s="10">
        <v>69</v>
      </c>
      <c r="D91" s="9">
        <v>136</v>
      </c>
    </row>
    <row r="92" spans="1:4" ht="18" customHeight="1" x14ac:dyDescent="0.2">
      <c r="A92" s="16">
        <v>71</v>
      </c>
      <c r="B92" s="29">
        <v>49</v>
      </c>
      <c r="C92" s="10">
        <v>64</v>
      </c>
      <c r="D92" s="9">
        <v>113</v>
      </c>
    </row>
    <row r="93" spans="1:4" ht="18" customHeight="1" x14ac:dyDescent="0.2">
      <c r="A93" s="16">
        <v>72</v>
      </c>
      <c r="B93" s="29">
        <v>64</v>
      </c>
      <c r="C93" s="10">
        <v>78</v>
      </c>
      <c r="D93" s="9">
        <v>142</v>
      </c>
    </row>
    <row r="94" spans="1:4" ht="18" customHeight="1" x14ac:dyDescent="0.2">
      <c r="A94" s="16">
        <v>73</v>
      </c>
      <c r="B94" s="29">
        <v>81</v>
      </c>
      <c r="C94" s="10">
        <v>111</v>
      </c>
      <c r="D94" s="9">
        <v>192</v>
      </c>
    </row>
    <row r="95" spans="1:4" ht="18" customHeight="1" x14ac:dyDescent="0.2">
      <c r="A95" s="16">
        <v>74</v>
      </c>
      <c r="B95" s="29">
        <v>81</v>
      </c>
      <c r="C95" s="10">
        <v>96</v>
      </c>
      <c r="D95" s="9">
        <v>177</v>
      </c>
    </row>
    <row r="96" spans="1:4" ht="18" customHeight="1" x14ac:dyDescent="0.2">
      <c r="A96" s="8" t="s">
        <v>9</v>
      </c>
      <c r="B96" s="29">
        <v>342</v>
      </c>
      <c r="C96" s="10">
        <v>418</v>
      </c>
      <c r="D96" s="9">
        <v>760</v>
      </c>
    </row>
    <row r="97" spans="1:4" ht="18" customHeight="1" x14ac:dyDescent="0.2">
      <c r="A97" s="16">
        <v>75</v>
      </c>
      <c r="B97" s="29">
        <v>82</v>
      </c>
      <c r="C97" s="10">
        <v>102</v>
      </c>
      <c r="D97" s="9">
        <v>184</v>
      </c>
    </row>
    <row r="98" spans="1:4" ht="18" customHeight="1" x14ac:dyDescent="0.2">
      <c r="A98" s="16">
        <v>76</v>
      </c>
      <c r="B98" s="29">
        <v>91</v>
      </c>
      <c r="C98" s="10">
        <v>97</v>
      </c>
      <c r="D98" s="9">
        <v>188</v>
      </c>
    </row>
    <row r="99" spans="1:4" ht="18" customHeight="1" x14ac:dyDescent="0.2">
      <c r="A99" s="16">
        <v>77</v>
      </c>
      <c r="B99" s="29">
        <v>46</v>
      </c>
      <c r="C99" s="10">
        <v>49</v>
      </c>
      <c r="D99" s="9">
        <v>95</v>
      </c>
    </row>
    <row r="100" spans="1:4" ht="18" customHeight="1" x14ac:dyDescent="0.2">
      <c r="A100" s="16">
        <v>78</v>
      </c>
      <c r="B100" s="29">
        <v>50</v>
      </c>
      <c r="C100" s="10">
        <v>62</v>
      </c>
      <c r="D100" s="9">
        <v>112</v>
      </c>
    </row>
    <row r="101" spans="1:4" ht="18" customHeight="1" x14ac:dyDescent="0.2">
      <c r="A101" s="16">
        <v>79</v>
      </c>
      <c r="B101" s="29">
        <v>58</v>
      </c>
      <c r="C101" s="10">
        <v>85</v>
      </c>
      <c r="D101" s="9">
        <v>143</v>
      </c>
    </row>
    <row r="102" spans="1:4" ht="18" customHeight="1" x14ac:dyDescent="0.2">
      <c r="A102" s="8" t="s">
        <v>8</v>
      </c>
      <c r="B102" s="29">
        <v>327</v>
      </c>
      <c r="C102" s="10">
        <v>395</v>
      </c>
      <c r="D102" s="9">
        <v>722</v>
      </c>
    </row>
    <row r="103" spans="1:4" ht="18" customHeight="1" x14ac:dyDescent="0.2">
      <c r="A103" s="16">
        <v>80</v>
      </c>
      <c r="B103" s="29">
        <v>53</v>
      </c>
      <c r="C103" s="10">
        <v>70</v>
      </c>
      <c r="D103" s="9">
        <v>123</v>
      </c>
    </row>
    <row r="104" spans="1:4" ht="18" customHeight="1" x14ac:dyDescent="0.2">
      <c r="A104" s="16">
        <v>81</v>
      </c>
      <c r="B104" s="29">
        <v>47</v>
      </c>
      <c r="C104" s="10">
        <v>70</v>
      </c>
      <c r="D104" s="9">
        <v>117</v>
      </c>
    </row>
    <row r="105" spans="1:4" ht="18" customHeight="1" x14ac:dyDescent="0.2">
      <c r="A105" s="16">
        <v>82</v>
      </c>
      <c r="B105" s="29">
        <v>49</v>
      </c>
      <c r="C105" s="10">
        <v>63</v>
      </c>
      <c r="D105" s="9">
        <v>112</v>
      </c>
    </row>
    <row r="106" spans="1:4" ht="18" customHeight="1" x14ac:dyDescent="0.2">
      <c r="A106" s="16">
        <v>83</v>
      </c>
      <c r="B106" s="29">
        <v>43</v>
      </c>
      <c r="C106" s="10">
        <v>59</v>
      </c>
      <c r="D106" s="9">
        <v>102</v>
      </c>
    </row>
    <row r="107" spans="1:4" ht="18" customHeight="1" x14ac:dyDescent="0.2">
      <c r="A107" s="16">
        <v>84</v>
      </c>
      <c r="B107" s="29">
        <v>33</v>
      </c>
      <c r="C107" s="10">
        <v>36</v>
      </c>
      <c r="D107" s="9">
        <v>69</v>
      </c>
    </row>
    <row r="108" spans="1:4" ht="18" customHeight="1" x14ac:dyDescent="0.2">
      <c r="A108" s="8" t="s">
        <v>7</v>
      </c>
      <c r="B108" s="29">
        <v>225</v>
      </c>
      <c r="C108" s="10">
        <v>298</v>
      </c>
      <c r="D108" s="9">
        <v>523</v>
      </c>
    </row>
    <row r="109" spans="1:4" ht="18" customHeight="1" x14ac:dyDescent="0.2">
      <c r="A109" s="16">
        <v>85</v>
      </c>
      <c r="B109" s="29">
        <v>32</v>
      </c>
      <c r="C109" s="10">
        <v>55</v>
      </c>
      <c r="D109" s="9">
        <v>87</v>
      </c>
    </row>
    <row r="110" spans="1:4" ht="18" customHeight="1" x14ac:dyDescent="0.2">
      <c r="A110" s="16">
        <v>86</v>
      </c>
      <c r="B110" s="29">
        <v>37</v>
      </c>
      <c r="C110" s="10">
        <v>43</v>
      </c>
      <c r="D110" s="9">
        <v>80</v>
      </c>
    </row>
    <row r="111" spans="1:4" ht="18" customHeight="1" x14ac:dyDescent="0.2">
      <c r="A111" s="16">
        <v>87</v>
      </c>
      <c r="B111" s="29">
        <v>24</v>
      </c>
      <c r="C111" s="10">
        <v>54</v>
      </c>
      <c r="D111" s="9">
        <v>78</v>
      </c>
    </row>
    <row r="112" spans="1:4" ht="18" customHeight="1" x14ac:dyDescent="0.2">
      <c r="A112" s="16">
        <v>88</v>
      </c>
      <c r="B112" s="29">
        <v>19</v>
      </c>
      <c r="C112" s="10">
        <v>23</v>
      </c>
      <c r="D112" s="9">
        <v>42</v>
      </c>
    </row>
    <row r="113" spans="1:4" ht="18" customHeight="1" x14ac:dyDescent="0.2">
      <c r="A113" s="16">
        <v>89</v>
      </c>
      <c r="B113" s="29">
        <v>11</v>
      </c>
      <c r="C113" s="10">
        <v>34</v>
      </c>
      <c r="D113" s="9">
        <v>45</v>
      </c>
    </row>
    <row r="114" spans="1:4" ht="18" customHeight="1" x14ac:dyDescent="0.2">
      <c r="A114" s="8" t="s">
        <v>6</v>
      </c>
      <c r="B114" s="29">
        <v>123</v>
      </c>
      <c r="C114" s="10">
        <v>209</v>
      </c>
      <c r="D114" s="9">
        <v>332</v>
      </c>
    </row>
    <row r="115" spans="1:4" ht="18" customHeight="1" x14ac:dyDescent="0.2">
      <c r="A115" s="16">
        <v>90</v>
      </c>
      <c r="B115" s="29">
        <v>13</v>
      </c>
      <c r="C115" s="10">
        <v>32</v>
      </c>
      <c r="D115" s="9">
        <v>45</v>
      </c>
    </row>
    <row r="116" spans="1:4" ht="18" customHeight="1" x14ac:dyDescent="0.2">
      <c r="A116" s="16">
        <v>91</v>
      </c>
      <c r="B116" s="29">
        <v>12</v>
      </c>
      <c r="C116" s="10">
        <v>21</v>
      </c>
      <c r="D116" s="9">
        <v>33</v>
      </c>
    </row>
    <row r="117" spans="1:4" ht="18" customHeight="1" x14ac:dyDescent="0.2">
      <c r="A117" s="16">
        <v>92</v>
      </c>
      <c r="B117" s="29">
        <v>6</v>
      </c>
      <c r="C117" s="10">
        <v>22</v>
      </c>
      <c r="D117" s="9">
        <v>28</v>
      </c>
    </row>
    <row r="118" spans="1:4" ht="18" customHeight="1" x14ac:dyDescent="0.2">
      <c r="A118" s="16">
        <v>93</v>
      </c>
      <c r="B118" s="29">
        <v>4</v>
      </c>
      <c r="C118" s="10">
        <v>14</v>
      </c>
      <c r="D118" s="9">
        <v>18</v>
      </c>
    </row>
    <row r="119" spans="1:4" ht="18" customHeight="1" x14ac:dyDescent="0.2">
      <c r="A119" s="16">
        <v>94</v>
      </c>
      <c r="B119" s="29">
        <v>6</v>
      </c>
      <c r="C119" s="10">
        <v>10</v>
      </c>
      <c r="D119" s="9">
        <v>16</v>
      </c>
    </row>
    <row r="120" spans="1:4" ht="18" customHeight="1" x14ac:dyDescent="0.2">
      <c r="A120" s="8" t="s">
        <v>5</v>
      </c>
      <c r="B120" s="29">
        <v>41</v>
      </c>
      <c r="C120" s="10">
        <v>99</v>
      </c>
      <c r="D120" s="9">
        <v>140</v>
      </c>
    </row>
    <row r="121" spans="1:4" ht="18" customHeight="1" x14ac:dyDescent="0.2">
      <c r="A121" s="16">
        <v>95</v>
      </c>
      <c r="B121" s="29">
        <v>0</v>
      </c>
      <c r="C121" s="10">
        <v>13</v>
      </c>
      <c r="D121" s="9">
        <v>13</v>
      </c>
    </row>
    <row r="122" spans="1:4" ht="18" customHeight="1" x14ac:dyDescent="0.2">
      <c r="A122" s="16">
        <v>96</v>
      </c>
      <c r="B122" s="29">
        <v>1</v>
      </c>
      <c r="C122" s="10">
        <v>7</v>
      </c>
      <c r="D122" s="9">
        <v>8</v>
      </c>
    </row>
    <row r="123" spans="1:4" ht="18" customHeight="1" x14ac:dyDescent="0.2">
      <c r="A123" s="16">
        <v>97</v>
      </c>
      <c r="B123" s="29">
        <v>3</v>
      </c>
      <c r="C123" s="10">
        <v>5</v>
      </c>
      <c r="D123" s="9">
        <v>8</v>
      </c>
    </row>
    <row r="124" spans="1:4" ht="18" customHeight="1" x14ac:dyDescent="0.2">
      <c r="A124" s="16">
        <v>98</v>
      </c>
      <c r="B124" s="29">
        <v>1</v>
      </c>
      <c r="C124" s="10">
        <v>7</v>
      </c>
      <c r="D124" s="9">
        <v>8</v>
      </c>
    </row>
    <row r="125" spans="1:4" ht="18" customHeight="1" x14ac:dyDescent="0.2">
      <c r="A125" s="16">
        <v>99</v>
      </c>
      <c r="B125" s="29">
        <v>0</v>
      </c>
      <c r="C125" s="10">
        <v>3</v>
      </c>
      <c r="D125" s="9">
        <v>3</v>
      </c>
    </row>
    <row r="126" spans="1:4" ht="18" customHeight="1" x14ac:dyDescent="0.2">
      <c r="A126" s="8" t="s">
        <v>4</v>
      </c>
      <c r="B126" s="29">
        <v>5</v>
      </c>
      <c r="C126" s="10">
        <v>35</v>
      </c>
      <c r="D126" s="9">
        <v>40</v>
      </c>
    </row>
    <row r="127" spans="1:4" ht="18" customHeight="1" x14ac:dyDescent="0.2">
      <c r="A127" s="16">
        <v>100</v>
      </c>
      <c r="B127" s="29">
        <v>2</v>
      </c>
      <c r="C127" s="10">
        <v>0</v>
      </c>
      <c r="D127" s="9">
        <v>2</v>
      </c>
    </row>
    <row r="128" spans="1:4" ht="18" customHeight="1" x14ac:dyDescent="0.2">
      <c r="A128" s="15" t="s">
        <v>3</v>
      </c>
      <c r="B128" s="29">
        <v>0</v>
      </c>
      <c r="C128" s="10">
        <v>5</v>
      </c>
      <c r="D128" s="9">
        <v>5</v>
      </c>
    </row>
    <row r="129" spans="1:4" ht="18" customHeight="1" x14ac:dyDescent="0.2">
      <c r="A129" s="8" t="s">
        <v>2</v>
      </c>
      <c r="B129" s="29">
        <v>2</v>
      </c>
      <c r="C129" s="10">
        <v>5</v>
      </c>
      <c r="D129" s="9">
        <v>7</v>
      </c>
    </row>
    <row r="130" spans="1:4" ht="18" customHeight="1" x14ac:dyDescent="0.2">
      <c r="A130" s="8" t="s">
        <v>1</v>
      </c>
      <c r="B130" s="28">
        <v>1330</v>
      </c>
      <c r="C130" s="6">
        <v>1769</v>
      </c>
      <c r="D130" s="5">
        <v>3099</v>
      </c>
    </row>
    <row r="131" spans="1:4" ht="18" customHeight="1" x14ac:dyDescent="0.2">
      <c r="A131" s="4" t="s">
        <v>0</v>
      </c>
      <c r="B131" s="27">
        <v>5544</v>
      </c>
      <c r="C131" s="2">
        <v>5842</v>
      </c>
      <c r="D131" s="1">
        <v>1138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F2F6E9D-7A32-4D32-93BA-D68649C547FE}">
  <sheetPr codeName="Sheet1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32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14</v>
      </c>
      <c r="C5" s="18">
        <v>17</v>
      </c>
      <c r="D5" s="17">
        <v>31</v>
      </c>
    </row>
    <row r="6" spans="1:4" ht="18" customHeight="1" x14ac:dyDescent="0.2">
      <c r="A6" s="16">
        <v>1</v>
      </c>
      <c r="B6" s="29">
        <v>16</v>
      </c>
      <c r="C6" s="10">
        <v>19</v>
      </c>
      <c r="D6" s="9">
        <v>35</v>
      </c>
    </row>
    <row r="7" spans="1:4" ht="18" customHeight="1" x14ac:dyDescent="0.2">
      <c r="A7" s="16">
        <v>2</v>
      </c>
      <c r="B7" s="29">
        <v>15</v>
      </c>
      <c r="C7" s="10">
        <v>19</v>
      </c>
      <c r="D7" s="9">
        <v>34</v>
      </c>
    </row>
    <row r="8" spans="1:4" ht="18" customHeight="1" x14ac:dyDescent="0.2">
      <c r="A8" s="16">
        <v>3</v>
      </c>
      <c r="B8" s="29">
        <v>20</v>
      </c>
      <c r="C8" s="10">
        <v>14</v>
      </c>
      <c r="D8" s="9">
        <v>34</v>
      </c>
    </row>
    <row r="9" spans="1:4" ht="18" customHeight="1" x14ac:dyDescent="0.2">
      <c r="A9" s="16">
        <v>4</v>
      </c>
      <c r="B9" s="29">
        <v>15</v>
      </c>
      <c r="C9" s="10">
        <v>16</v>
      </c>
      <c r="D9" s="9">
        <v>31</v>
      </c>
    </row>
    <row r="10" spans="1:4" ht="18" customHeight="1" x14ac:dyDescent="0.2">
      <c r="A10" s="8" t="s">
        <v>25</v>
      </c>
      <c r="B10" s="29">
        <v>80</v>
      </c>
      <c r="C10" s="10">
        <v>85</v>
      </c>
      <c r="D10" s="9">
        <v>165</v>
      </c>
    </row>
    <row r="11" spans="1:4" ht="18" customHeight="1" x14ac:dyDescent="0.2">
      <c r="A11" s="16">
        <v>5</v>
      </c>
      <c r="B11" s="29">
        <v>19</v>
      </c>
      <c r="C11" s="10">
        <v>14</v>
      </c>
      <c r="D11" s="9">
        <v>33</v>
      </c>
    </row>
    <row r="12" spans="1:4" ht="18" customHeight="1" x14ac:dyDescent="0.2">
      <c r="A12" s="16">
        <v>6</v>
      </c>
      <c r="B12" s="29">
        <v>19</v>
      </c>
      <c r="C12" s="10">
        <v>20</v>
      </c>
      <c r="D12" s="9">
        <v>39</v>
      </c>
    </row>
    <row r="13" spans="1:4" ht="18" customHeight="1" x14ac:dyDescent="0.2">
      <c r="A13" s="16">
        <v>7</v>
      </c>
      <c r="B13" s="29">
        <v>25</v>
      </c>
      <c r="C13" s="10">
        <v>20</v>
      </c>
      <c r="D13" s="9">
        <v>45</v>
      </c>
    </row>
    <row r="14" spans="1:4" ht="18" customHeight="1" x14ac:dyDescent="0.2">
      <c r="A14" s="16">
        <v>8</v>
      </c>
      <c r="B14" s="29">
        <v>14</v>
      </c>
      <c r="C14" s="10">
        <v>28</v>
      </c>
      <c r="D14" s="9">
        <v>42</v>
      </c>
    </row>
    <row r="15" spans="1:4" ht="18" customHeight="1" x14ac:dyDescent="0.2">
      <c r="A15" s="16">
        <v>9</v>
      </c>
      <c r="B15" s="29">
        <v>24</v>
      </c>
      <c r="C15" s="10">
        <v>29</v>
      </c>
      <c r="D15" s="9">
        <v>53</v>
      </c>
    </row>
    <row r="16" spans="1:4" ht="18" customHeight="1" x14ac:dyDescent="0.2">
      <c r="A16" s="8" t="s">
        <v>24</v>
      </c>
      <c r="B16" s="29">
        <v>101</v>
      </c>
      <c r="C16" s="10">
        <v>111</v>
      </c>
      <c r="D16" s="9">
        <v>212</v>
      </c>
    </row>
    <row r="17" spans="1:4" ht="18" customHeight="1" x14ac:dyDescent="0.2">
      <c r="A17" s="16">
        <v>10</v>
      </c>
      <c r="B17" s="29">
        <v>17</v>
      </c>
      <c r="C17" s="10">
        <v>10</v>
      </c>
      <c r="D17" s="9">
        <v>27</v>
      </c>
    </row>
    <row r="18" spans="1:4" ht="18" customHeight="1" x14ac:dyDescent="0.2">
      <c r="A18" s="16">
        <v>11</v>
      </c>
      <c r="B18" s="29">
        <v>26</v>
      </c>
      <c r="C18" s="10">
        <v>15</v>
      </c>
      <c r="D18" s="9">
        <v>41</v>
      </c>
    </row>
    <row r="19" spans="1:4" ht="18" customHeight="1" x14ac:dyDescent="0.2">
      <c r="A19" s="16">
        <v>12</v>
      </c>
      <c r="B19" s="29">
        <v>31</v>
      </c>
      <c r="C19" s="10">
        <v>21</v>
      </c>
      <c r="D19" s="9">
        <v>52</v>
      </c>
    </row>
    <row r="20" spans="1:4" ht="18" customHeight="1" x14ac:dyDescent="0.2">
      <c r="A20" s="16">
        <v>13</v>
      </c>
      <c r="B20" s="29">
        <v>22</v>
      </c>
      <c r="C20" s="10">
        <v>21</v>
      </c>
      <c r="D20" s="9">
        <v>43</v>
      </c>
    </row>
    <row r="21" spans="1:4" ht="18" customHeight="1" x14ac:dyDescent="0.2">
      <c r="A21" s="16">
        <v>14</v>
      </c>
      <c r="B21" s="29">
        <v>18</v>
      </c>
      <c r="C21" s="10">
        <v>19</v>
      </c>
      <c r="D21" s="9">
        <v>37</v>
      </c>
    </row>
    <row r="22" spans="1:4" ht="18" customHeight="1" x14ac:dyDescent="0.2">
      <c r="A22" s="8" t="s">
        <v>23</v>
      </c>
      <c r="B22" s="29">
        <v>114</v>
      </c>
      <c r="C22" s="10">
        <v>86</v>
      </c>
      <c r="D22" s="9">
        <v>200</v>
      </c>
    </row>
    <row r="23" spans="1:4" ht="18" customHeight="1" x14ac:dyDescent="0.2">
      <c r="A23" s="8" t="s">
        <v>22</v>
      </c>
      <c r="B23" s="29">
        <v>295</v>
      </c>
      <c r="C23" s="10">
        <v>282</v>
      </c>
      <c r="D23" s="9">
        <v>577</v>
      </c>
    </row>
    <row r="24" spans="1:4" ht="18" customHeight="1" x14ac:dyDescent="0.2">
      <c r="A24" s="16">
        <v>15</v>
      </c>
      <c r="B24" s="29">
        <v>14</v>
      </c>
      <c r="C24" s="10">
        <v>12</v>
      </c>
      <c r="D24" s="9">
        <v>26</v>
      </c>
    </row>
    <row r="25" spans="1:4" ht="18" customHeight="1" x14ac:dyDescent="0.2">
      <c r="A25" s="16">
        <v>16</v>
      </c>
      <c r="B25" s="29">
        <v>11</v>
      </c>
      <c r="C25" s="10">
        <v>23</v>
      </c>
      <c r="D25" s="9">
        <v>34</v>
      </c>
    </row>
    <row r="26" spans="1:4" ht="18" customHeight="1" x14ac:dyDescent="0.2">
      <c r="A26" s="16">
        <v>17</v>
      </c>
      <c r="B26" s="29">
        <v>20</v>
      </c>
      <c r="C26" s="10">
        <v>36</v>
      </c>
      <c r="D26" s="9">
        <v>56</v>
      </c>
    </row>
    <row r="27" spans="1:4" ht="18" customHeight="1" x14ac:dyDescent="0.2">
      <c r="A27" s="16">
        <v>18</v>
      </c>
      <c r="B27" s="29">
        <v>17</v>
      </c>
      <c r="C27" s="10">
        <v>18</v>
      </c>
      <c r="D27" s="9">
        <v>35</v>
      </c>
    </row>
    <row r="28" spans="1:4" ht="18" customHeight="1" x14ac:dyDescent="0.2">
      <c r="A28" s="16">
        <v>19</v>
      </c>
      <c r="B28" s="29">
        <v>14</v>
      </c>
      <c r="C28" s="10">
        <v>20</v>
      </c>
      <c r="D28" s="9">
        <v>34</v>
      </c>
    </row>
    <row r="29" spans="1:4" ht="18" customHeight="1" x14ac:dyDescent="0.2">
      <c r="A29" s="8" t="s">
        <v>21</v>
      </c>
      <c r="B29" s="29">
        <v>76</v>
      </c>
      <c r="C29" s="10">
        <v>109</v>
      </c>
      <c r="D29" s="9">
        <v>185</v>
      </c>
    </row>
    <row r="30" spans="1:4" ht="18" customHeight="1" x14ac:dyDescent="0.2">
      <c r="A30" s="16">
        <v>20</v>
      </c>
      <c r="B30" s="29">
        <v>24</v>
      </c>
      <c r="C30" s="10">
        <v>22</v>
      </c>
      <c r="D30" s="9">
        <v>46</v>
      </c>
    </row>
    <row r="31" spans="1:4" ht="18" customHeight="1" x14ac:dyDescent="0.2">
      <c r="A31" s="16">
        <v>21</v>
      </c>
      <c r="B31" s="29">
        <v>24</v>
      </c>
      <c r="C31" s="10">
        <v>18</v>
      </c>
      <c r="D31" s="9">
        <v>42</v>
      </c>
    </row>
    <row r="32" spans="1:4" ht="18" customHeight="1" x14ac:dyDescent="0.2">
      <c r="A32" s="16">
        <v>22</v>
      </c>
      <c r="B32" s="29">
        <v>14</v>
      </c>
      <c r="C32" s="10">
        <v>19</v>
      </c>
      <c r="D32" s="9">
        <v>33</v>
      </c>
    </row>
    <row r="33" spans="1:4" ht="18" customHeight="1" x14ac:dyDescent="0.2">
      <c r="A33" s="16">
        <v>23</v>
      </c>
      <c r="B33" s="29">
        <v>28</v>
      </c>
      <c r="C33" s="10">
        <v>25</v>
      </c>
      <c r="D33" s="9">
        <v>53</v>
      </c>
    </row>
    <row r="34" spans="1:4" ht="18" customHeight="1" x14ac:dyDescent="0.2">
      <c r="A34" s="16">
        <v>24</v>
      </c>
      <c r="B34" s="29">
        <v>25</v>
      </c>
      <c r="C34" s="10">
        <v>12</v>
      </c>
      <c r="D34" s="9">
        <v>37</v>
      </c>
    </row>
    <row r="35" spans="1:4" ht="18" customHeight="1" x14ac:dyDescent="0.2">
      <c r="A35" s="8" t="s">
        <v>20</v>
      </c>
      <c r="B35" s="29">
        <v>115</v>
      </c>
      <c r="C35" s="10">
        <v>96</v>
      </c>
      <c r="D35" s="9">
        <v>211</v>
      </c>
    </row>
    <row r="36" spans="1:4" ht="18" customHeight="1" x14ac:dyDescent="0.2">
      <c r="A36" s="16">
        <v>25</v>
      </c>
      <c r="B36" s="29">
        <v>25</v>
      </c>
      <c r="C36" s="10">
        <v>25</v>
      </c>
      <c r="D36" s="9">
        <v>50</v>
      </c>
    </row>
    <row r="37" spans="1:4" ht="18" customHeight="1" x14ac:dyDescent="0.2">
      <c r="A37" s="16">
        <v>26</v>
      </c>
      <c r="B37" s="29">
        <v>28</v>
      </c>
      <c r="C37" s="10">
        <v>18</v>
      </c>
      <c r="D37" s="9">
        <v>46</v>
      </c>
    </row>
    <row r="38" spans="1:4" ht="18" customHeight="1" x14ac:dyDescent="0.2">
      <c r="A38" s="16">
        <v>27</v>
      </c>
      <c r="B38" s="29">
        <v>31</v>
      </c>
      <c r="C38" s="10">
        <v>30</v>
      </c>
      <c r="D38" s="9">
        <v>61</v>
      </c>
    </row>
    <row r="39" spans="1:4" ht="18" customHeight="1" x14ac:dyDescent="0.2">
      <c r="A39" s="16">
        <v>28</v>
      </c>
      <c r="B39" s="29">
        <v>23</v>
      </c>
      <c r="C39" s="10">
        <v>21</v>
      </c>
      <c r="D39" s="9">
        <v>44</v>
      </c>
    </row>
    <row r="40" spans="1:4" ht="18" customHeight="1" x14ac:dyDescent="0.2">
      <c r="A40" s="16">
        <v>29</v>
      </c>
      <c r="B40" s="29">
        <v>18</v>
      </c>
      <c r="C40" s="10">
        <v>13</v>
      </c>
      <c r="D40" s="9">
        <v>31</v>
      </c>
    </row>
    <row r="41" spans="1:4" ht="18" customHeight="1" x14ac:dyDescent="0.2">
      <c r="A41" s="8" t="s">
        <v>19</v>
      </c>
      <c r="B41" s="29">
        <v>125</v>
      </c>
      <c r="C41" s="10">
        <v>107</v>
      </c>
      <c r="D41" s="9">
        <v>232</v>
      </c>
    </row>
    <row r="42" spans="1:4" ht="18" customHeight="1" x14ac:dyDescent="0.2">
      <c r="A42" s="16">
        <v>30</v>
      </c>
      <c r="B42" s="29">
        <v>25</v>
      </c>
      <c r="C42" s="10">
        <v>17</v>
      </c>
      <c r="D42" s="9">
        <v>42</v>
      </c>
    </row>
    <row r="43" spans="1:4" ht="18" customHeight="1" x14ac:dyDescent="0.2">
      <c r="A43" s="16">
        <v>31</v>
      </c>
      <c r="B43" s="29">
        <v>31</v>
      </c>
      <c r="C43" s="10">
        <v>26</v>
      </c>
      <c r="D43" s="9">
        <v>57</v>
      </c>
    </row>
    <row r="44" spans="1:4" ht="18" customHeight="1" x14ac:dyDescent="0.2">
      <c r="A44" s="16">
        <v>32</v>
      </c>
      <c r="B44" s="29">
        <v>25</v>
      </c>
      <c r="C44" s="10">
        <v>24</v>
      </c>
      <c r="D44" s="9">
        <v>49</v>
      </c>
    </row>
    <row r="45" spans="1:4" ht="18" customHeight="1" x14ac:dyDescent="0.2">
      <c r="A45" s="16">
        <v>33</v>
      </c>
      <c r="B45" s="29">
        <v>24</v>
      </c>
      <c r="C45" s="10">
        <v>20</v>
      </c>
      <c r="D45" s="9">
        <v>44</v>
      </c>
    </row>
    <row r="46" spans="1:4" ht="18" customHeight="1" x14ac:dyDescent="0.2">
      <c r="A46" s="16">
        <v>34</v>
      </c>
      <c r="B46" s="29">
        <v>24</v>
      </c>
      <c r="C46" s="10">
        <v>14</v>
      </c>
      <c r="D46" s="9">
        <v>38</v>
      </c>
    </row>
    <row r="47" spans="1:4" ht="18" customHeight="1" x14ac:dyDescent="0.2">
      <c r="A47" s="8" t="s">
        <v>18</v>
      </c>
      <c r="B47" s="29">
        <v>129</v>
      </c>
      <c r="C47" s="10">
        <v>101</v>
      </c>
      <c r="D47" s="9">
        <v>230</v>
      </c>
    </row>
    <row r="48" spans="1:4" ht="18" customHeight="1" x14ac:dyDescent="0.2">
      <c r="A48" s="16">
        <v>35</v>
      </c>
      <c r="B48" s="29">
        <v>19</v>
      </c>
      <c r="C48" s="10">
        <v>26</v>
      </c>
      <c r="D48" s="9">
        <v>45</v>
      </c>
    </row>
    <row r="49" spans="1:4" ht="18" customHeight="1" x14ac:dyDescent="0.2">
      <c r="A49" s="16">
        <v>36</v>
      </c>
      <c r="B49" s="29">
        <v>23</v>
      </c>
      <c r="C49" s="10">
        <v>23</v>
      </c>
      <c r="D49" s="9">
        <v>46</v>
      </c>
    </row>
    <row r="50" spans="1:4" ht="18" customHeight="1" x14ac:dyDescent="0.2">
      <c r="A50" s="16">
        <v>37</v>
      </c>
      <c r="B50" s="29">
        <v>32</v>
      </c>
      <c r="C50" s="10">
        <v>28</v>
      </c>
      <c r="D50" s="9">
        <v>60</v>
      </c>
    </row>
    <row r="51" spans="1:4" ht="18" customHeight="1" x14ac:dyDescent="0.2">
      <c r="A51" s="16">
        <v>38</v>
      </c>
      <c r="B51" s="29">
        <v>23</v>
      </c>
      <c r="C51" s="10">
        <v>22</v>
      </c>
      <c r="D51" s="9">
        <v>45</v>
      </c>
    </row>
    <row r="52" spans="1:4" ht="18" customHeight="1" x14ac:dyDescent="0.2">
      <c r="A52" s="16">
        <v>39</v>
      </c>
      <c r="B52" s="29">
        <v>17</v>
      </c>
      <c r="C52" s="10">
        <v>34</v>
      </c>
      <c r="D52" s="9">
        <v>51</v>
      </c>
    </row>
    <row r="53" spans="1:4" ht="18" customHeight="1" x14ac:dyDescent="0.2">
      <c r="A53" s="8" t="s">
        <v>17</v>
      </c>
      <c r="B53" s="29">
        <v>114</v>
      </c>
      <c r="C53" s="10">
        <v>133</v>
      </c>
      <c r="D53" s="9">
        <v>247</v>
      </c>
    </row>
    <row r="54" spans="1:4" ht="18" customHeight="1" x14ac:dyDescent="0.2">
      <c r="A54" s="16">
        <v>40</v>
      </c>
      <c r="B54" s="29">
        <v>31</v>
      </c>
      <c r="C54" s="10">
        <v>33</v>
      </c>
      <c r="D54" s="9">
        <v>64</v>
      </c>
    </row>
    <row r="55" spans="1:4" ht="18" customHeight="1" x14ac:dyDescent="0.2">
      <c r="A55" s="16">
        <v>41</v>
      </c>
      <c r="B55" s="29">
        <v>30</v>
      </c>
      <c r="C55" s="10">
        <v>32</v>
      </c>
      <c r="D55" s="9">
        <v>62</v>
      </c>
    </row>
    <row r="56" spans="1:4" ht="18" customHeight="1" x14ac:dyDescent="0.2">
      <c r="A56" s="16">
        <v>42</v>
      </c>
      <c r="B56" s="29">
        <v>22</v>
      </c>
      <c r="C56" s="10">
        <v>27</v>
      </c>
      <c r="D56" s="9">
        <v>49</v>
      </c>
    </row>
    <row r="57" spans="1:4" ht="18" customHeight="1" x14ac:dyDescent="0.2">
      <c r="A57" s="16">
        <v>43</v>
      </c>
      <c r="B57" s="29">
        <v>40</v>
      </c>
      <c r="C57" s="10">
        <v>36</v>
      </c>
      <c r="D57" s="9">
        <v>76</v>
      </c>
    </row>
    <row r="58" spans="1:4" ht="18" customHeight="1" x14ac:dyDescent="0.2">
      <c r="A58" s="16">
        <v>44</v>
      </c>
      <c r="B58" s="29">
        <v>35</v>
      </c>
      <c r="C58" s="10">
        <v>35</v>
      </c>
      <c r="D58" s="9">
        <v>70</v>
      </c>
    </row>
    <row r="59" spans="1:4" ht="18" customHeight="1" x14ac:dyDescent="0.2">
      <c r="A59" s="8" t="s">
        <v>16</v>
      </c>
      <c r="B59" s="29">
        <v>158</v>
      </c>
      <c r="C59" s="10">
        <v>163</v>
      </c>
      <c r="D59" s="9">
        <v>321</v>
      </c>
    </row>
    <row r="60" spans="1:4" ht="18" customHeight="1" x14ac:dyDescent="0.2">
      <c r="A60" s="16">
        <v>45</v>
      </c>
      <c r="B60" s="29">
        <v>34</v>
      </c>
      <c r="C60" s="10">
        <v>34</v>
      </c>
      <c r="D60" s="9">
        <v>68</v>
      </c>
    </row>
    <row r="61" spans="1:4" ht="18" customHeight="1" x14ac:dyDescent="0.2">
      <c r="A61" s="16">
        <v>46</v>
      </c>
      <c r="B61" s="29">
        <v>49</v>
      </c>
      <c r="C61" s="10">
        <v>31</v>
      </c>
      <c r="D61" s="9">
        <v>80</v>
      </c>
    </row>
    <row r="62" spans="1:4" ht="18" customHeight="1" x14ac:dyDescent="0.2">
      <c r="A62" s="16">
        <v>47</v>
      </c>
      <c r="B62" s="29">
        <v>40</v>
      </c>
      <c r="C62" s="10">
        <v>36</v>
      </c>
      <c r="D62" s="9">
        <v>76</v>
      </c>
    </row>
    <row r="63" spans="1:4" ht="18" customHeight="1" x14ac:dyDescent="0.2">
      <c r="A63" s="16">
        <v>48</v>
      </c>
      <c r="B63" s="29">
        <v>33</v>
      </c>
      <c r="C63" s="10">
        <v>32</v>
      </c>
      <c r="D63" s="9">
        <v>65</v>
      </c>
    </row>
    <row r="64" spans="1:4" ht="18" customHeight="1" x14ac:dyDescent="0.2">
      <c r="A64" s="16">
        <v>49</v>
      </c>
      <c r="B64" s="29">
        <v>38</v>
      </c>
      <c r="C64" s="10">
        <v>43</v>
      </c>
      <c r="D64" s="9">
        <v>81</v>
      </c>
    </row>
    <row r="65" spans="1:4" ht="18" customHeight="1" x14ac:dyDescent="0.2">
      <c r="A65" s="8" t="s">
        <v>15</v>
      </c>
      <c r="B65" s="29">
        <v>194</v>
      </c>
      <c r="C65" s="10">
        <v>176</v>
      </c>
      <c r="D65" s="9">
        <v>370</v>
      </c>
    </row>
    <row r="66" spans="1:4" ht="18" customHeight="1" x14ac:dyDescent="0.2">
      <c r="A66" s="16">
        <v>50</v>
      </c>
      <c r="B66" s="29">
        <v>44</v>
      </c>
      <c r="C66" s="10">
        <v>42</v>
      </c>
      <c r="D66" s="9">
        <v>86</v>
      </c>
    </row>
    <row r="67" spans="1:4" ht="18" customHeight="1" x14ac:dyDescent="0.2">
      <c r="A67" s="16">
        <v>51</v>
      </c>
      <c r="B67" s="29">
        <v>53</v>
      </c>
      <c r="C67" s="10">
        <v>31</v>
      </c>
      <c r="D67" s="9">
        <v>84</v>
      </c>
    </row>
    <row r="68" spans="1:4" ht="18" customHeight="1" x14ac:dyDescent="0.2">
      <c r="A68" s="16">
        <v>52</v>
      </c>
      <c r="B68" s="29">
        <v>41</v>
      </c>
      <c r="C68" s="10">
        <v>31</v>
      </c>
      <c r="D68" s="9">
        <v>72</v>
      </c>
    </row>
    <row r="69" spans="1:4" ht="18" customHeight="1" x14ac:dyDescent="0.2">
      <c r="A69" s="16">
        <v>53</v>
      </c>
      <c r="B69" s="29">
        <v>36</v>
      </c>
      <c r="C69" s="10">
        <v>35</v>
      </c>
      <c r="D69" s="9">
        <v>71</v>
      </c>
    </row>
    <row r="70" spans="1:4" ht="18" customHeight="1" x14ac:dyDescent="0.2">
      <c r="A70" s="16">
        <v>54</v>
      </c>
      <c r="B70" s="29">
        <v>40</v>
      </c>
      <c r="C70" s="10">
        <v>49</v>
      </c>
      <c r="D70" s="9">
        <v>89</v>
      </c>
    </row>
    <row r="71" spans="1:4" ht="18" customHeight="1" x14ac:dyDescent="0.2">
      <c r="A71" s="8" t="s">
        <v>14</v>
      </c>
      <c r="B71" s="29">
        <v>214</v>
      </c>
      <c r="C71" s="10">
        <v>188</v>
      </c>
      <c r="D71" s="9">
        <v>402</v>
      </c>
    </row>
    <row r="72" spans="1:4" ht="18" customHeight="1" x14ac:dyDescent="0.2">
      <c r="A72" s="16">
        <v>55</v>
      </c>
      <c r="B72" s="29">
        <v>38</v>
      </c>
      <c r="C72" s="10">
        <v>33</v>
      </c>
      <c r="D72" s="9">
        <v>71</v>
      </c>
    </row>
    <row r="73" spans="1:4" ht="18" customHeight="1" x14ac:dyDescent="0.2">
      <c r="A73" s="16">
        <v>56</v>
      </c>
      <c r="B73" s="29">
        <v>20</v>
      </c>
      <c r="C73" s="10">
        <v>30</v>
      </c>
      <c r="D73" s="9">
        <v>50</v>
      </c>
    </row>
    <row r="74" spans="1:4" ht="18" customHeight="1" x14ac:dyDescent="0.2">
      <c r="A74" s="16">
        <v>57</v>
      </c>
      <c r="B74" s="29">
        <v>28</v>
      </c>
      <c r="C74" s="10">
        <v>28</v>
      </c>
      <c r="D74" s="9">
        <v>56</v>
      </c>
    </row>
    <row r="75" spans="1:4" ht="18" customHeight="1" x14ac:dyDescent="0.2">
      <c r="A75" s="16">
        <v>58</v>
      </c>
      <c r="B75" s="29">
        <v>33</v>
      </c>
      <c r="C75" s="10">
        <v>28</v>
      </c>
      <c r="D75" s="9">
        <v>61</v>
      </c>
    </row>
    <row r="76" spans="1:4" ht="18" customHeight="1" x14ac:dyDescent="0.2">
      <c r="A76" s="16">
        <v>59</v>
      </c>
      <c r="B76" s="29">
        <v>35</v>
      </c>
      <c r="C76" s="10">
        <v>21</v>
      </c>
      <c r="D76" s="9">
        <v>56</v>
      </c>
    </row>
    <row r="77" spans="1:4" ht="18" customHeight="1" x14ac:dyDescent="0.2">
      <c r="A77" s="8" t="s">
        <v>13</v>
      </c>
      <c r="B77" s="29">
        <v>154</v>
      </c>
      <c r="C77" s="10">
        <v>140</v>
      </c>
      <c r="D77" s="9">
        <v>294</v>
      </c>
    </row>
    <row r="78" spans="1:4" ht="18" customHeight="1" x14ac:dyDescent="0.2">
      <c r="A78" s="16">
        <v>60</v>
      </c>
      <c r="B78" s="29">
        <v>31</v>
      </c>
      <c r="C78" s="10">
        <v>29</v>
      </c>
      <c r="D78" s="9">
        <v>60</v>
      </c>
    </row>
    <row r="79" spans="1:4" ht="18" customHeight="1" x14ac:dyDescent="0.2">
      <c r="A79" s="16">
        <v>61</v>
      </c>
      <c r="B79" s="29">
        <v>24</v>
      </c>
      <c r="C79" s="10">
        <v>35</v>
      </c>
      <c r="D79" s="9">
        <v>59</v>
      </c>
    </row>
    <row r="80" spans="1:4" ht="18" customHeight="1" x14ac:dyDescent="0.2">
      <c r="A80" s="16">
        <v>62</v>
      </c>
      <c r="B80" s="29">
        <v>28</v>
      </c>
      <c r="C80" s="10">
        <v>27</v>
      </c>
      <c r="D80" s="9">
        <v>55</v>
      </c>
    </row>
    <row r="81" spans="1:4" ht="18" customHeight="1" x14ac:dyDescent="0.2">
      <c r="A81" s="16">
        <v>63</v>
      </c>
      <c r="B81" s="29">
        <v>32</v>
      </c>
      <c r="C81" s="10">
        <v>37</v>
      </c>
      <c r="D81" s="9">
        <v>69</v>
      </c>
    </row>
    <row r="82" spans="1:4" ht="18" customHeight="1" x14ac:dyDescent="0.2">
      <c r="A82" s="16">
        <v>64</v>
      </c>
      <c r="B82" s="29">
        <v>31</v>
      </c>
      <c r="C82" s="10">
        <v>31</v>
      </c>
      <c r="D82" s="9">
        <v>62</v>
      </c>
    </row>
    <row r="83" spans="1:4" ht="18" customHeight="1" x14ac:dyDescent="0.2">
      <c r="A83" s="8" t="s">
        <v>12</v>
      </c>
      <c r="B83" s="29">
        <v>146</v>
      </c>
      <c r="C83" s="10">
        <v>159</v>
      </c>
      <c r="D83" s="9">
        <v>305</v>
      </c>
    </row>
    <row r="84" spans="1:4" ht="18" customHeight="1" x14ac:dyDescent="0.2">
      <c r="A84" s="8" t="s">
        <v>11</v>
      </c>
      <c r="B84" s="29">
        <v>1425</v>
      </c>
      <c r="C84" s="10">
        <v>1372</v>
      </c>
      <c r="D84" s="9">
        <v>2797</v>
      </c>
    </row>
    <row r="85" spans="1:4" ht="18" customHeight="1" x14ac:dyDescent="0.2">
      <c r="A85" s="16">
        <v>65</v>
      </c>
      <c r="B85" s="29">
        <v>31</v>
      </c>
      <c r="C85" s="10">
        <v>36</v>
      </c>
      <c r="D85" s="9">
        <v>67</v>
      </c>
    </row>
    <row r="86" spans="1:4" ht="18" customHeight="1" x14ac:dyDescent="0.2">
      <c r="A86" s="16">
        <v>66</v>
      </c>
      <c r="B86" s="29">
        <v>32</v>
      </c>
      <c r="C86" s="10">
        <v>23</v>
      </c>
      <c r="D86" s="9">
        <v>55</v>
      </c>
    </row>
    <row r="87" spans="1:4" ht="18" customHeight="1" x14ac:dyDescent="0.2">
      <c r="A87" s="16">
        <v>67</v>
      </c>
      <c r="B87" s="29">
        <v>26</v>
      </c>
      <c r="C87" s="10">
        <v>35</v>
      </c>
      <c r="D87" s="9">
        <v>61</v>
      </c>
    </row>
    <row r="88" spans="1:4" ht="18" customHeight="1" x14ac:dyDescent="0.2">
      <c r="A88" s="16">
        <v>68</v>
      </c>
      <c r="B88" s="29">
        <v>28</v>
      </c>
      <c r="C88" s="10">
        <v>20</v>
      </c>
      <c r="D88" s="9">
        <v>48</v>
      </c>
    </row>
    <row r="89" spans="1:4" ht="18" customHeight="1" x14ac:dyDescent="0.2">
      <c r="A89" s="16">
        <v>69</v>
      </c>
      <c r="B89" s="29">
        <v>22</v>
      </c>
      <c r="C89" s="10">
        <v>24</v>
      </c>
      <c r="D89" s="9">
        <v>46</v>
      </c>
    </row>
    <row r="90" spans="1:4" ht="18" customHeight="1" x14ac:dyDescent="0.2">
      <c r="A90" s="8" t="s">
        <v>10</v>
      </c>
      <c r="B90" s="29">
        <v>139</v>
      </c>
      <c r="C90" s="10">
        <v>138</v>
      </c>
      <c r="D90" s="9">
        <v>277</v>
      </c>
    </row>
    <row r="91" spans="1:4" ht="18" customHeight="1" x14ac:dyDescent="0.2">
      <c r="A91" s="16">
        <v>70</v>
      </c>
      <c r="B91" s="29">
        <v>26</v>
      </c>
      <c r="C91" s="10">
        <v>29</v>
      </c>
      <c r="D91" s="9">
        <v>55</v>
      </c>
    </row>
    <row r="92" spans="1:4" ht="18" customHeight="1" x14ac:dyDescent="0.2">
      <c r="A92" s="16">
        <v>71</v>
      </c>
      <c r="B92" s="29">
        <v>19</v>
      </c>
      <c r="C92" s="10">
        <v>30</v>
      </c>
      <c r="D92" s="9">
        <v>49</v>
      </c>
    </row>
    <row r="93" spans="1:4" ht="18" customHeight="1" x14ac:dyDescent="0.2">
      <c r="A93" s="16">
        <v>72</v>
      </c>
      <c r="B93" s="29">
        <v>22</v>
      </c>
      <c r="C93" s="10">
        <v>29</v>
      </c>
      <c r="D93" s="9">
        <v>51</v>
      </c>
    </row>
    <row r="94" spans="1:4" ht="18" customHeight="1" x14ac:dyDescent="0.2">
      <c r="A94" s="16">
        <v>73</v>
      </c>
      <c r="B94" s="29">
        <v>30</v>
      </c>
      <c r="C94" s="10">
        <v>27</v>
      </c>
      <c r="D94" s="9">
        <v>57</v>
      </c>
    </row>
    <row r="95" spans="1:4" ht="18" customHeight="1" x14ac:dyDescent="0.2">
      <c r="A95" s="16">
        <v>74</v>
      </c>
      <c r="B95" s="29">
        <v>34</v>
      </c>
      <c r="C95" s="10">
        <v>36</v>
      </c>
      <c r="D95" s="9">
        <v>70</v>
      </c>
    </row>
    <row r="96" spans="1:4" ht="18" customHeight="1" x14ac:dyDescent="0.2">
      <c r="A96" s="8" t="s">
        <v>9</v>
      </c>
      <c r="B96" s="29">
        <v>131</v>
      </c>
      <c r="C96" s="10">
        <v>151</v>
      </c>
      <c r="D96" s="9">
        <v>282</v>
      </c>
    </row>
    <row r="97" spans="1:4" ht="18" customHeight="1" x14ac:dyDescent="0.2">
      <c r="A97" s="16">
        <v>75</v>
      </c>
      <c r="B97" s="29">
        <v>33</v>
      </c>
      <c r="C97" s="10">
        <v>39</v>
      </c>
      <c r="D97" s="9">
        <v>72</v>
      </c>
    </row>
    <row r="98" spans="1:4" ht="18" customHeight="1" x14ac:dyDescent="0.2">
      <c r="A98" s="16">
        <v>76</v>
      </c>
      <c r="B98" s="29">
        <v>19</v>
      </c>
      <c r="C98" s="10">
        <v>30</v>
      </c>
      <c r="D98" s="9">
        <v>49</v>
      </c>
    </row>
    <row r="99" spans="1:4" ht="18" customHeight="1" x14ac:dyDescent="0.2">
      <c r="A99" s="16">
        <v>77</v>
      </c>
      <c r="B99" s="29">
        <v>14</v>
      </c>
      <c r="C99" s="10">
        <v>14</v>
      </c>
      <c r="D99" s="9">
        <v>28</v>
      </c>
    </row>
    <row r="100" spans="1:4" ht="18" customHeight="1" x14ac:dyDescent="0.2">
      <c r="A100" s="16">
        <v>78</v>
      </c>
      <c r="B100" s="29">
        <v>14</v>
      </c>
      <c r="C100" s="10">
        <v>29</v>
      </c>
      <c r="D100" s="9">
        <v>43</v>
      </c>
    </row>
    <row r="101" spans="1:4" ht="18" customHeight="1" x14ac:dyDescent="0.2">
      <c r="A101" s="16">
        <v>79</v>
      </c>
      <c r="B101" s="29">
        <v>23</v>
      </c>
      <c r="C101" s="10">
        <v>26</v>
      </c>
      <c r="D101" s="9">
        <v>49</v>
      </c>
    </row>
    <row r="102" spans="1:4" ht="18" customHeight="1" x14ac:dyDescent="0.2">
      <c r="A102" s="8" t="s">
        <v>8</v>
      </c>
      <c r="B102" s="29">
        <v>103</v>
      </c>
      <c r="C102" s="10">
        <v>138</v>
      </c>
      <c r="D102" s="9">
        <v>241</v>
      </c>
    </row>
    <row r="103" spans="1:4" ht="18" customHeight="1" x14ac:dyDescent="0.2">
      <c r="A103" s="16">
        <v>80</v>
      </c>
      <c r="B103" s="29">
        <v>29</v>
      </c>
      <c r="C103" s="10">
        <v>24</v>
      </c>
      <c r="D103" s="9">
        <v>53</v>
      </c>
    </row>
    <row r="104" spans="1:4" ht="18" customHeight="1" x14ac:dyDescent="0.2">
      <c r="A104" s="16">
        <v>81</v>
      </c>
      <c r="B104" s="29">
        <v>23</v>
      </c>
      <c r="C104" s="10">
        <v>24</v>
      </c>
      <c r="D104" s="9">
        <v>47</v>
      </c>
    </row>
    <row r="105" spans="1:4" ht="18" customHeight="1" x14ac:dyDescent="0.2">
      <c r="A105" s="16">
        <v>82</v>
      </c>
      <c r="B105" s="29">
        <v>15</v>
      </c>
      <c r="C105" s="10">
        <v>23</v>
      </c>
      <c r="D105" s="9">
        <v>38</v>
      </c>
    </row>
    <row r="106" spans="1:4" ht="18" customHeight="1" x14ac:dyDescent="0.2">
      <c r="A106" s="16">
        <v>83</v>
      </c>
      <c r="B106" s="29">
        <v>12</v>
      </c>
      <c r="C106" s="10">
        <v>29</v>
      </c>
      <c r="D106" s="9">
        <v>41</v>
      </c>
    </row>
    <row r="107" spans="1:4" ht="18" customHeight="1" x14ac:dyDescent="0.2">
      <c r="A107" s="16">
        <v>84</v>
      </c>
      <c r="B107" s="29">
        <v>5</v>
      </c>
      <c r="C107" s="10">
        <v>11</v>
      </c>
      <c r="D107" s="9">
        <v>16</v>
      </c>
    </row>
    <row r="108" spans="1:4" ht="18" customHeight="1" x14ac:dyDescent="0.2">
      <c r="A108" s="8" t="s">
        <v>7</v>
      </c>
      <c r="B108" s="29">
        <v>84</v>
      </c>
      <c r="C108" s="10">
        <v>111</v>
      </c>
      <c r="D108" s="9">
        <v>195</v>
      </c>
    </row>
    <row r="109" spans="1:4" ht="18" customHeight="1" x14ac:dyDescent="0.2">
      <c r="A109" s="16">
        <v>85</v>
      </c>
      <c r="B109" s="29">
        <v>8</v>
      </c>
      <c r="C109" s="10">
        <v>24</v>
      </c>
      <c r="D109" s="9">
        <v>32</v>
      </c>
    </row>
    <row r="110" spans="1:4" ht="18" customHeight="1" x14ac:dyDescent="0.2">
      <c r="A110" s="16">
        <v>86</v>
      </c>
      <c r="B110" s="29">
        <v>8</v>
      </c>
      <c r="C110" s="10">
        <v>21</v>
      </c>
      <c r="D110" s="9">
        <v>29</v>
      </c>
    </row>
    <row r="111" spans="1:4" ht="18" customHeight="1" x14ac:dyDescent="0.2">
      <c r="A111" s="16">
        <v>87</v>
      </c>
      <c r="B111" s="29">
        <v>5</v>
      </c>
      <c r="C111" s="10">
        <v>25</v>
      </c>
      <c r="D111" s="9">
        <v>30</v>
      </c>
    </row>
    <row r="112" spans="1:4" ht="18" customHeight="1" x14ac:dyDescent="0.2">
      <c r="A112" s="16">
        <v>88</v>
      </c>
      <c r="B112" s="29">
        <v>11</v>
      </c>
      <c r="C112" s="10">
        <v>17</v>
      </c>
      <c r="D112" s="9">
        <v>28</v>
      </c>
    </row>
    <row r="113" spans="1:4" ht="18" customHeight="1" x14ac:dyDescent="0.2">
      <c r="A113" s="16">
        <v>89</v>
      </c>
      <c r="B113" s="29">
        <v>7</v>
      </c>
      <c r="C113" s="10">
        <v>18</v>
      </c>
      <c r="D113" s="9">
        <v>25</v>
      </c>
    </row>
    <row r="114" spans="1:4" ht="18" customHeight="1" x14ac:dyDescent="0.2">
      <c r="A114" s="8" t="s">
        <v>6</v>
      </c>
      <c r="B114" s="29">
        <v>39</v>
      </c>
      <c r="C114" s="10">
        <v>105</v>
      </c>
      <c r="D114" s="9">
        <v>144</v>
      </c>
    </row>
    <row r="115" spans="1:4" ht="18" customHeight="1" x14ac:dyDescent="0.2">
      <c r="A115" s="16">
        <v>90</v>
      </c>
      <c r="B115" s="29">
        <v>4</v>
      </c>
      <c r="C115" s="10">
        <v>25</v>
      </c>
      <c r="D115" s="9">
        <v>29</v>
      </c>
    </row>
    <row r="116" spans="1:4" ht="18" customHeight="1" x14ac:dyDescent="0.2">
      <c r="A116" s="16">
        <v>91</v>
      </c>
      <c r="B116" s="29">
        <v>5</v>
      </c>
      <c r="C116" s="10">
        <v>10</v>
      </c>
      <c r="D116" s="9">
        <v>15</v>
      </c>
    </row>
    <row r="117" spans="1:4" ht="18" customHeight="1" x14ac:dyDescent="0.2">
      <c r="A117" s="16">
        <v>92</v>
      </c>
      <c r="B117" s="29">
        <v>4</v>
      </c>
      <c r="C117" s="10">
        <v>9</v>
      </c>
      <c r="D117" s="9">
        <v>13</v>
      </c>
    </row>
    <row r="118" spans="1:4" ht="18" customHeight="1" x14ac:dyDescent="0.2">
      <c r="A118" s="16">
        <v>93</v>
      </c>
      <c r="B118" s="29">
        <v>2</v>
      </c>
      <c r="C118" s="10">
        <v>10</v>
      </c>
      <c r="D118" s="9">
        <v>12</v>
      </c>
    </row>
    <row r="119" spans="1:4" ht="18" customHeight="1" x14ac:dyDescent="0.2">
      <c r="A119" s="16">
        <v>94</v>
      </c>
      <c r="B119" s="29">
        <v>3</v>
      </c>
      <c r="C119" s="10">
        <v>7</v>
      </c>
      <c r="D119" s="9">
        <v>10</v>
      </c>
    </row>
    <row r="120" spans="1:4" ht="18" customHeight="1" x14ac:dyDescent="0.2">
      <c r="A120" s="8" t="s">
        <v>5</v>
      </c>
      <c r="B120" s="29">
        <v>18</v>
      </c>
      <c r="C120" s="10">
        <v>61</v>
      </c>
      <c r="D120" s="9">
        <v>79</v>
      </c>
    </row>
    <row r="121" spans="1:4" ht="18" customHeight="1" x14ac:dyDescent="0.2">
      <c r="A121" s="16">
        <v>95</v>
      </c>
      <c r="B121" s="29">
        <v>0</v>
      </c>
      <c r="C121" s="10">
        <v>8</v>
      </c>
      <c r="D121" s="9">
        <v>8</v>
      </c>
    </row>
    <row r="122" spans="1:4" ht="18" customHeight="1" x14ac:dyDescent="0.2">
      <c r="A122" s="16">
        <v>96</v>
      </c>
      <c r="B122" s="29">
        <v>2</v>
      </c>
      <c r="C122" s="10">
        <v>7</v>
      </c>
      <c r="D122" s="9">
        <v>9</v>
      </c>
    </row>
    <row r="123" spans="1:4" ht="18" customHeight="1" x14ac:dyDescent="0.2">
      <c r="A123" s="16">
        <v>97</v>
      </c>
      <c r="B123" s="29">
        <v>2</v>
      </c>
      <c r="C123" s="10">
        <v>4</v>
      </c>
      <c r="D123" s="9">
        <v>6</v>
      </c>
    </row>
    <row r="124" spans="1:4" ht="18" customHeight="1" x14ac:dyDescent="0.2">
      <c r="A124" s="16">
        <v>98</v>
      </c>
      <c r="B124" s="29">
        <v>0</v>
      </c>
      <c r="C124" s="10">
        <v>3</v>
      </c>
      <c r="D124" s="9">
        <v>3</v>
      </c>
    </row>
    <row r="125" spans="1:4" ht="18" customHeight="1" x14ac:dyDescent="0.2">
      <c r="A125" s="16">
        <v>99</v>
      </c>
      <c r="B125" s="29">
        <v>0</v>
      </c>
      <c r="C125" s="10">
        <v>1</v>
      </c>
      <c r="D125" s="9">
        <v>1</v>
      </c>
    </row>
    <row r="126" spans="1:4" ht="18" customHeight="1" x14ac:dyDescent="0.2">
      <c r="A126" s="8" t="s">
        <v>4</v>
      </c>
      <c r="B126" s="29">
        <v>4</v>
      </c>
      <c r="C126" s="10">
        <v>23</v>
      </c>
      <c r="D126" s="9">
        <v>27</v>
      </c>
    </row>
    <row r="127" spans="1:4" ht="18" customHeight="1" x14ac:dyDescent="0.2">
      <c r="A127" s="16">
        <v>100</v>
      </c>
      <c r="B127" s="29">
        <v>0</v>
      </c>
      <c r="C127" s="10">
        <v>0</v>
      </c>
      <c r="D127" s="9">
        <v>0</v>
      </c>
    </row>
    <row r="128" spans="1:4" ht="18" customHeight="1" x14ac:dyDescent="0.2">
      <c r="A128" s="15" t="s">
        <v>3</v>
      </c>
      <c r="B128" s="29">
        <v>0</v>
      </c>
      <c r="C128" s="10">
        <v>3</v>
      </c>
      <c r="D128" s="9">
        <v>3</v>
      </c>
    </row>
    <row r="129" spans="1:4" ht="18" customHeight="1" x14ac:dyDescent="0.2">
      <c r="A129" s="8" t="s">
        <v>2</v>
      </c>
      <c r="B129" s="29">
        <v>0</v>
      </c>
      <c r="C129" s="10">
        <v>3</v>
      </c>
      <c r="D129" s="9">
        <v>3</v>
      </c>
    </row>
    <row r="130" spans="1:4" ht="18" customHeight="1" x14ac:dyDescent="0.2">
      <c r="A130" s="8" t="s">
        <v>1</v>
      </c>
      <c r="B130" s="28">
        <v>518</v>
      </c>
      <c r="C130" s="6">
        <v>730</v>
      </c>
      <c r="D130" s="5">
        <v>1248</v>
      </c>
    </row>
    <row r="131" spans="1:4" ht="18" customHeight="1" x14ac:dyDescent="0.2">
      <c r="A131" s="4" t="s">
        <v>0</v>
      </c>
      <c r="B131" s="27">
        <v>2238</v>
      </c>
      <c r="C131" s="2">
        <v>2384</v>
      </c>
      <c r="D131" s="1">
        <v>4622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E391EDD-32F0-4185-9688-D4962AA1EBB3}">
  <sheetPr codeName="Sheet4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59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12</v>
      </c>
      <c r="C5" s="18">
        <v>17</v>
      </c>
      <c r="D5" s="17">
        <v>29</v>
      </c>
    </row>
    <row r="6" spans="1:4" ht="18" customHeight="1" x14ac:dyDescent="0.2">
      <c r="A6" s="16">
        <v>1</v>
      </c>
      <c r="B6" s="29">
        <v>11</v>
      </c>
      <c r="C6" s="10">
        <v>14</v>
      </c>
      <c r="D6" s="9">
        <v>25</v>
      </c>
    </row>
    <row r="7" spans="1:4" ht="18" customHeight="1" x14ac:dyDescent="0.2">
      <c r="A7" s="16">
        <v>2</v>
      </c>
      <c r="B7" s="29">
        <v>12</v>
      </c>
      <c r="C7" s="10">
        <v>16</v>
      </c>
      <c r="D7" s="9">
        <v>28</v>
      </c>
    </row>
    <row r="8" spans="1:4" ht="18" customHeight="1" x14ac:dyDescent="0.2">
      <c r="A8" s="16">
        <v>3</v>
      </c>
      <c r="B8" s="29">
        <v>17</v>
      </c>
      <c r="C8" s="10">
        <v>19</v>
      </c>
      <c r="D8" s="9">
        <v>36</v>
      </c>
    </row>
    <row r="9" spans="1:4" ht="18" customHeight="1" x14ac:dyDescent="0.2">
      <c r="A9" s="16">
        <v>4</v>
      </c>
      <c r="B9" s="29">
        <v>18</v>
      </c>
      <c r="C9" s="10">
        <v>18</v>
      </c>
      <c r="D9" s="9">
        <v>36</v>
      </c>
    </row>
    <row r="10" spans="1:4" ht="18" customHeight="1" x14ac:dyDescent="0.2">
      <c r="A10" s="8" t="s">
        <v>25</v>
      </c>
      <c r="B10" s="29">
        <v>70</v>
      </c>
      <c r="C10" s="10">
        <v>84</v>
      </c>
      <c r="D10" s="9">
        <v>154</v>
      </c>
    </row>
    <row r="11" spans="1:4" ht="18" customHeight="1" x14ac:dyDescent="0.2">
      <c r="A11" s="16">
        <v>5</v>
      </c>
      <c r="B11" s="29">
        <v>15</v>
      </c>
      <c r="C11" s="10">
        <v>12</v>
      </c>
      <c r="D11" s="9">
        <v>27</v>
      </c>
    </row>
    <row r="12" spans="1:4" ht="18" customHeight="1" x14ac:dyDescent="0.2">
      <c r="A12" s="16">
        <v>6</v>
      </c>
      <c r="B12" s="29">
        <v>16</v>
      </c>
      <c r="C12" s="10">
        <v>16</v>
      </c>
      <c r="D12" s="9">
        <v>32</v>
      </c>
    </row>
    <row r="13" spans="1:4" ht="18" customHeight="1" x14ac:dyDescent="0.2">
      <c r="A13" s="16">
        <v>7</v>
      </c>
      <c r="B13" s="29">
        <v>10</v>
      </c>
      <c r="C13" s="10">
        <v>12</v>
      </c>
      <c r="D13" s="9">
        <v>22</v>
      </c>
    </row>
    <row r="14" spans="1:4" ht="18" customHeight="1" x14ac:dyDescent="0.2">
      <c r="A14" s="16">
        <v>8</v>
      </c>
      <c r="B14" s="29">
        <v>20</v>
      </c>
      <c r="C14" s="10">
        <v>20</v>
      </c>
      <c r="D14" s="9">
        <v>40</v>
      </c>
    </row>
    <row r="15" spans="1:4" ht="18" customHeight="1" x14ac:dyDescent="0.2">
      <c r="A15" s="16">
        <v>9</v>
      </c>
      <c r="B15" s="29">
        <v>23</v>
      </c>
      <c r="C15" s="10">
        <v>15</v>
      </c>
      <c r="D15" s="9">
        <v>38</v>
      </c>
    </row>
    <row r="16" spans="1:4" ht="18" customHeight="1" x14ac:dyDescent="0.2">
      <c r="A16" s="8" t="s">
        <v>24</v>
      </c>
      <c r="B16" s="29">
        <v>84</v>
      </c>
      <c r="C16" s="10">
        <v>75</v>
      </c>
      <c r="D16" s="9">
        <v>159</v>
      </c>
    </row>
    <row r="17" spans="1:4" ht="18" customHeight="1" x14ac:dyDescent="0.2">
      <c r="A17" s="16">
        <v>10</v>
      </c>
      <c r="B17" s="29">
        <v>25</v>
      </c>
      <c r="C17" s="10">
        <v>22</v>
      </c>
      <c r="D17" s="9">
        <v>47</v>
      </c>
    </row>
    <row r="18" spans="1:4" ht="18" customHeight="1" x14ac:dyDescent="0.2">
      <c r="A18" s="16">
        <v>11</v>
      </c>
      <c r="B18" s="29">
        <v>23</v>
      </c>
      <c r="C18" s="10">
        <v>24</v>
      </c>
      <c r="D18" s="9">
        <v>47</v>
      </c>
    </row>
    <row r="19" spans="1:4" ht="18" customHeight="1" x14ac:dyDescent="0.2">
      <c r="A19" s="16">
        <v>12</v>
      </c>
      <c r="B19" s="29">
        <v>27</v>
      </c>
      <c r="C19" s="10">
        <v>18</v>
      </c>
      <c r="D19" s="9">
        <v>45</v>
      </c>
    </row>
    <row r="20" spans="1:4" ht="18" customHeight="1" x14ac:dyDescent="0.2">
      <c r="A20" s="16">
        <v>13</v>
      </c>
      <c r="B20" s="29">
        <v>26</v>
      </c>
      <c r="C20" s="10">
        <v>24</v>
      </c>
      <c r="D20" s="9">
        <v>50</v>
      </c>
    </row>
    <row r="21" spans="1:4" ht="18" customHeight="1" x14ac:dyDescent="0.2">
      <c r="A21" s="16">
        <v>14</v>
      </c>
      <c r="B21" s="29">
        <v>23</v>
      </c>
      <c r="C21" s="10">
        <v>28</v>
      </c>
      <c r="D21" s="9">
        <v>51</v>
      </c>
    </row>
    <row r="22" spans="1:4" ht="18" customHeight="1" x14ac:dyDescent="0.2">
      <c r="A22" s="8" t="s">
        <v>23</v>
      </c>
      <c r="B22" s="29">
        <v>124</v>
      </c>
      <c r="C22" s="10">
        <v>116</v>
      </c>
      <c r="D22" s="9">
        <v>240</v>
      </c>
    </row>
    <row r="23" spans="1:4" ht="18" customHeight="1" x14ac:dyDescent="0.2">
      <c r="A23" s="8" t="s">
        <v>22</v>
      </c>
      <c r="B23" s="29">
        <v>278</v>
      </c>
      <c r="C23" s="10">
        <v>275</v>
      </c>
      <c r="D23" s="9">
        <v>553</v>
      </c>
    </row>
    <row r="24" spans="1:4" ht="18" customHeight="1" x14ac:dyDescent="0.2">
      <c r="A24" s="16">
        <v>15</v>
      </c>
      <c r="B24" s="29">
        <v>22</v>
      </c>
      <c r="C24" s="10">
        <v>23</v>
      </c>
      <c r="D24" s="9">
        <v>45</v>
      </c>
    </row>
    <row r="25" spans="1:4" ht="18" customHeight="1" x14ac:dyDescent="0.2">
      <c r="A25" s="16">
        <v>16</v>
      </c>
      <c r="B25" s="29">
        <v>22</v>
      </c>
      <c r="C25" s="10">
        <v>32</v>
      </c>
      <c r="D25" s="9">
        <v>54</v>
      </c>
    </row>
    <row r="26" spans="1:4" ht="18" customHeight="1" x14ac:dyDescent="0.2">
      <c r="A26" s="16">
        <v>17</v>
      </c>
      <c r="B26" s="29">
        <v>19</v>
      </c>
      <c r="C26" s="10">
        <v>21</v>
      </c>
      <c r="D26" s="9">
        <v>40</v>
      </c>
    </row>
    <row r="27" spans="1:4" ht="18" customHeight="1" x14ac:dyDescent="0.2">
      <c r="A27" s="16">
        <v>18</v>
      </c>
      <c r="B27" s="29">
        <v>26</v>
      </c>
      <c r="C27" s="10">
        <v>17</v>
      </c>
      <c r="D27" s="9">
        <v>43</v>
      </c>
    </row>
    <row r="28" spans="1:4" ht="18" customHeight="1" x14ac:dyDescent="0.2">
      <c r="A28" s="16">
        <v>19</v>
      </c>
      <c r="B28" s="29">
        <v>18</v>
      </c>
      <c r="C28" s="10">
        <v>31</v>
      </c>
      <c r="D28" s="9">
        <v>49</v>
      </c>
    </row>
    <row r="29" spans="1:4" ht="18" customHeight="1" x14ac:dyDescent="0.2">
      <c r="A29" s="8" t="s">
        <v>21</v>
      </c>
      <c r="B29" s="29">
        <v>107</v>
      </c>
      <c r="C29" s="10">
        <v>124</v>
      </c>
      <c r="D29" s="9">
        <v>231</v>
      </c>
    </row>
    <row r="30" spans="1:4" ht="18" customHeight="1" x14ac:dyDescent="0.2">
      <c r="A30" s="16">
        <v>20</v>
      </c>
      <c r="B30" s="29">
        <v>23</v>
      </c>
      <c r="C30" s="10">
        <v>18</v>
      </c>
      <c r="D30" s="9">
        <v>41</v>
      </c>
    </row>
    <row r="31" spans="1:4" ht="18" customHeight="1" x14ac:dyDescent="0.2">
      <c r="A31" s="16">
        <v>21</v>
      </c>
      <c r="B31" s="29">
        <v>23</v>
      </c>
      <c r="C31" s="10">
        <v>26</v>
      </c>
      <c r="D31" s="9">
        <v>49</v>
      </c>
    </row>
    <row r="32" spans="1:4" ht="18" customHeight="1" x14ac:dyDescent="0.2">
      <c r="A32" s="16">
        <v>22</v>
      </c>
      <c r="B32" s="29">
        <v>28</v>
      </c>
      <c r="C32" s="10">
        <v>31</v>
      </c>
      <c r="D32" s="9">
        <v>59</v>
      </c>
    </row>
    <row r="33" spans="1:4" ht="18" customHeight="1" x14ac:dyDescent="0.2">
      <c r="A33" s="16">
        <v>23</v>
      </c>
      <c r="B33" s="29">
        <v>25</v>
      </c>
      <c r="C33" s="10">
        <v>23</v>
      </c>
      <c r="D33" s="9">
        <v>48</v>
      </c>
    </row>
    <row r="34" spans="1:4" ht="18" customHeight="1" x14ac:dyDescent="0.2">
      <c r="A34" s="16">
        <v>24</v>
      </c>
      <c r="B34" s="29">
        <v>24</v>
      </c>
      <c r="C34" s="10">
        <v>18</v>
      </c>
      <c r="D34" s="9">
        <v>42</v>
      </c>
    </row>
    <row r="35" spans="1:4" ht="18" customHeight="1" x14ac:dyDescent="0.2">
      <c r="A35" s="8" t="s">
        <v>20</v>
      </c>
      <c r="B35" s="29">
        <v>123</v>
      </c>
      <c r="C35" s="10">
        <v>116</v>
      </c>
      <c r="D35" s="9">
        <v>239</v>
      </c>
    </row>
    <row r="36" spans="1:4" ht="18" customHeight="1" x14ac:dyDescent="0.2">
      <c r="A36" s="16">
        <v>25</v>
      </c>
      <c r="B36" s="29">
        <v>22</v>
      </c>
      <c r="C36" s="10">
        <v>22</v>
      </c>
      <c r="D36" s="9">
        <v>44</v>
      </c>
    </row>
    <row r="37" spans="1:4" ht="18" customHeight="1" x14ac:dyDescent="0.2">
      <c r="A37" s="16">
        <v>26</v>
      </c>
      <c r="B37" s="29">
        <v>26</v>
      </c>
      <c r="C37" s="10">
        <v>27</v>
      </c>
      <c r="D37" s="9">
        <v>53</v>
      </c>
    </row>
    <row r="38" spans="1:4" ht="18" customHeight="1" x14ac:dyDescent="0.2">
      <c r="A38" s="16">
        <v>27</v>
      </c>
      <c r="B38" s="29">
        <v>39</v>
      </c>
      <c r="C38" s="10">
        <v>20</v>
      </c>
      <c r="D38" s="9">
        <v>59</v>
      </c>
    </row>
    <row r="39" spans="1:4" ht="18" customHeight="1" x14ac:dyDescent="0.2">
      <c r="A39" s="16">
        <v>28</v>
      </c>
      <c r="B39" s="29">
        <v>20</v>
      </c>
      <c r="C39" s="10">
        <v>20</v>
      </c>
      <c r="D39" s="9">
        <v>40</v>
      </c>
    </row>
    <row r="40" spans="1:4" ht="18" customHeight="1" x14ac:dyDescent="0.2">
      <c r="A40" s="16">
        <v>29</v>
      </c>
      <c r="B40" s="29">
        <v>29</v>
      </c>
      <c r="C40" s="10">
        <v>20</v>
      </c>
      <c r="D40" s="9">
        <v>49</v>
      </c>
    </row>
    <row r="41" spans="1:4" ht="18" customHeight="1" x14ac:dyDescent="0.2">
      <c r="A41" s="8" t="s">
        <v>19</v>
      </c>
      <c r="B41" s="29">
        <v>136</v>
      </c>
      <c r="C41" s="10">
        <v>109</v>
      </c>
      <c r="D41" s="9">
        <v>245</v>
      </c>
    </row>
    <row r="42" spans="1:4" ht="18" customHeight="1" x14ac:dyDescent="0.2">
      <c r="A42" s="16">
        <v>30</v>
      </c>
      <c r="B42" s="29">
        <v>25</v>
      </c>
      <c r="C42" s="10">
        <v>15</v>
      </c>
      <c r="D42" s="9">
        <v>40</v>
      </c>
    </row>
    <row r="43" spans="1:4" ht="18" customHeight="1" x14ac:dyDescent="0.2">
      <c r="A43" s="16">
        <v>31</v>
      </c>
      <c r="B43" s="29">
        <v>29</v>
      </c>
      <c r="C43" s="10">
        <v>23</v>
      </c>
      <c r="D43" s="9">
        <v>52</v>
      </c>
    </row>
    <row r="44" spans="1:4" ht="18" customHeight="1" x14ac:dyDescent="0.2">
      <c r="A44" s="16">
        <v>32</v>
      </c>
      <c r="B44" s="29">
        <v>26</v>
      </c>
      <c r="C44" s="10">
        <v>18</v>
      </c>
      <c r="D44" s="9">
        <v>44</v>
      </c>
    </row>
    <row r="45" spans="1:4" ht="18" customHeight="1" x14ac:dyDescent="0.2">
      <c r="A45" s="16">
        <v>33</v>
      </c>
      <c r="B45" s="29">
        <v>24</v>
      </c>
      <c r="C45" s="10">
        <v>23</v>
      </c>
      <c r="D45" s="9">
        <v>47</v>
      </c>
    </row>
    <row r="46" spans="1:4" ht="18" customHeight="1" x14ac:dyDescent="0.2">
      <c r="A46" s="16">
        <v>34</v>
      </c>
      <c r="B46" s="29">
        <v>21</v>
      </c>
      <c r="C46" s="10">
        <v>26</v>
      </c>
      <c r="D46" s="9">
        <v>47</v>
      </c>
    </row>
    <row r="47" spans="1:4" ht="18" customHeight="1" x14ac:dyDescent="0.2">
      <c r="A47" s="8" t="s">
        <v>18</v>
      </c>
      <c r="B47" s="29">
        <v>125</v>
      </c>
      <c r="C47" s="10">
        <v>105</v>
      </c>
      <c r="D47" s="9">
        <v>230</v>
      </c>
    </row>
    <row r="48" spans="1:4" ht="18" customHeight="1" x14ac:dyDescent="0.2">
      <c r="A48" s="16">
        <v>35</v>
      </c>
      <c r="B48" s="29">
        <v>30</v>
      </c>
      <c r="C48" s="10">
        <v>24</v>
      </c>
      <c r="D48" s="9">
        <v>54</v>
      </c>
    </row>
    <row r="49" spans="1:4" ht="18" customHeight="1" x14ac:dyDescent="0.2">
      <c r="A49" s="16">
        <v>36</v>
      </c>
      <c r="B49" s="29">
        <v>25</v>
      </c>
      <c r="C49" s="10">
        <v>26</v>
      </c>
      <c r="D49" s="9">
        <v>51</v>
      </c>
    </row>
    <row r="50" spans="1:4" ht="18" customHeight="1" x14ac:dyDescent="0.2">
      <c r="A50" s="16">
        <v>37</v>
      </c>
      <c r="B50" s="29">
        <v>29</v>
      </c>
      <c r="C50" s="10">
        <v>22</v>
      </c>
      <c r="D50" s="9">
        <v>51</v>
      </c>
    </row>
    <row r="51" spans="1:4" ht="18" customHeight="1" x14ac:dyDescent="0.2">
      <c r="A51" s="16">
        <v>38</v>
      </c>
      <c r="B51" s="29">
        <v>37</v>
      </c>
      <c r="C51" s="10">
        <v>34</v>
      </c>
      <c r="D51" s="9">
        <v>71</v>
      </c>
    </row>
    <row r="52" spans="1:4" ht="18" customHeight="1" x14ac:dyDescent="0.2">
      <c r="A52" s="16">
        <v>39</v>
      </c>
      <c r="B52" s="29">
        <v>35</v>
      </c>
      <c r="C52" s="10">
        <v>33</v>
      </c>
      <c r="D52" s="9">
        <v>68</v>
      </c>
    </row>
    <row r="53" spans="1:4" ht="18" customHeight="1" x14ac:dyDescent="0.2">
      <c r="A53" s="8" t="s">
        <v>17</v>
      </c>
      <c r="B53" s="29">
        <v>156</v>
      </c>
      <c r="C53" s="10">
        <v>139</v>
      </c>
      <c r="D53" s="9">
        <v>295</v>
      </c>
    </row>
    <row r="54" spans="1:4" ht="18" customHeight="1" x14ac:dyDescent="0.2">
      <c r="A54" s="16">
        <v>40</v>
      </c>
      <c r="B54" s="29">
        <v>32</v>
      </c>
      <c r="C54" s="10">
        <v>27</v>
      </c>
      <c r="D54" s="9">
        <v>59</v>
      </c>
    </row>
    <row r="55" spans="1:4" ht="18" customHeight="1" x14ac:dyDescent="0.2">
      <c r="A55" s="16">
        <v>41</v>
      </c>
      <c r="B55" s="29">
        <v>33</v>
      </c>
      <c r="C55" s="10">
        <v>25</v>
      </c>
      <c r="D55" s="9">
        <v>58</v>
      </c>
    </row>
    <row r="56" spans="1:4" ht="18" customHeight="1" x14ac:dyDescent="0.2">
      <c r="A56" s="16">
        <v>42</v>
      </c>
      <c r="B56" s="29">
        <v>41</v>
      </c>
      <c r="C56" s="10">
        <v>30</v>
      </c>
      <c r="D56" s="9">
        <v>71</v>
      </c>
    </row>
    <row r="57" spans="1:4" ht="18" customHeight="1" x14ac:dyDescent="0.2">
      <c r="A57" s="16">
        <v>43</v>
      </c>
      <c r="B57" s="29">
        <v>36</v>
      </c>
      <c r="C57" s="10">
        <v>28</v>
      </c>
      <c r="D57" s="9">
        <v>64</v>
      </c>
    </row>
    <row r="58" spans="1:4" ht="18" customHeight="1" x14ac:dyDescent="0.2">
      <c r="A58" s="16">
        <v>44</v>
      </c>
      <c r="B58" s="29">
        <v>35</v>
      </c>
      <c r="C58" s="10">
        <v>32</v>
      </c>
      <c r="D58" s="9">
        <v>67</v>
      </c>
    </row>
    <row r="59" spans="1:4" ht="18" customHeight="1" x14ac:dyDescent="0.2">
      <c r="A59" s="8" t="s">
        <v>16</v>
      </c>
      <c r="B59" s="29">
        <v>177</v>
      </c>
      <c r="C59" s="10">
        <v>142</v>
      </c>
      <c r="D59" s="9">
        <v>319</v>
      </c>
    </row>
    <row r="60" spans="1:4" ht="18" customHeight="1" x14ac:dyDescent="0.2">
      <c r="A60" s="16">
        <v>45</v>
      </c>
      <c r="B60" s="29">
        <v>28</v>
      </c>
      <c r="C60" s="10">
        <v>35</v>
      </c>
      <c r="D60" s="9">
        <v>63</v>
      </c>
    </row>
    <row r="61" spans="1:4" ht="18" customHeight="1" x14ac:dyDescent="0.2">
      <c r="A61" s="16">
        <v>46</v>
      </c>
      <c r="B61" s="29">
        <v>45</v>
      </c>
      <c r="C61" s="10">
        <v>28</v>
      </c>
      <c r="D61" s="9">
        <v>73</v>
      </c>
    </row>
    <row r="62" spans="1:4" ht="18" customHeight="1" x14ac:dyDescent="0.2">
      <c r="A62" s="16">
        <v>47</v>
      </c>
      <c r="B62" s="29">
        <v>44</v>
      </c>
      <c r="C62" s="10">
        <v>32</v>
      </c>
      <c r="D62" s="9">
        <v>76</v>
      </c>
    </row>
    <row r="63" spans="1:4" ht="18" customHeight="1" x14ac:dyDescent="0.2">
      <c r="A63" s="16">
        <v>48</v>
      </c>
      <c r="B63" s="29">
        <v>45</v>
      </c>
      <c r="C63" s="10">
        <v>40</v>
      </c>
      <c r="D63" s="9">
        <v>85</v>
      </c>
    </row>
    <row r="64" spans="1:4" ht="18" customHeight="1" x14ac:dyDescent="0.2">
      <c r="A64" s="16">
        <v>49</v>
      </c>
      <c r="B64" s="29">
        <v>40</v>
      </c>
      <c r="C64" s="10">
        <v>51</v>
      </c>
      <c r="D64" s="9">
        <v>91</v>
      </c>
    </row>
    <row r="65" spans="1:4" ht="18" customHeight="1" x14ac:dyDescent="0.2">
      <c r="A65" s="8" t="s">
        <v>15</v>
      </c>
      <c r="B65" s="29">
        <v>202</v>
      </c>
      <c r="C65" s="10">
        <v>186</v>
      </c>
      <c r="D65" s="9">
        <v>388</v>
      </c>
    </row>
    <row r="66" spans="1:4" ht="18" customHeight="1" x14ac:dyDescent="0.2">
      <c r="A66" s="16">
        <v>50</v>
      </c>
      <c r="B66" s="29">
        <v>54</v>
      </c>
      <c r="C66" s="10">
        <v>41</v>
      </c>
      <c r="D66" s="9">
        <v>95</v>
      </c>
    </row>
    <row r="67" spans="1:4" ht="18" customHeight="1" x14ac:dyDescent="0.2">
      <c r="A67" s="16">
        <v>51</v>
      </c>
      <c r="B67" s="29">
        <v>50</v>
      </c>
      <c r="C67" s="10">
        <v>38</v>
      </c>
      <c r="D67" s="9">
        <v>88</v>
      </c>
    </row>
    <row r="68" spans="1:4" ht="18" customHeight="1" x14ac:dyDescent="0.2">
      <c r="A68" s="16">
        <v>52</v>
      </c>
      <c r="B68" s="29">
        <v>44</v>
      </c>
      <c r="C68" s="10">
        <v>42</v>
      </c>
      <c r="D68" s="9">
        <v>86</v>
      </c>
    </row>
    <row r="69" spans="1:4" ht="18" customHeight="1" x14ac:dyDescent="0.2">
      <c r="A69" s="16">
        <v>53</v>
      </c>
      <c r="B69" s="29">
        <v>41</v>
      </c>
      <c r="C69" s="10">
        <v>40</v>
      </c>
      <c r="D69" s="9">
        <v>81</v>
      </c>
    </row>
    <row r="70" spans="1:4" ht="18" customHeight="1" x14ac:dyDescent="0.2">
      <c r="A70" s="16">
        <v>54</v>
      </c>
      <c r="B70" s="29">
        <v>41</v>
      </c>
      <c r="C70" s="10">
        <v>40</v>
      </c>
      <c r="D70" s="9">
        <v>81</v>
      </c>
    </row>
    <row r="71" spans="1:4" ht="18" customHeight="1" x14ac:dyDescent="0.2">
      <c r="A71" s="8" t="s">
        <v>14</v>
      </c>
      <c r="B71" s="29">
        <v>230</v>
      </c>
      <c r="C71" s="10">
        <v>201</v>
      </c>
      <c r="D71" s="9">
        <v>431</v>
      </c>
    </row>
    <row r="72" spans="1:4" ht="18" customHeight="1" x14ac:dyDescent="0.2">
      <c r="A72" s="16">
        <v>55</v>
      </c>
      <c r="B72" s="29">
        <v>35</v>
      </c>
      <c r="C72" s="10">
        <v>28</v>
      </c>
      <c r="D72" s="9">
        <v>63</v>
      </c>
    </row>
    <row r="73" spans="1:4" ht="18" customHeight="1" x14ac:dyDescent="0.2">
      <c r="A73" s="16">
        <v>56</v>
      </c>
      <c r="B73" s="29">
        <v>23</v>
      </c>
      <c r="C73" s="10">
        <v>24</v>
      </c>
      <c r="D73" s="9">
        <v>47</v>
      </c>
    </row>
    <row r="74" spans="1:4" ht="18" customHeight="1" x14ac:dyDescent="0.2">
      <c r="A74" s="16">
        <v>57</v>
      </c>
      <c r="B74" s="29">
        <v>30</v>
      </c>
      <c r="C74" s="10">
        <v>41</v>
      </c>
      <c r="D74" s="9">
        <v>71</v>
      </c>
    </row>
    <row r="75" spans="1:4" ht="18" customHeight="1" x14ac:dyDescent="0.2">
      <c r="A75" s="16">
        <v>58</v>
      </c>
      <c r="B75" s="29">
        <v>36</v>
      </c>
      <c r="C75" s="10">
        <v>30</v>
      </c>
      <c r="D75" s="9">
        <v>66</v>
      </c>
    </row>
    <row r="76" spans="1:4" ht="18" customHeight="1" x14ac:dyDescent="0.2">
      <c r="A76" s="16">
        <v>59</v>
      </c>
      <c r="B76" s="29">
        <v>33</v>
      </c>
      <c r="C76" s="10">
        <v>32</v>
      </c>
      <c r="D76" s="9">
        <v>65</v>
      </c>
    </row>
    <row r="77" spans="1:4" ht="18" customHeight="1" x14ac:dyDescent="0.2">
      <c r="A77" s="8" t="s">
        <v>13</v>
      </c>
      <c r="B77" s="29">
        <v>157</v>
      </c>
      <c r="C77" s="10">
        <v>155</v>
      </c>
      <c r="D77" s="9">
        <v>312</v>
      </c>
    </row>
    <row r="78" spans="1:4" ht="18" customHeight="1" x14ac:dyDescent="0.2">
      <c r="A78" s="16">
        <v>60</v>
      </c>
      <c r="B78" s="29">
        <v>39</v>
      </c>
      <c r="C78" s="10">
        <v>29</v>
      </c>
      <c r="D78" s="9">
        <v>68</v>
      </c>
    </row>
    <row r="79" spans="1:4" ht="18" customHeight="1" x14ac:dyDescent="0.2">
      <c r="A79" s="16">
        <v>61</v>
      </c>
      <c r="B79" s="29">
        <v>32</v>
      </c>
      <c r="C79" s="10">
        <v>27</v>
      </c>
      <c r="D79" s="9">
        <v>59</v>
      </c>
    </row>
    <row r="80" spans="1:4" ht="18" customHeight="1" x14ac:dyDescent="0.2">
      <c r="A80" s="16">
        <v>62</v>
      </c>
      <c r="B80" s="29">
        <v>25</v>
      </c>
      <c r="C80" s="10">
        <v>29</v>
      </c>
      <c r="D80" s="9">
        <v>54</v>
      </c>
    </row>
    <row r="81" spans="1:4" ht="18" customHeight="1" x14ac:dyDescent="0.2">
      <c r="A81" s="16">
        <v>63</v>
      </c>
      <c r="B81" s="29">
        <v>26</v>
      </c>
      <c r="C81" s="10">
        <v>27</v>
      </c>
      <c r="D81" s="9">
        <v>53</v>
      </c>
    </row>
    <row r="82" spans="1:4" ht="18" customHeight="1" x14ac:dyDescent="0.2">
      <c r="A82" s="16">
        <v>64</v>
      </c>
      <c r="B82" s="29">
        <v>22</v>
      </c>
      <c r="C82" s="10">
        <v>35</v>
      </c>
      <c r="D82" s="9">
        <v>57</v>
      </c>
    </row>
    <row r="83" spans="1:4" ht="18" customHeight="1" x14ac:dyDescent="0.2">
      <c r="A83" s="8" t="s">
        <v>12</v>
      </c>
      <c r="B83" s="29">
        <v>144</v>
      </c>
      <c r="C83" s="10">
        <v>147</v>
      </c>
      <c r="D83" s="9">
        <v>291</v>
      </c>
    </row>
    <row r="84" spans="1:4" ht="18" customHeight="1" x14ac:dyDescent="0.2">
      <c r="A84" s="8" t="s">
        <v>11</v>
      </c>
      <c r="B84" s="29">
        <v>1557</v>
      </c>
      <c r="C84" s="10">
        <v>1424</v>
      </c>
      <c r="D84" s="9">
        <v>2981</v>
      </c>
    </row>
    <row r="85" spans="1:4" ht="18" customHeight="1" x14ac:dyDescent="0.2">
      <c r="A85" s="16">
        <v>65</v>
      </c>
      <c r="B85" s="29">
        <v>37</v>
      </c>
      <c r="C85" s="10">
        <v>36</v>
      </c>
      <c r="D85" s="9">
        <v>73</v>
      </c>
    </row>
    <row r="86" spans="1:4" ht="18" customHeight="1" x14ac:dyDescent="0.2">
      <c r="A86" s="16">
        <v>66</v>
      </c>
      <c r="B86" s="29">
        <v>38</v>
      </c>
      <c r="C86" s="10">
        <v>43</v>
      </c>
      <c r="D86" s="9">
        <v>81</v>
      </c>
    </row>
    <row r="87" spans="1:4" ht="18" customHeight="1" x14ac:dyDescent="0.2">
      <c r="A87" s="16">
        <v>67</v>
      </c>
      <c r="B87" s="29">
        <v>35</v>
      </c>
      <c r="C87" s="10">
        <v>40</v>
      </c>
      <c r="D87" s="9">
        <v>75</v>
      </c>
    </row>
    <row r="88" spans="1:4" ht="18" customHeight="1" x14ac:dyDescent="0.2">
      <c r="A88" s="16">
        <v>68</v>
      </c>
      <c r="B88" s="29">
        <v>34</v>
      </c>
      <c r="C88" s="10">
        <v>44</v>
      </c>
      <c r="D88" s="9">
        <v>78</v>
      </c>
    </row>
    <row r="89" spans="1:4" ht="18" customHeight="1" x14ac:dyDescent="0.2">
      <c r="A89" s="16">
        <v>69</v>
      </c>
      <c r="B89" s="29">
        <v>34</v>
      </c>
      <c r="C89" s="10">
        <v>42</v>
      </c>
      <c r="D89" s="9">
        <v>76</v>
      </c>
    </row>
    <row r="90" spans="1:4" ht="18" customHeight="1" x14ac:dyDescent="0.2">
      <c r="A90" s="8" t="s">
        <v>10</v>
      </c>
      <c r="B90" s="29">
        <v>178</v>
      </c>
      <c r="C90" s="10">
        <v>205</v>
      </c>
      <c r="D90" s="9">
        <v>383</v>
      </c>
    </row>
    <row r="91" spans="1:4" ht="18" customHeight="1" x14ac:dyDescent="0.2">
      <c r="A91" s="16">
        <v>70</v>
      </c>
      <c r="B91" s="29">
        <v>38</v>
      </c>
      <c r="C91" s="10">
        <v>46</v>
      </c>
      <c r="D91" s="9">
        <v>84</v>
      </c>
    </row>
    <row r="92" spans="1:4" ht="18" customHeight="1" x14ac:dyDescent="0.2">
      <c r="A92" s="16">
        <v>71</v>
      </c>
      <c r="B92" s="29">
        <v>43</v>
      </c>
      <c r="C92" s="10">
        <v>38</v>
      </c>
      <c r="D92" s="9">
        <v>81</v>
      </c>
    </row>
    <row r="93" spans="1:4" ht="18" customHeight="1" x14ac:dyDescent="0.2">
      <c r="A93" s="16">
        <v>72</v>
      </c>
      <c r="B93" s="29">
        <v>48</v>
      </c>
      <c r="C93" s="10">
        <v>45</v>
      </c>
      <c r="D93" s="9">
        <v>93</v>
      </c>
    </row>
    <row r="94" spans="1:4" ht="18" customHeight="1" x14ac:dyDescent="0.2">
      <c r="A94" s="16">
        <v>73</v>
      </c>
      <c r="B94" s="29">
        <v>66</v>
      </c>
      <c r="C94" s="10">
        <v>66</v>
      </c>
      <c r="D94" s="9">
        <v>132</v>
      </c>
    </row>
    <row r="95" spans="1:4" ht="18" customHeight="1" x14ac:dyDescent="0.2">
      <c r="A95" s="16">
        <v>74</v>
      </c>
      <c r="B95" s="29">
        <v>58</v>
      </c>
      <c r="C95" s="10">
        <v>71</v>
      </c>
      <c r="D95" s="9">
        <v>129</v>
      </c>
    </row>
    <row r="96" spans="1:4" ht="18" customHeight="1" x14ac:dyDescent="0.2">
      <c r="A96" s="8" t="s">
        <v>9</v>
      </c>
      <c r="B96" s="29">
        <v>253</v>
      </c>
      <c r="C96" s="10">
        <v>266</v>
      </c>
      <c r="D96" s="9">
        <v>519</v>
      </c>
    </row>
    <row r="97" spans="1:4" ht="18" customHeight="1" x14ac:dyDescent="0.2">
      <c r="A97" s="16">
        <v>75</v>
      </c>
      <c r="B97" s="29">
        <v>36</v>
      </c>
      <c r="C97" s="10">
        <v>63</v>
      </c>
      <c r="D97" s="9">
        <v>99</v>
      </c>
    </row>
    <row r="98" spans="1:4" ht="18" customHeight="1" x14ac:dyDescent="0.2">
      <c r="A98" s="16">
        <v>76</v>
      </c>
      <c r="B98" s="29">
        <v>62</v>
      </c>
      <c r="C98" s="10">
        <v>65</v>
      </c>
      <c r="D98" s="9">
        <v>127</v>
      </c>
    </row>
    <row r="99" spans="1:4" ht="18" customHeight="1" x14ac:dyDescent="0.2">
      <c r="A99" s="16">
        <v>77</v>
      </c>
      <c r="B99" s="29">
        <v>25</v>
      </c>
      <c r="C99" s="10">
        <v>25</v>
      </c>
      <c r="D99" s="9">
        <v>50</v>
      </c>
    </row>
    <row r="100" spans="1:4" ht="18" customHeight="1" x14ac:dyDescent="0.2">
      <c r="A100" s="16">
        <v>78</v>
      </c>
      <c r="B100" s="29">
        <v>26</v>
      </c>
      <c r="C100" s="10">
        <v>61</v>
      </c>
      <c r="D100" s="9">
        <v>87</v>
      </c>
    </row>
    <row r="101" spans="1:4" ht="18" customHeight="1" x14ac:dyDescent="0.2">
      <c r="A101" s="16">
        <v>79</v>
      </c>
      <c r="B101" s="29">
        <v>46</v>
      </c>
      <c r="C101" s="10">
        <v>57</v>
      </c>
      <c r="D101" s="9">
        <v>103</v>
      </c>
    </row>
    <row r="102" spans="1:4" ht="18" customHeight="1" x14ac:dyDescent="0.2">
      <c r="A102" s="8" t="s">
        <v>8</v>
      </c>
      <c r="B102" s="29">
        <v>195</v>
      </c>
      <c r="C102" s="10">
        <v>271</v>
      </c>
      <c r="D102" s="9">
        <v>466</v>
      </c>
    </row>
    <row r="103" spans="1:4" ht="18" customHeight="1" x14ac:dyDescent="0.2">
      <c r="A103" s="16">
        <v>80</v>
      </c>
      <c r="B103" s="29">
        <v>34</v>
      </c>
      <c r="C103" s="10">
        <v>52</v>
      </c>
      <c r="D103" s="9">
        <v>86</v>
      </c>
    </row>
    <row r="104" spans="1:4" ht="18" customHeight="1" x14ac:dyDescent="0.2">
      <c r="A104" s="16">
        <v>81</v>
      </c>
      <c r="B104" s="29">
        <v>35</v>
      </c>
      <c r="C104" s="10">
        <v>46</v>
      </c>
      <c r="D104" s="9">
        <v>81</v>
      </c>
    </row>
    <row r="105" spans="1:4" ht="18" customHeight="1" x14ac:dyDescent="0.2">
      <c r="A105" s="16">
        <v>82</v>
      </c>
      <c r="B105" s="29">
        <v>37</v>
      </c>
      <c r="C105" s="10">
        <v>44</v>
      </c>
      <c r="D105" s="9">
        <v>81</v>
      </c>
    </row>
    <row r="106" spans="1:4" ht="18" customHeight="1" x14ac:dyDescent="0.2">
      <c r="A106" s="16">
        <v>83</v>
      </c>
      <c r="B106" s="29">
        <v>32</v>
      </c>
      <c r="C106" s="10">
        <v>34</v>
      </c>
      <c r="D106" s="9">
        <v>66</v>
      </c>
    </row>
    <row r="107" spans="1:4" ht="18" customHeight="1" x14ac:dyDescent="0.2">
      <c r="A107" s="16">
        <v>84</v>
      </c>
      <c r="B107" s="29">
        <v>19</v>
      </c>
      <c r="C107" s="10">
        <v>22</v>
      </c>
      <c r="D107" s="9">
        <v>41</v>
      </c>
    </row>
    <row r="108" spans="1:4" ht="18" customHeight="1" x14ac:dyDescent="0.2">
      <c r="A108" s="8" t="s">
        <v>7</v>
      </c>
      <c r="B108" s="29">
        <v>157</v>
      </c>
      <c r="C108" s="10">
        <v>198</v>
      </c>
      <c r="D108" s="9">
        <v>355</v>
      </c>
    </row>
    <row r="109" spans="1:4" ht="18" customHeight="1" x14ac:dyDescent="0.2">
      <c r="A109" s="16">
        <v>85</v>
      </c>
      <c r="B109" s="29">
        <v>19</v>
      </c>
      <c r="C109" s="10">
        <v>28</v>
      </c>
      <c r="D109" s="9">
        <v>47</v>
      </c>
    </row>
    <row r="110" spans="1:4" ht="18" customHeight="1" x14ac:dyDescent="0.2">
      <c r="A110" s="16">
        <v>86</v>
      </c>
      <c r="B110" s="29">
        <v>21</v>
      </c>
      <c r="C110" s="10">
        <v>33</v>
      </c>
      <c r="D110" s="9">
        <v>54</v>
      </c>
    </row>
    <row r="111" spans="1:4" ht="18" customHeight="1" x14ac:dyDescent="0.2">
      <c r="A111" s="16">
        <v>87</v>
      </c>
      <c r="B111" s="29">
        <v>18</v>
      </c>
      <c r="C111" s="10">
        <v>29</v>
      </c>
      <c r="D111" s="9">
        <v>47</v>
      </c>
    </row>
    <row r="112" spans="1:4" ht="18" customHeight="1" x14ac:dyDescent="0.2">
      <c r="A112" s="16">
        <v>88</v>
      </c>
      <c r="B112" s="29">
        <v>10</v>
      </c>
      <c r="C112" s="10">
        <v>16</v>
      </c>
      <c r="D112" s="9">
        <v>26</v>
      </c>
    </row>
    <row r="113" spans="1:4" ht="18" customHeight="1" x14ac:dyDescent="0.2">
      <c r="A113" s="16">
        <v>89</v>
      </c>
      <c r="B113" s="29">
        <v>19</v>
      </c>
      <c r="C113" s="10">
        <v>21</v>
      </c>
      <c r="D113" s="9">
        <v>40</v>
      </c>
    </row>
    <row r="114" spans="1:4" ht="18" customHeight="1" x14ac:dyDescent="0.2">
      <c r="A114" s="8" t="s">
        <v>6</v>
      </c>
      <c r="B114" s="29">
        <v>87</v>
      </c>
      <c r="C114" s="10">
        <v>127</v>
      </c>
      <c r="D114" s="9">
        <v>214</v>
      </c>
    </row>
    <row r="115" spans="1:4" ht="18" customHeight="1" x14ac:dyDescent="0.2">
      <c r="A115" s="16">
        <v>90</v>
      </c>
      <c r="B115" s="29">
        <v>4</v>
      </c>
      <c r="C115" s="10">
        <v>25</v>
      </c>
      <c r="D115" s="9">
        <v>29</v>
      </c>
    </row>
    <row r="116" spans="1:4" ht="18" customHeight="1" x14ac:dyDescent="0.2">
      <c r="A116" s="16">
        <v>91</v>
      </c>
      <c r="B116" s="29">
        <v>6</v>
      </c>
      <c r="C116" s="10">
        <v>20</v>
      </c>
      <c r="D116" s="9">
        <v>26</v>
      </c>
    </row>
    <row r="117" spans="1:4" ht="18" customHeight="1" x14ac:dyDescent="0.2">
      <c r="A117" s="16">
        <v>92</v>
      </c>
      <c r="B117" s="29">
        <v>2</v>
      </c>
      <c r="C117" s="10">
        <v>8</v>
      </c>
      <c r="D117" s="9">
        <v>10</v>
      </c>
    </row>
    <row r="118" spans="1:4" ht="18" customHeight="1" x14ac:dyDescent="0.2">
      <c r="A118" s="16">
        <v>93</v>
      </c>
      <c r="B118" s="29">
        <v>3</v>
      </c>
      <c r="C118" s="10">
        <v>17</v>
      </c>
      <c r="D118" s="9">
        <v>20</v>
      </c>
    </row>
    <row r="119" spans="1:4" ht="18" customHeight="1" x14ac:dyDescent="0.2">
      <c r="A119" s="16">
        <v>94</v>
      </c>
      <c r="B119" s="29">
        <v>2</v>
      </c>
      <c r="C119" s="10">
        <v>20</v>
      </c>
      <c r="D119" s="9">
        <v>22</v>
      </c>
    </row>
    <row r="120" spans="1:4" ht="18" customHeight="1" x14ac:dyDescent="0.2">
      <c r="A120" s="8" t="s">
        <v>5</v>
      </c>
      <c r="B120" s="29">
        <v>17</v>
      </c>
      <c r="C120" s="10">
        <v>90</v>
      </c>
      <c r="D120" s="9">
        <v>107</v>
      </c>
    </row>
    <row r="121" spans="1:4" ht="18" customHeight="1" x14ac:dyDescent="0.2">
      <c r="A121" s="16">
        <v>95</v>
      </c>
      <c r="B121" s="29">
        <v>6</v>
      </c>
      <c r="C121" s="10">
        <v>9</v>
      </c>
      <c r="D121" s="9">
        <v>15</v>
      </c>
    </row>
    <row r="122" spans="1:4" ht="18" customHeight="1" x14ac:dyDescent="0.2">
      <c r="A122" s="16">
        <v>96</v>
      </c>
      <c r="B122" s="29">
        <v>0</v>
      </c>
      <c r="C122" s="10">
        <v>11</v>
      </c>
      <c r="D122" s="9">
        <v>11</v>
      </c>
    </row>
    <row r="123" spans="1:4" ht="18" customHeight="1" x14ac:dyDescent="0.2">
      <c r="A123" s="16">
        <v>97</v>
      </c>
      <c r="B123" s="29">
        <v>0</v>
      </c>
      <c r="C123" s="10">
        <v>3</v>
      </c>
      <c r="D123" s="9">
        <v>3</v>
      </c>
    </row>
    <row r="124" spans="1:4" ht="18" customHeight="1" x14ac:dyDescent="0.2">
      <c r="A124" s="16">
        <v>98</v>
      </c>
      <c r="B124" s="29">
        <v>0</v>
      </c>
      <c r="C124" s="10">
        <v>5</v>
      </c>
      <c r="D124" s="9">
        <v>5</v>
      </c>
    </row>
    <row r="125" spans="1:4" ht="18" customHeight="1" x14ac:dyDescent="0.2">
      <c r="A125" s="16">
        <v>99</v>
      </c>
      <c r="B125" s="29">
        <v>0</v>
      </c>
      <c r="C125" s="10">
        <v>3</v>
      </c>
      <c r="D125" s="9">
        <v>3</v>
      </c>
    </row>
    <row r="126" spans="1:4" ht="18" customHeight="1" x14ac:dyDescent="0.2">
      <c r="A126" s="8" t="s">
        <v>4</v>
      </c>
      <c r="B126" s="29">
        <v>6</v>
      </c>
      <c r="C126" s="10">
        <v>31</v>
      </c>
      <c r="D126" s="9">
        <v>37</v>
      </c>
    </row>
    <row r="127" spans="1:4" ht="18" customHeight="1" x14ac:dyDescent="0.2">
      <c r="A127" s="16">
        <v>100</v>
      </c>
      <c r="B127" s="29">
        <v>0</v>
      </c>
      <c r="C127" s="10">
        <v>0</v>
      </c>
      <c r="D127" s="9">
        <v>0</v>
      </c>
    </row>
    <row r="128" spans="1:4" ht="18" customHeight="1" x14ac:dyDescent="0.2">
      <c r="A128" s="15" t="s">
        <v>3</v>
      </c>
      <c r="B128" s="29">
        <v>1</v>
      </c>
      <c r="C128" s="10">
        <v>3</v>
      </c>
      <c r="D128" s="9">
        <v>4</v>
      </c>
    </row>
    <row r="129" spans="1:4" ht="18" customHeight="1" x14ac:dyDescent="0.2">
      <c r="A129" s="8" t="s">
        <v>2</v>
      </c>
      <c r="B129" s="29">
        <v>1</v>
      </c>
      <c r="C129" s="10">
        <v>3</v>
      </c>
      <c r="D129" s="9">
        <v>4</v>
      </c>
    </row>
    <row r="130" spans="1:4" ht="18" customHeight="1" x14ac:dyDescent="0.2">
      <c r="A130" s="8" t="s">
        <v>1</v>
      </c>
      <c r="B130" s="28">
        <v>894</v>
      </c>
      <c r="C130" s="6">
        <v>1191</v>
      </c>
      <c r="D130" s="5">
        <v>2085</v>
      </c>
    </row>
    <row r="131" spans="1:4" ht="18" customHeight="1" x14ac:dyDescent="0.2">
      <c r="A131" s="4" t="s">
        <v>0</v>
      </c>
      <c r="B131" s="27">
        <v>2729</v>
      </c>
      <c r="C131" s="2">
        <v>2890</v>
      </c>
      <c r="D131" s="1">
        <v>5619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F166E44-1842-4DFF-B660-18767825A16C}">
  <sheetPr codeName="Sheet4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60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53</v>
      </c>
      <c r="C5" s="18">
        <v>61</v>
      </c>
      <c r="D5" s="17">
        <v>114</v>
      </c>
    </row>
    <row r="6" spans="1:4" ht="18" customHeight="1" x14ac:dyDescent="0.2">
      <c r="A6" s="16">
        <v>1</v>
      </c>
      <c r="B6" s="29">
        <v>58</v>
      </c>
      <c r="C6" s="10">
        <v>49</v>
      </c>
      <c r="D6" s="9">
        <v>107</v>
      </c>
    </row>
    <row r="7" spans="1:4" ht="18" customHeight="1" x14ac:dyDescent="0.2">
      <c r="A7" s="16">
        <v>2</v>
      </c>
      <c r="B7" s="29">
        <v>49</v>
      </c>
      <c r="C7" s="10">
        <v>44</v>
      </c>
      <c r="D7" s="9">
        <v>93</v>
      </c>
    </row>
    <row r="8" spans="1:4" ht="18" customHeight="1" x14ac:dyDescent="0.2">
      <c r="A8" s="16">
        <v>3</v>
      </c>
      <c r="B8" s="29">
        <v>46</v>
      </c>
      <c r="C8" s="10">
        <v>52</v>
      </c>
      <c r="D8" s="9">
        <v>98</v>
      </c>
    </row>
    <row r="9" spans="1:4" ht="18" customHeight="1" x14ac:dyDescent="0.2">
      <c r="A9" s="16">
        <v>4</v>
      </c>
      <c r="B9" s="29">
        <v>47</v>
      </c>
      <c r="C9" s="10">
        <v>56</v>
      </c>
      <c r="D9" s="9">
        <v>103</v>
      </c>
    </row>
    <row r="10" spans="1:4" ht="18" customHeight="1" x14ac:dyDescent="0.2">
      <c r="A10" s="8" t="s">
        <v>25</v>
      </c>
      <c r="B10" s="29">
        <v>253</v>
      </c>
      <c r="C10" s="10">
        <v>262</v>
      </c>
      <c r="D10" s="9">
        <v>515</v>
      </c>
    </row>
    <row r="11" spans="1:4" ht="18" customHeight="1" x14ac:dyDescent="0.2">
      <c r="A11" s="16">
        <v>5</v>
      </c>
      <c r="B11" s="29">
        <v>42</v>
      </c>
      <c r="C11" s="10">
        <v>62</v>
      </c>
      <c r="D11" s="9">
        <v>104</v>
      </c>
    </row>
    <row r="12" spans="1:4" ht="18" customHeight="1" x14ac:dyDescent="0.2">
      <c r="A12" s="16">
        <v>6</v>
      </c>
      <c r="B12" s="29">
        <v>52</v>
      </c>
      <c r="C12" s="10">
        <v>56</v>
      </c>
      <c r="D12" s="9">
        <v>108</v>
      </c>
    </row>
    <row r="13" spans="1:4" ht="18" customHeight="1" x14ac:dyDescent="0.2">
      <c r="A13" s="16">
        <v>7</v>
      </c>
      <c r="B13" s="29">
        <v>70</v>
      </c>
      <c r="C13" s="10">
        <v>47</v>
      </c>
      <c r="D13" s="9">
        <v>117</v>
      </c>
    </row>
    <row r="14" spans="1:4" ht="18" customHeight="1" x14ac:dyDescent="0.2">
      <c r="A14" s="16">
        <v>8</v>
      </c>
      <c r="B14" s="29">
        <v>67</v>
      </c>
      <c r="C14" s="10">
        <v>58</v>
      </c>
      <c r="D14" s="9">
        <v>125</v>
      </c>
    </row>
    <row r="15" spans="1:4" ht="18" customHeight="1" x14ac:dyDescent="0.2">
      <c r="A15" s="16">
        <v>9</v>
      </c>
      <c r="B15" s="29">
        <v>69</v>
      </c>
      <c r="C15" s="10">
        <v>59</v>
      </c>
      <c r="D15" s="9">
        <v>128</v>
      </c>
    </row>
    <row r="16" spans="1:4" ht="18" customHeight="1" x14ac:dyDescent="0.2">
      <c r="A16" s="8" t="s">
        <v>24</v>
      </c>
      <c r="B16" s="29">
        <v>300</v>
      </c>
      <c r="C16" s="10">
        <v>282</v>
      </c>
      <c r="D16" s="9">
        <v>582</v>
      </c>
    </row>
    <row r="17" spans="1:4" ht="18" customHeight="1" x14ac:dyDescent="0.2">
      <c r="A17" s="16">
        <v>10</v>
      </c>
      <c r="B17" s="29">
        <v>56</v>
      </c>
      <c r="C17" s="10">
        <v>57</v>
      </c>
      <c r="D17" s="9">
        <v>113</v>
      </c>
    </row>
    <row r="18" spans="1:4" ht="18" customHeight="1" x14ac:dyDescent="0.2">
      <c r="A18" s="16">
        <v>11</v>
      </c>
      <c r="B18" s="29">
        <v>60</v>
      </c>
      <c r="C18" s="10">
        <v>55</v>
      </c>
      <c r="D18" s="9">
        <v>115</v>
      </c>
    </row>
    <row r="19" spans="1:4" ht="18" customHeight="1" x14ac:dyDescent="0.2">
      <c r="A19" s="16">
        <v>12</v>
      </c>
      <c r="B19" s="29">
        <v>70</v>
      </c>
      <c r="C19" s="10">
        <v>64</v>
      </c>
      <c r="D19" s="9">
        <v>134</v>
      </c>
    </row>
    <row r="20" spans="1:4" ht="18" customHeight="1" x14ac:dyDescent="0.2">
      <c r="A20" s="16">
        <v>13</v>
      </c>
      <c r="B20" s="29">
        <v>66</v>
      </c>
      <c r="C20" s="10">
        <v>66</v>
      </c>
      <c r="D20" s="9">
        <v>132</v>
      </c>
    </row>
    <row r="21" spans="1:4" ht="18" customHeight="1" x14ac:dyDescent="0.2">
      <c r="A21" s="16">
        <v>14</v>
      </c>
      <c r="B21" s="29">
        <v>47</v>
      </c>
      <c r="C21" s="10">
        <v>55</v>
      </c>
      <c r="D21" s="9">
        <v>102</v>
      </c>
    </row>
    <row r="22" spans="1:4" ht="18" customHeight="1" x14ac:dyDescent="0.2">
      <c r="A22" s="8" t="s">
        <v>23</v>
      </c>
      <c r="B22" s="29">
        <v>299</v>
      </c>
      <c r="C22" s="10">
        <v>297</v>
      </c>
      <c r="D22" s="9">
        <v>596</v>
      </c>
    </row>
    <row r="23" spans="1:4" ht="18" customHeight="1" x14ac:dyDescent="0.2">
      <c r="A23" s="8" t="s">
        <v>22</v>
      </c>
      <c r="B23" s="29">
        <v>852</v>
      </c>
      <c r="C23" s="10">
        <v>841</v>
      </c>
      <c r="D23" s="9">
        <v>1693</v>
      </c>
    </row>
    <row r="24" spans="1:4" ht="18" customHeight="1" x14ac:dyDescent="0.2">
      <c r="A24" s="16">
        <v>15</v>
      </c>
      <c r="B24" s="29">
        <v>60</v>
      </c>
      <c r="C24" s="10">
        <v>58</v>
      </c>
      <c r="D24" s="9">
        <v>118</v>
      </c>
    </row>
    <row r="25" spans="1:4" ht="18" customHeight="1" x14ac:dyDescent="0.2">
      <c r="A25" s="16">
        <v>16</v>
      </c>
      <c r="B25" s="29">
        <v>79</v>
      </c>
      <c r="C25" s="10">
        <v>45</v>
      </c>
      <c r="D25" s="9">
        <v>124</v>
      </c>
    </row>
    <row r="26" spans="1:4" ht="18" customHeight="1" x14ac:dyDescent="0.2">
      <c r="A26" s="16">
        <v>17</v>
      </c>
      <c r="B26" s="29">
        <v>60</v>
      </c>
      <c r="C26" s="10">
        <v>46</v>
      </c>
      <c r="D26" s="9">
        <v>106</v>
      </c>
    </row>
    <row r="27" spans="1:4" ht="18" customHeight="1" x14ac:dyDescent="0.2">
      <c r="A27" s="16">
        <v>18</v>
      </c>
      <c r="B27" s="29">
        <v>55</v>
      </c>
      <c r="C27" s="10">
        <v>77</v>
      </c>
      <c r="D27" s="9">
        <v>132</v>
      </c>
    </row>
    <row r="28" spans="1:4" ht="18" customHeight="1" x14ac:dyDescent="0.2">
      <c r="A28" s="16">
        <v>19</v>
      </c>
      <c r="B28" s="29">
        <v>45</v>
      </c>
      <c r="C28" s="10">
        <v>50</v>
      </c>
      <c r="D28" s="9">
        <v>95</v>
      </c>
    </row>
    <row r="29" spans="1:4" ht="18" customHeight="1" x14ac:dyDescent="0.2">
      <c r="A29" s="8" t="s">
        <v>21</v>
      </c>
      <c r="B29" s="29">
        <v>299</v>
      </c>
      <c r="C29" s="10">
        <v>276</v>
      </c>
      <c r="D29" s="9">
        <v>575</v>
      </c>
    </row>
    <row r="30" spans="1:4" ht="18" customHeight="1" x14ac:dyDescent="0.2">
      <c r="A30" s="16">
        <v>20</v>
      </c>
      <c r="B30" s="29">
        <v>55</v>
      </c>
      <c r="C30" s="10">
        <v>54</v>
      </c>
      <c r="D30" s="9">
        <v>109</v>
      </c>
    </row>
    <row r="31" spans="1:4" ht="18" customHeight="1" x14ac:dyDescent="0.2">
      <c r="A31" s="16">
        <v>21</v>
      </c>
      <c r="B31" s="29">
        <v>61</v>
      </c>
      <c r="C31" s="10">
        <v>61</v>
      </c>
      <c r="D31" s="9">
        <v>122</v>
      </c>
    </row>
    <row r="32" spans="1:4" ht="18" customHeight="1" x14ac:dyDescent="0.2">
      <c r="A32" s="16">
        <v>22</v>
      </c>
      <c r="B32" s="29">
        <v>64</v>
      </c>
      <c r="C32" s="10">
        <v>74</v>
      </c>
      <c r="D32" s="9">
        <v>138</v>
      </c>
    </row>
    <row r="33" spans="1:4" ht="18" customHeight="1" x14ac:dyDescent="0.2">
      <c r="A33" s="16">
        <v>23</v>
      </c>
      <c r="B33" s="29">
        <v>90</v>
      </c>
      <c r="C33" s="10">
        <v>76</v>
      </c>
      <c r="D33" s="9">
        <v>166</v>
      </c>
    </row>
    <row r="34" spans="1:4" ht="18" customHeight="1" x14ac:dyDescent="0.2">
      <c r="A34" s="16">
        <v>24</v>
      </c>
      <c r="B34" s="29">
        <v>75</v>
      </c>
      <c r="C34" s="10">
        <v>69</v>
      </c>
      <c r="D34" s="9">
        <v>144</v>
      </c>
    </row>
    <row r="35" spans="1:4" ht="18" customHeight="1" x14ac:dyDescent="0.2">
      <c r="A35" s="8" t="s">
        <v>20</v>
      </c>
      <c r="B35" s="29">
        <v>345</v>
      </c>
      <c r="C35" s="10">
        <v>334</v>
      </c>
      <c r="D35" s="9">
        <v>679</v>
      </c>
    </row>
    <row r="36" spans="1:4" ht="18" customHeight="1" x14ac:dyDescent="0.2">
      <c r="A36" s="16">
        <v>25</v>
      </c>
      <c r="B36" s="29">
        <v>98</v>
      </c>
      <c r="C36" s="10">
        <v>77</v>
      </c>
      <c r="D36" s="9">
        <v>175</v>
      </c>
    </row>
    <row r="37" spans="1:4" ht="18" customHeight="1" x14ac:dyDescent="0.2">
      <c r="A37" s="16">
        <v>26</v>
      </c>
      <c r="B37" s="29">
        <v>86</v>
      </c>
      <c r="C37" s="10">
        <v>80</v>
      </c>
      <c r="D37" s="9">
        <v>166</v>
      </c>
    </row>
    <row r="38" spans="1:4" ht="18" customHeight="1" x14ac:dyDescent="0.2">
      <c r="A38" s="16">
        <v>27</v>
      </c>
      <c r="B38" s="29">
        <v>97</v>
      </c>
      <c r="C38" s="10">
        <v>83</v>
      </c>
      <c r="D38" s="9">
        <v>180</v>
      </c>
    </row>
    <row r="39" spans="1:4" ht="18" customHeight="1" x14ac:dyDescent="0.2">
      <c r="A39" s="16">
        <v>28</v>
      </c>
      <c r="B39" s="29">
        <v>93</v>
      </c>
      <c r="C39" s="10">
        <v>92</v>
      </c>
      <c r="D39" s="9">
        <v>185</v>
      </c>
    </row>
    <row r="40" spans="1:4" ht="18" customHeight="1" x14ac:dyDescent="0.2">
      <c r="A40" s="16">
        <v>29</v>
      </c>
      <c r="B40" s="29">
        <v>102</v>
      </c>
      <c r="C40" s="10">
        <v>79</v>
      </c>
      <c r="D40" s="9">
        <v>181</v>
      </c>
    </row>
    <row r="41" spans="1:4" ht="18" customHeight="1" x14ac:dyDescent="0.2">
      <c r="A41" s="8" t="s">
        <v>19</v>
      </c>
      <c r="B41" s="29">
        <v>476</v>
      </c>
      <c r="C41" s="10">
        <v>411</v>
      </c>
      <c r="D41" s="9">
        <v>887</v>
      </c>
    </row>
    <row r="42" spans="1:4" ht="18" customHeight="1" x14ac:dyDescent="0.2">
      <c r="A42" s="16">
        <v>30</v>
      </c>
      <c r="B42" s="29">
        <v>80</v>
      </c>
      <c r="C42" s="10">
        <v>78</v>
      </c>
      <c r="D42" s="9">
        <v>158</v>
      </c>
    </row>
    <row r="43" spans="1:4" ht="18" customHeight="1" x14ac:dyDescent="0.2">
      <c r="A43" s="16">
        <v>31</v>
      </c>
      <c r="B43" s="29">
        <v>86</v>
      </c>
      <c r="C43" s="10">
        <v>88</v>
      </c>
      <c r="D43" s="9">
        <v>174</v>
      </c>
    </row>
    <row r="44" spans="1:4" ht="18" customHeight="1" x14ac:dyDescent="0.2">
      <c r="A44" s="16">
        <v>32</v>
      </c>
      <c r="B44" s="29">
        <v>98</v>
      </c>
      <c r="C44" s="10">
        <v>81</v>
      </c>
      <c r="D44" s="9">
        <v>179</v>
      </c>
    </row>
    <row r="45" spans="1:4" ht="18" customHeight="1" x14ac:dyDescent="0.2">
      <c r="A45" s="16">
        <v>33</v>
      </c>
      <c r="B45" s="29">
        <v>97</v>
      </c>
      <c r="C45" s="10">
        <v>65</v>
      </c>
      <c r="D45" s="9">
        <v>162</v>
      </c>
    </row>
    <row r="46" spans="1:4" ht="18" customHeight="1" x14ac:dyDescent="0.2">
      <c r="A46" s="16">
        <v>34</v>
      </c>
      <c r="B46" s="29">
        <v>75</v>
      </c>
      <c r="C46" s="10">
        <v>72</v>
      </c>
      <c r="D46" s="9">
        <v>147</v>
      </c>
    </row>
    <row r="47" spans="1:4" ht="18" customHeight="1" x14ac:dyDescent="0.2">
      <c r="A47" s="8" t="s">
        <v>18</v>
      </c>
      <c r="B47" s="29">
        <v>436</v>
      </c>
      <c r="C47" s="10">
        <v>384</v>
      </c>
      <c r="D47" s="9">
        <v>820</v>
      </c>
    </row>
    <row r="48" spans="1:4" ht="18" customHeight="1" x14ac:dyDescent="0.2">
      <c r="A48" s="16">
        <v>35</v>
      </c>
      <c r="B48" s="29">
        <v>67</v>
      </c>
      <c r="C48" s="10">
        <v>74</v>
      </c>
      <c r="D48" s="9">
        <v>141</v>
      </c>
    </row>
    <row r="49" spans="1:4" ht="18" customHeight="1" x14ac:dyDescent="0.2">
      <c r="A49" s="16">
        <v>36</v>
      </c>
      <c r="B49" s="29">
        <v>72</v>
      </c>
      <c r="C49" s="10">
        <v>74</v>
      </c>
      <c r="D49" s="9">
        <v>146</v>
      </c>
    </row>
    <row r="50" spans="1:4" ht="18" customHeight="1" x14ac:dyDescent="0.2">
      <c r="A50" s="16">
        <v>37</v>
      </c>
      <c r="B50" s="29">
        <v>98</v>
      </c>
      <c r="C50" s="10">
        <v>77</v>
      </c>
      <c r="D50" s="9">
        <v>175</v>
      </c>
    </row>
    <row r="51" spans="1:4" ht="18" customHeight="1" x14ac:dyDescent="0.2">
      <c r="A51" s="16">
        <v>38</v>
      </c>
      <c r="B51" s="29">
        <v>91</v>
      </c>
      <c r="C51" s="10">
        <v>82</v>
      </c>
      <c r="D51" s="9">
        <v>173</v>
      </c>
    </row>
    <row r="52" spans="1:4" ht="18" customHeight="1" x14ac:dyDescent="0.2">
      <c r="A52" s="16">
        <v>39</v>
      </c>
      <c r="B52" s="29">
        <v>92</v>
      </c>
      <c r="C52" s="10">
        <v>74</v>
      </c>
      <c r="D52" s="9">
        <v>166</v>
      </c>
    </row>
    <row r="53" spans="1:4" ht="18" customHeight="1" x14ac:dyDescent="0.2">
      <c r="A53" s="8" t="s">
        <v>17</v>
      </c>
      <c r="B53" s="29">
        <v>420</v>
      </c>
      <c r="C53" s="10">
        <v>381</v>
      </c>
      <c r="D53" s="9">
        <v>801</v>
      </c>
    </row>
    <row r="54" spans="1:4" ht="18" customHeight="1" x14ac:dyDescent="0.2">
      <c r="A54" s="16">
        <v>40</v>
      </c>
      <c r="B54" s="29">
        <v>93</v>
      </c>
      <c r="C54" s="10">
        <v>67</v>
      </c>
      <c r="D54" s="9">
        <v>160</v>
      </c>
    </row>
    <row r="55" spans="1:4" ht="18" customHeight="1" x14ac:dyDescent="0.2">
      <c r="A55" s="16">
        <v>41</v>
      </c>
      <c r="B55" s="29">
        <v>76</v>
      </c>
      <c r="C55" s="10">
        <v>87</v>
      </c>
      <c r="D55" s="9">
        <v>163</v>
      </c>
    </row>
    <row r="56" spans="1:4" ht="18" customHeight="1" x14ac:dyDescent="0.2">
      <c r="A56" s="16">
        <v>42</v>
      </c>
      <c r="B56" s="29">
        <v>94</v>
      </c>
      <c r="C56" s="10">
        <v>85</v>
      </c>
      <c r="D56" s="9">
        <v>179</v>
      </c>
    </row>
    <row r="57" spans="1:4" ht="18" customHeight="1" x14ac:dyDescent="0.2">
      <c r="A57" s="16">
        <v>43</v>
      </c>
      <c r="B57" s="29">
        <v>96</v>
      </c>
      <c r="C57" s="10">
        <v>83</v>
      </c>
      <c r="D57" s="9">
        <v>179</v>
      </c>
    </row>
    <row r="58" spans="1:4" ht="18" customHeight="1" x14ac:dyDescent="0.2">
      <c r="A58" s="16">
        <v>44</v>
      </c>
      <c r="B58" s="29">
        <v>107</v>
      </c>
      <c r="C58" s="10">
        <v>102</v>
      </c>
      <c r="D58" s="9">
        <v>209</v>
      </c>
    </row>
    <row r="59" spans="1:4" ht="18" customHeight="1" x14ac:dyDescent="0.2">
      <c r="A59" s="8" t="s">
        <v>16</v>
      </c>
      <c r="B59" s="29">
        <v>466</v>
      </c>
      <c r="C59" s="10">
        <v>424</v>
      </c>
      <c r="D59" s="9">
        <v>890</v>
      </c>
    </row>
    <row r="60" spans="1:4" ht="18" customHeight="1" x14ac:dyDescent="0.2">
      <c r="A60" s="16">
        <v>45</v>
      </c>
      <c r="B60" s="29">
        <v>103</v>
      </c>
      <c r="C60" s="10">
        <v>96</v>
      </c>
      <c r="D60" s="9">
        <v>199</v>
      </c>
    </row>
    <row r="61" spans="1:4" ht="18" customHeight="1" x14ac:dyDescent="0.2">
      <c r="A61" s="16">
        <v>46</v>
      </c>
      <c r="B61" s="29">
        <v>112</v>
      </c>
      <c r="C61" s="10">
        <v>93</v>
      </c>
      <c r="D61" s="9">
        <v>205</v>
      </c>
    </row>
    <row r="62" spans="1:4" ht="18" customHeight="1" x14ac:dyDescent="0.2">
      <c r="A62" s="16">
        <v>47</v>
      </c>
      <c r="B62" s="29">
        <v>110</v>
      </c>
      <c r="C62" s="10">
        <v>104</v>
      </c>
      <c r="D62" s="9">
        <v>214</v>
      </c>
    </row>
    <row r="63" spans="1:4" ht="18" customHeight="1" x14ac:dyDescent="0.2">
      <c r="A63" s="16">
        <v>48</v>
      </c>
      <c r="B63" s="29">
        <v>118</v>
      </c>
      <c r="C63" s="10">
        <v>124</v>
      </c>
      <c r="D63" s="9">
        <v>242</v>
      </c>
    </row>
    <row r="64" spans="1:4" ht="18" customHeight="1" x14ac:dyDescent="0.2">
      <c r="A64" s="16">
        <v>49</v>
      </c>
      <c r="B64" s="29">
        <v>116</v>
      </c>
      <c r="C64" s="10">
        <v>106</v>
      </c>
      <c r="D64" s="9">
        <v>222</v>
      </c>
    </row>
    <row r="65" spans="1:4" ht="18" customHeight="1" x14ac:dyDescent="0.2">
      <c r="A65" s="8" t="s">
        <v>15</v>
      </c>
      <c r="B65" s="29">
        <v>559</v>
      </c>
      <c r="C65" s="10">
        <v>523</v>
      </c>
      <c r="D65" s="9">
        <v>1082</v>
      </c>
    </row>
    <row r="66" spans="1:4" ht="18" customHeight="1" x14ac:dyDescent="0.2">
      <c r="A66" s="16">
        <v>50</v>
      </c>
      <c r="B66" s="29">
        <v>110</v>
      </c>
      <c r="C66" s="10">
        <v>117</v>
      </c>
      <c r="D66" s="9">
        <v>227</v>
      </c>
    </row>
    <row r="67" spans="1:4" ht="18" customHeight="1" x14ac:dyDescent="0.2">
      <c r="A67" s="16">
        <v>51</v>
      </c>
      <c r="B67" s="29">
        <v>116</v>
      </c>
      <c r="C67" s="10">
        <v>95</v>
      </c>
      <c r="D67" s="9">
        <v>211</v>
      </c>
    </row>
    <row r="68" spans="1:4" ht="18" customHeight="1" x14ac:dyDescent="0.2">
      <c r="A68" s="16">
        <v>52</v>
      </c>
      <c r="B68" s="29">
        <v>111</v>
      </c>
      <c r="C68" s="10">
        <v>90</v>
      </c>
      <c r="D68" s="9">
        <v>201</v>
      </c>
    </row>
    <row r="69" spans="1:4" ht="18" customHeight="1" x14ac:dyDescent="0.2">
      <c r="A69" s="16">
        <v>53</v>
      </c>
      <c r="B69" s="29">
        <v>97</v>
      </c>
      <c r="C69" s="10">
        <v>95</v>
      </c>
      <c r="D69" s="9">
        <v>192</v>
      </c>
    </row>
    <row r="70" spans="1:4" ht="18" customHeight="1" x14ac:dyDescent="0.2">
      <c r="A70" s="16">
        <v>54</v>
      </c>
      <c r="B70" s="29">
        <v>92</v>
      </c>
      <c r="C70" s="10">
        <v>90</v>
      </c>
      <c r="D70" s="9">
        <v>182</v>
      </c>
    </row>
    <row r="71" spans="1:4" ht="18" customHeight="1" x14ac:dyDescent="0.2">
      <c r="A71" s="8" t="s">
        <v>14</v>
      </c>
      <c r="B71" s="29">
        <v>526</v>
      </c>
      <c r="C71" s="10">
        <v>487</v>
      </c>
      <c r="D71" s="9">
        <v>1013</v>
      </c>
    </row>
    <row r="72" spans="1:4" ht="18" customHeight="1" x14ac:dyDescent="0.2">
      <c r="A72" s="16">
        <v>55</v>
      </c>
      <c r="B72" s="29">
        <v>97</v>
      </c>
      <c r="C72" s="10">
        <v>80</v>
      </c>
      <c r="D72" s="9">
        <v>177</v>
      </c>
    </row>
    <row r="73" spans="1:4" ht="18" customHeight="1" x14ac:dyDescent="0.2">
      <c r="A73" s="16">
        <v>56</v>
      </c>
      <c r="B73" s="29">
        <v>71</v>
      </c>
      <c r="C73" s="10">
        <v>87</v>
      </c>
      <c r="D73" s="9">
        <v>158</v>
      </c>
    </row>
    <row r="74" spans="1:4" ht="18" customHeight="1" x14ac:dyDescent="0.2">
      <c r="A74" s="16">
        <v>57</v>
      </c>
      <c r="B74" s="29">
        <v>72</v>
      </c>
      <c r="C74" s="10">
        <v>89</v>
      </c>
      <c r="D74" s="9">
        <v>161</v>
      </c>
    </row>
    <row r="75" spans="1:4" ht="18" customHeight="1" x14ac:dyDescent="0.2">
      <c r="A75" s="16">
        <v>58</v>
      </c>
      <c r="B75" s="29">
        <v>66</v>
      </c>
      <c r="C75" s="10">
        <v>79</v>
      </c>
      <c r="D75" s="9">
        <v>145</v>
      </c>
    </row>
    <row r="76" spans="1:4" ht="18" customHeight="1" x14ac:dyDescent="0.2">
      <c r="A76" s="16">
        <v>59</v>
      </c>
      <c r="B76" s="29">
        <v>92</v>
      </c>
      <c r="C76" s="10">
        <v>92</v>
      </c>
      <c r="D76" s="9">
        <v>184</v>
      </c>
    </row>
    <row r="77" spans="1:4" ht="18" customHeight="1" x14ac:dyDescent="0.2">
      <c r="A77" s="8" t="s">
        <v>13</v>
      </c>
      <c r="B77" s="29">
        <v>398</v>
      </c>
      <c r="C77" s="10">
        <v>427</v>
      </c>
      <c r="D77" s="9">
        <v>825</v>
      </c>
    </row>
    <row r="78" spans="1:4" ht="18" customHeight="1" x14ac:dyDescent="0.2">
      <c r="A78" s="16">
        <v>60</v>
      </c>
      <c r="B78" s="29">
        <v>77</v>
      </c>
      <c r="C78" s="10">
        <v>82</v>
      </c>
      <c r="D78" s="9">
        <v>159</v>
      </c>
    </row>
    <row r="79" spans="1:4" ht="18" customHeight="1" x14ac:dyDescent="0.2">
      <c r="A79" s="16">
        <v>61</v>
      </c>
      <c r="B79" s="29">
        <v>60</v>
      </c>
      <c r="C79" s="10">
        <v>65</v>
      </c>
      <c r="D79" s="9">
        <v>125</v>
      </c>
    </row>
    <row r="80" spans="1:4" ht="18" customHeight="1" x14ac:dyDescent="0.2">
      <c r="A80" s="16">
        <v>62</v>
      </c>
      <c r="B80" s="29">
        <v>68</v>
      </c>
      <c r="C80" s="10">
        <v>54</v>
      </c>
      <c r="D80" s="9">
        <v>122</v>
      </c>
    </row>
    <row r="81" spans="1:4" ht="18" customHeight="1" x14ac:dyDescent="0.2">
      <c r="A81" s="16">
        <v>63</v>
      </c>
      <c r="B81" s="29">
        <v>76</v>
      </c>
      <c r="C81" s="10">
        <v>87</v>
      </c>
      <c r="D81" s="9">
        <v>163</v>
      </c>
    </row>
    <row r="82" spans="1:4" ht="18" customHeight="1" x14ac:dyDescent="0.2">
      <c r="A82" s="16">
        <v>64</v>
      </c>
      <c r="B82" s="29">
        <v>63</v>
      </c>
      <c r="C82" s="10">
        <v>75</v>
      </c>
      <c r="D82" s="9">
        <v>138</v>
      </c>
    </row>
    <row r="83" spans="1:4" ht="18" customHeight="1" x14ac:dyDescent="0.2">
      <c r="A83" s="8" t="s">
        <v>12</v>
      </c>
      <c r="B83" s="29">
        <v>344</v>
      </c>
      <c r="C83" s="10">
        <v>363</v>
      </c>
      <c r="D83" s="9">
        <v>707</v>
      </c>
    </row>
    <row r="84" spans="1:4" ht="18" customHeight="1" x14ac:dyDescent="0.2">
      <c r="A84" s="8" t="s">
        <v>11</v>
      </c>
      <c r="B84" s="29">
        <v>4269</v>
      </c>
      <c r="C84" s="10">
        <v>4010</v>
      </c>
      <c r="D84" s="9">
        <v>8279</v>
      </c>
    </row>
    <row r="85" spans="1:4" ht="18" customHeight="1" x14ac:dyDescent="0.2">
      <c r="A85" s="16">
        <v>65</v>
      </c>
      <c r="B85" s="29">
        <v>69</v>
      </c>
      <c r="C85" s="10">
        <v>62</v>
      </c>
      <c r="D85" s="9">
        <v>131</v>
      </c>
    </row>
    <row r="86" spans="1:4" ht="18" customHeight="1" x14ac:dyDescent="0.2">
      <c r="A86" s="16">
        <v>66</v>
      </c>
      <c r="B86" s="29">
        <v>65</v>
      </c>
      <c r="C86" s="10">
        <v>71</v>
      </c>
      <c r="D86" s="9">
        <v>136</v>
      </c>
    </row>
    <row r="87" spans="1:4" ht="18" customHeight="1" x14ac:dyDescent="0.2">
      <c r="A87" s="16">
        <v>67</v>
      </c>
      <c r="B87" s="29">
        <v>67</v>
      </c>
      <c r="C87" s="10">
        <v>83</v>
      </c>
      <c r="D87" s="9">
        <v>150</v>
      </c>
    </row>
    <row r="88" spans="1:4" ht="18" customHeight="1" x14ac:dyDescent="0.2">
      <c r="A88" s="16">
        <v>68</v>
      </c>
      <c r="B88" s="29">
        <v>71</v>
      </c>
      <c r="C88" s="10">
        <v>92</v>
      </c>
      <c r="D88" s="9">
        <v>163</v>
      </c>
    </row>
    <row r="89" spans="1:4" ht="18" customHeight="1" x14ac:dyDescent="0.2">
      <c r="A89" s="16">
        <v>69</v>
      </c>
      <c r="B89" s="29">
        <v>63</v>
      </c>
      <c r="C89" s="10">
        <v>83</v>
      </c>
      <c r="D89" s="9">
        <v>146</v>
      </c>
    </row>
    <row r="90" spans="1:4" ht="18" customHeight="1" x14ac:dyDescent="0.2">
      <c r="A90" s="8" t="s">
        <v>10</v>
      </c>
      <c r="B90" s="29">
        <v>335</v>
      </c>
      <c r="C90" s="10">
        <v>391</v>
      </c>
      <c r="D90" s="9">
        <v>726</v>
      </c>
    </row>
    <row r="91" spans="1:4" ht="18" customHeight="1" x14ac:dyDescent="0.2">
      <c r="A91" s="16">
        <v>70</v>
      </c>
      <c r="B91" s="29">
        <v>65</v>
      </c>
      <c r="C91" s="10">
        <v>84</v>
      </c>
      <c r="D91" s="9">
        <v>149</v>
      </c>
    </row>
    <row r="92" spans="1:4" ht="18" customHeight="1" x14ac:dyDescent="0.2">
      <c r="A92" s="16">
        <v>71</v>
      </c>
      <c r="B92" s="29">
        <v>81</v>
      </c>
      <c r="C92" s="10">
        <v>69</v>
      </c>
      <c r="D92" s="9">
        <v>150</v>
      </c>
    </row>
    <row r="93" spans="1:4" ht="18" customHeight="1" x14ac:dyDescent="0.2">
      <c r="A93" s="16">
        <v>72</v>
      </c>
      <c r="B93" s="29">
        <v>88</v>
      </c>
      <c r="C93" s="10">
        <v>87</v>
      </c>
      <c r="D93" s="9">
        <v>175</v>
      </c>
    </row>
    <row r="94" spans="1:4" ht="18" customHeight="1" x14ac:dyDescent="0.2">
      <c r="A94" s="16">
        <v>73</v>
      </c>
      <c r="B94" s="29">
        <v>85</v>
      </c>
      <c r="C94" s="10">
        <v>88</v>
      </c>
      <c r="D94" s="9">
        <v>173</v>
      </c>
    </row>
    <row r="95" spans="1:4" ht="18" customHeight="1" x14ac:dyDescent="0.2">
      <c r="A95" s="16">
        <v>74</v>
      </c>
      <c r="B95" s="29">
        <v>91</v>
      </c>
      <c r="C95" s="10">
        <v>86</v>
      </c>
      <c r="D95" s="9">
        <v>177</v>
      </c>
    </row>
    <row r="96" spans="1:4" ht="18" customHeight="1" x14ac:dyDescent="0.2">
      <c r="A96" s="8" t="s">
        <v>9</v>
      </c>
      <c r="B96" s="29">
        <v>410</v>
      </c>
      <c r="C96" s="10">
        <v>414</v>
      </c>
      <c r="D96" s="9">
        <v>824</v>
      </c>
    </row>
    <row r="97" spans="1:4" ht="18" customHeight="1" x14ac:dyDescent="0.2">
      <c r="A97" s="16">
        <v>75</v>
      </c>
      <c r="B97" s="29">
        <v>95</v>
      </c>
      <c r="C97" s="10">
        <v>95</v>
      </c>
      <c r="D97" s="9">
        <v>190</v>
      </c>
    </row>
    <row r="98" spans="1:4" ht="18" customHeight="1" x14ac:dyDescent="0.2">
      <c r="A98" s="16">
        <v>76</v>
      </c>
      <c r="B98" s="29">
        <v>77</v>
      </c>
      <c r="C98" s="10">
        <v>100</v>
      </c>
      <c r="D98" s="9">
        <v>177</v>
      </c>
    </row>
    <row r="99" spans="1:4" ht="18" customHeight="1" x14ac:dyDescent="0.2">
      <c r="A99" s="16">
        <v>77</v>
      </c>
      <c r="B99" s="29">
        <v>48</v>
      </c>
      <c r="C99" s="10">
        <v>50</v>
      </c>
      <c r="D99" s="9">
        <v>98</v>
      </c>
    </row>
    <row r="100" spans="1:4" ht="18" customHeight="1" x14ac:dyDescent="0.2">
      <c r="A100" s="16">
        <v>78</v>
      </c>
      <c r="B100" s="29">
        <v>54</v>
      </c>
      <c r="C100" s="10">
        <v>78</v>
      </c>
      <c r="D100" s="9">
        <v>132</v>
      </c>
    </row>
    <row r="101" spans="1:4" ht="18" customHeight="1" x14ac:dyDescent="0.2">
      <c r="A101" s="16">
        <v>79</v>
      </c>
      <c r="B101" s="29">
        <v>57</v>
      </c>
      <c r="C101" s="10">
        <v>91</v>
      </c>
      <c r="D101" s="9">
        <v>148</v>
      </c>
    </row>
    <row r="102" spans="1:4" ht="18" customHeight="1" x14ac:dyDescent="0.2">
      <c r="A102" s="8" t="s">
        <v>8</v>
      </c>
      <c r="B102" s="29">
        <v>331</v>
      </c>
      <c r="C102" s="10">
        <v>414</v>
      </c>
      <c r="D102" s="9">
        <v>745</v>
      </c>
    </row>
    <row r="103" spans="1:4" ht="18" customHeight="1" x14ac:dyDescent="0.2">
      <c r="A103" s="16">
        <v>80</v>
      </c>
      <c r="B103" s="29">
        <v>54</v>
      </c>
      <c r="C103" s="10">
        <v>73</v>
      </c>
      <c r="D103" s="9">
        <v>127</v>
      </c>
    </row>
    <row r="104" spans="1:4" ht="18" customHeight="1" x14ac:dyDescent="0.2">
      <c r="A104" s="16">
        <v>81</v>
      </c>
      <c r="B104" s="29">
        <v>45</v>
      </c>
      <c r="C104" s="10">
        <v>95</v>
      </c>
      <c r="D104" s="9">
        <v>140</v>
      </c>
    </row>
    <row r="105" spans="1:4" ht="18" customHeight="1" x14ac:dyDescent="0.2">
      <c r="A105" s="16">
        <v>82</v>
      </c>
      <c r="B105" s="29">
        <v>49</v>
      </c>
      <c r="C105" s="10">
        <v>60</v>
      </c>
      <c r="D105" s="9">
        <v>109</v>
      </c>
    </row>
    <row r="106" spans="1:4" ht="18" customHeight="1" x14ac:dyDescent="0.2">
      <c r="A106" s="16">
        <v>83</v>
      </c>
      <c r="B106" s="29">
        <v>45</v>
      </c>
      <c r="C106" s="10">
        <v>81</v>
      </c>
      <c r="D106" s="9">
        <v>126</v>
      </c>
    </row>
    <row r="107" spans="1:4" ht="18" customHeight="1" x14ac:dyDescent="0.2">
      <c r="A107" s="16">
        <v>84</v>
      </c>
      <c r="B107" s="29">
        <v>29</v>
      </c>
      <c r="C107" s="10">
        <v>50</v>
      </c>
      <c r="D107" s="9">
        <v>79</v>
      </c>
    </row>
    <row r="108" spans="1:4" ht="18" customHeight="1" x14ac:dyDescent="0.2">
      <c r="A108" s="8" t="s">
        <v>7</v>
      </c>
      <c r="B108" s="29">
        <v>222</v>
      </c>
      <c r="C108" s="10">
        <v>359</v>
      </c>
      <c r="D108" s="9">
        <v>581</v>
      </c>
    </row>
    <row r="109" spans="1:4" ht="18" customHeight="1" x14ac:dyDescent="0.2">
      <c r="A109" s="16">
        <v>85</v>
      </c>
      <c r="B109" s="29">
        <v>34</v>
      </c>
      <c r="C109" s="10">
        <v>62</v>
      </c>
      <c r="D109" s="9">
        <v>96</v>
      </c>
    </row>
    <row r="110" spans="1:4" ht="18" customHeight="1" x14ac:dyDescent="0.2">
      <c r="A110" s="16">
        <v>86</v>
      </c>
      <c r="B110" s="29">
        <v>33</v>
      </c>
      <c r="C110" s="10">
        <v>58</v>
      </c>
      <c r="D110" s="9">
        <v>91</v>
      </c>
    </row>
    <row r="111" spans="1:4" ht="18" customHeight="1" x14ac:dyDescent="0.2">
      <c r="A111" s="16">
        <v>87</v>
      </c>
      <c r="B111" s="29">
        <v>30</v>
      </c>
      <c r="C111" s="10">
        <v>63</v>
      </c>
      <c r="D111" s="9">
        <v>93</v>
      </c>
    </row>
    <row r="112" spans="1:4" ht="18" customHeight="1" x14ac:dyDescent="0.2">
      <c r="A112" s="16">
        <v>88</v>
      </c>
      <c r="B112" s="29">
        <v>20</v>
      </c>
      <c r="C112" s="10">
        <v>44</v>
      </c>
      <c r="D112" s="9">
        <v>64</v>
      </c>
    </row>
    <row r="113" spans="1:4" ht="18" customHeight="1" x14ac:dyDescent="0.2">
      <c r="A113" s="16">
        <v>89</v>
      </c>
      <c r="B113" s="29">
        <v>18</v>
      </c>
      <c r="C113" s="10">
        <v>26</v>
      </c>
      <c r="D113" s="9">
        <v>44</v>
      </c>
    </row>
    <row r="114" spans="1:4" ht="18" customHeight="1" x14ac:dyDescent="0.2">
      <c r="A114" s="8" t="s">
        <v>6</v>
      </c>
      <c r="B114" s="29">
        <v>135</v>
      </c>
      <c r="C114" s="10">
        <v>253</v>
      </c>
      <c r="D114" s="9">
        <v>388</v>
      </c>
    </row>
    <row r="115" spans="1:4" ht="18" customHeight="1" x14ac:dyDescent="0.2">
      <c r="A115" s="16">
        <v>90</v>
      </c>
      <c r="B115" s="29">
        <v>18</v>
      </c>
      <c r="C115" s="10">
        <v>45</v>
      </c>
      <c r="D115" s="9">
        <v>63</v>
      </c>
    </row>
    <row r="116" spans="1:4" ht="18" customHeight="1" x14ac:dyDescent="0.2">
      <c r="A116" s="16">
        <v>91</v>
      </c>
      <c r="B116" s="29">
        <v>10</v>
      </c>
      <c r="C116" s="10">
        <v>31</v>
      </c>
      <c r="D116" s="9">
        <v>41</v>
      </c>
    </row>
    <row r="117" spans="1:4" ht="18" customHeight="1" x14ac:dyDescent="0.2">
      <c r="A117" s="16">
        <v>92</v>
      </c>
      <c r="B117" s="29">
        <v>7</v>
      </c>
      <c r="C117" s="10">
        <v>30</v>
      </c>
      <c r="D117" s="9">
        <v>37</v>
      </c>
    </row>
    <row r="118" spans="1:4" ht="18" customHeight="1" x14ac:dyDescent="0.2">
      <c r="A118" s="16">
        <v>93</v>
      </c>
      <c r="B118" s="29">
        <v>2</v>
      </c>
      <c r="C118" s="10">
        <v>16</v>
      </c>
      <c r="D118" s="9">
        <v>18</v>
      </c>
    </row>
    <row r="119" spans="1:4" ht="18" customHeight="1" x14ac:dyDescent="0.2">
      <c r="A119" s="16">
        <v>94</v>
      </c>
      <c r="B119" s="29">
        <v>5</v>
      </c>
      <c r="C119" s="10">
        <v>17</v>
      </c>
      <c r="D119" s="9">
        <v>22</v>
      </c>
    </row>
    <row r="120" spans="1:4" ht="18" customHeight="1" x14ac:dyDescent="0.2">
      <c r="A120" s="8" t="s">
        <v>5</v>
      </c>
      <c r="B120" s="29">
        <v>42</v>
      </c>
      <c r="C120" s="10">
        <v>139</v>
      </c>
      <c r="D120" s="9">
        <v>181</v>
      </c>
    </row>
    <row r="121" spans="1:4" ht="18" customHeight="1" x14ac:dyDescent="0.2">
      <c r="A121" s="16">
        <v>95</v>
      </c>
      <c r="B121" s="29">
        <v>3</v>
      </c>
      <c r="C121" s="10">
        <v>12</v>
      </c>
      <c r="D121" s="9">
        <v>15</v>
      </c>
    </row>
    <row r="122" spans="1:4" ht="18" customHeight="1" x14ac:dyDescent="0.2">
      <c r="A122" s="16">
        <v>96</v>
      </c>
      <c r="B122" s="29">
        <v>4</v>
      </c>
      <c r="C122" s="10">
        <v>8</v>
      </c>
      <c r="D122" s="9">
        <v>12</v>
      </c>
    </row>
    <row r="123" spans="1:4" ht="18" customHeight="1" x14ac:dyDescent="0.2">
      <c r="A123" s="16">
        <v>97</v>
      </c>
      <c r="B123" s="29">
        <v>1</v>
      </c>
      <c r="C123" s="10">
        <v>10</v>
      </c>
      <c r="D123" s="9">
        <v>11</v>
      </c>
    </row>
    <row r="124" spans="1:4" ht="18" customHeight="1" x14ac:dyDescent="0.2">
      <c r="A124" s="16">
        <v>98</v>
      </c>
      <c r="B124" s="29">
        <v>1</v>
      </c>
      <c r="C124" s="10">
        <v>5</v>
      </c>
      <c r="D124" s="9">
        <v>6</v>
      </c>
    </row>
    <row r="125" spans="1:4" ht="18" customHeight="1" x14ac:dyDescent="0.2">
      <c r="A125" s="16">
        <v>99</v>
      </c>
      <c r="B125" s="29">
        <v>0</v>
      </c>
      <c r="C125" s="10">
        <v>8</v>
      </c>
      <c r="D125" s="9">
        <v>8</v>
      </c>
    </row>
    <row r="126" spans="1:4" ht="18" customHeight="1" x14ac:dyDescent="0.2">
      <c r="A126" s="8" t="s">
        <v>4</v>
      </c>
      <c r="B126" s="29">
        <v>9</v>
      </c>
      <c r="C126" s="10">
        <v>43</v>
      </c>
      <c r="D126" s="9">
        <v>52</v>
      </c>
    </row>
    <row r="127" spans="1:4" ht="18" customHeight="1" x14ac:dyDescent="0.2">
      <c r="A127" s="16">
        <v>100</v>
      </c>
      <c r="B127" s="29">
        <v>0</v>
      </c>
      <c r="C127" s="10">
        <v>3</v>
      </c>
      <c r="D127" s="9">
        <v>3</v>
      </c>
    </row>
    <row r="128" spans="1:4" ht="18" customHeight="1" x14ac:dyDescent="0.2">
      <c r="A128" s="15" t="s">
        <v>3</v>
      </c>
      <c r="B128" s="29">
        <v>2</v>
      </c>
      <c r="C128" s="10">
        <v>4</v>
      </c>
      <c r="D128" s="9">
        <v>6</v>
      </c>
    </row>
    <row r="129" spans="1:4" ht="18" customHeight="1" x14ac:dyDescent="0.2">
      <c r="A129" s="8" t="s">
        <v>2</v>
      </c>
      <c r="B129" s="29">
        <v>2</v>
      </c>
      <c r="C129" s="10">
        <v>7</v>
      </c>
      <c r="D129" s="9">
        <v>9</v>
      </c>
    </row>
    <row r="130" spans="1:4" ht="18" customHeight="1" x14ac:dyDescent="0.2">
      <c r="A130" s="8" t="s">
        <v>1</v>
      </c>
      <c r="B130" s="28">
        <v>1486</v>
      </c>
      <c r="C130" s="6">
        <v>2020</v>
      </c>
      <c r="D130" s="5">
        <v>3506</v>
      </c>
    </row>
    <row r="131" spans="1:4" ht="18" customHeight="1" x14ac:dyDescent="0.2">
      <c r="A131" s="4" t="s">
        <v>0</v>
      </c>
      <c r="B131" s="27">
        <v>6607</v>
      </c>
      <c r="C131" s="2">
        <v>6871</v>
      </c>
      <c r="D131" s="1">
        <v>13478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528B28D-DFA4-4845-850F-A8269837F9B0}">
  <sheetPr codeName="Sheet4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61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38</v>
      </c>
      <c r="C5" s="18">
        <v>29</v>
      </c>
      <c r="D5" s="17">
        <v>67</v>
      </c>
    </row>
    <row r="6" spans="1:4" ht="18" customHeight="1" x14ac:dyDescent="0.2">
      <c r="A6" s="16">
        <v>1</v>
      </c>
      <c r="B6" s="29">
        <v>46</v>
      </c>
      <c r="C6" s="10">
        <v>33</v>
      </c>
      <c r="D6" s="9">
        <v>79</v>
      </c>
    </row>
    <row r="7" spans="1:4" ht="18" customHeight="1" x14ac:dyDescent="0.2">
      <c r="A7" s="16">
        <v>2</v>
      </c>
      <c r="B7" s="29">
        <v>33</v>
      </c>
      <c r="C7" s="10">
        <v>34</v>
      </c>
      <c r="D7" s="9">
        <v>67</v>
      </c>
    </row>
    <row r="8" spans="1:4" ht="18" customHeight="1" x14ac:dyDescent="0.2">
      <c r="A8" s="16">
        <v>3</v>
      </c>
      <c r="B8" s="29">
        <v>33</v>
      </c>
      <c r="C8" s="10">
        <v>30</v>
      </c>
      <c r="D8" s="9">
        <v>63</v>
      </c>
    </row>
    <row r="9" spans="1:4" ht="18" customHeight="1" x14ac:dyDescent="0.2">
      <c r="A9" s="16">
        <v>4</v>
      </c>
      <c r="B9" s="29">
        <v>26</v>
      </c>
      <c r="C9" s="10">
        <v>31</v>
      </c>
      <c r="D9" s="9">
        <v>57</v>
      </c>
    </row>
    <row r="10" spans="1:4" ht="18" customHeight="1" x14ac:dyDescent="0.2">
      <c r="A10" s="8" t="s">
        <v>25</v>
      </c>
      <c r="B10" s="29">
        <v>176</v>
      </c>
      <c r="C10" s="10">
        <v>157</v>
      </c>
      <c r="D10" s="9">
        <v>333</v>
      </c>
    </row>
    <row r="11" spans="1:4" ht="18" customHeight="1" x14ac:dyDescent="0.2">
      <c r="A11" s="16">
        <v>5</v>
      </c>
      <c r="B11" s="29">
        <v>27</v>
      </c>
      <c r="C11" s="10">
        <v>39</v>
      </c>
      <c r="D11" s="9">
        <v>66</v>
      </c>
    </row>
    <row r="12" spans="1:4" ht="18" customHeight="1" x14ac:dyDescent="0.2">
      <c r="A12" s="16">
        <v>6</v>
      </c>
      <c r="B12" s="29">
        <v>41</v>
      </c>
      <c r="C12" s="10">
        <v>28</v>
      </c>
      <c r="D12" s="9">
        <v>69</v>
      </c>
    </row>
    <row r="13" spans="1:4" ht="18" customHeight="1" x14ac:dyDescent="0.2">
      <c r="A13" s="16">
        <v>7</v>
      </c>
      <c r="B13" s="29">
        <v>38</v>
      </c>
      <c r="C13" s="10">
        <v>30</v>
      </c>
      <c r="D13" s="9">
        <v>68</v>
      </c>
    </row>
    <row r="14" spans="1:4" ht="18" customHeight="1" x14ac:dyDescent="0.2">
      <c r="A14" s="16">
        <v>8</v>
      </c>
      <c r="B14" s="29">
        <v>32</v>
      </c>
      <c r="C14" s="10">
        <v>30</v>
      </c>
      <c r="D14" s="9">
        <v>62</v>
      </c>
    </row>
    <row r="15" spans="1:4" ht="18" customHeight="1" x14ac:dyDescent="0.2">
      <c r="A15" s="16">
        <v>9</v>
      </c>
      <c r="B15" s="29">
        <v>34</v>
      </c>
      <c r="C15" s="10">
        <v>28</v>
      </c>
      <c r="D15" s="9">
        <v>62</v>
      </c>
    </row>
    <row r="16" spans="1:4" ht="18" customHeight="1" x14ac:dyDescent="0.2">
      <c r="A16" s="8" t="s">
        <v>24</v>
      </c>
      <c r="B16" s="29">
        <v>172</v>
      </c>
      <c r="C16" s="10">
        <v>155</v>
      </c>
      <c r="D16" s="9">
        <v>327</v>
      </c>
    </row>
    <row r="17" spans="1:4" ht="18" customHeight="1" x14ac:dyDescent="0.2">
      <c r="A17" s="16">
        <v>10</v>
      </c>
      <c r="B17" s="29">
        <v>23</v>
      </c>
      <c r="C17" s="10">
        <v>33</v>
      </c>
      <c r="D17" s="9">
        <v>56</v>
      </c>
    </row>
    <row r="18" spans="1:4" ht="18" customHeight="1" x14ac:dyDescent="0.2">
      <c r="A18" s="16">
        <v>11</v>
      </c>
      <c r="B18" s="29">
        <v>22</v>
      </c>
      <c r="C18" s="10">
        <v>26</v>
      </c>
      <c r="D18" s="9">
        <v>48</v>
      </c>
    </row>
    <row r="19" spans="1:4" ht="18" customHeight="1" x14ac:dyDescent="0.2">
      <c r="A19" s="16">
        <v>12</v>
      </c>
      <c r="B19" s="29">
        <v>21</v>
      </c>
      <c r="C19" s="10">
        <v>24</v>
      </c>
      <c r="D19" s="9">
        <v>45</v>
      </c>
    </row>
    <row r="20" spans="1:4" ht="18" customHeight="1" x14ac:dyDescent="0.2">
      <c r="A20" s="16">
        <v>13</v>
      </c>
      <c r="B20" s="29">
        <v>19</v>
      </c>
      <c r="C20" s="10">
        <v>13</v>
      </c>
      <c r="D20" s="9">
        <v>32</v>
      </c>
    </row>
    <row r="21" spans="1:4" ht="18" customHeight="1" x14ac:dyDescent="0.2">
      <c r="A21" s="16">
        <v>14</v>
      </c>
      <c r="B21" s="29">
        <v>23</v>
      </c>
      <c r="C21" s="10">
        <v>22</v>
      </c>
      <c r="D21" s="9">
        <v>45</v>
      </c>
    </row>
    <row r="22" spans="1:4" ht="18" customHeight="1" x14ac:dyDescent="0.2">
      <c r="A22" s="8" t="s">
        <v>23</v>
      </c>
      <c r="B22" s="29">
        <v>108</v>
      </c>
      <c r="C22" s="10">
        <v>118</v>
      </c>
      <c r="D22" s="9">
        <v>226</v>
      </c>
    </row>
    <row r="23" spans="1:4" ht="18" customHeight="1" x14ac:dyDescent="0.2">
      <c r="A23" s="8" t="s">
        <v>22</v>
      </c>
      <c r="B23" s="29">
        <v>456</v>
      </c>
      <c r="C23" s="10">
        <v>430</v>
      </c>
      <c r="D23" s="9">
        <v>886</v>
      </c>
    </row>
    <row r="24" spans="1:4" ht="18" customHeight="1" x14ac:dyDescent="0.2">
      <c r="A24" s="16">
        <v>15</v>
      </c>
      <c r="B24" s="29">
        <v>27</v>
      </c>
      <c r="C24" s="10">
        <v>17</v>
      </c>
      <c r="D24" s="9">
        <v>44</v>
      </c>
    </row>
    <row r="25" spans="1:4" ht="18" customHeight="1" x14ac:dyDescent="0.2">
      <c r="A25" s="16">
        <v>16</v>
      </c>
      <c r="B25" s="29">
        <v>18</v>
      </c>
      <c r="C25" s="10">
        <v>17</v>
      </c>
      <c r="D25" s="9">
        <v>35</v>
      </c>
    </row>
    <row r="26" spans="1:4" ht="18" customHeight="1" x14ac:dyDescent="0.2">
      <c r="A26" s="16">
        <v>17</v>
      </c>
      <c r="B26" s="29">
        <v>14</v>
      </c>
      <c r="C26" s="10">
        <v>17</v>
      </c>
      <c r="D26" s="9">
        <v>31</v>
      </c>
    </row>
    <row r="27" spans="1:4" ht="18" customHeight="1" x14ac:dyDescent="0.2">
      <c r="A27" s="16">
        <v>18</v>
      </c>
      <c r="B27" s="29">
        <v>17</v>
      </c>
      <c r="C27" s="10">
        <v>20</v>
      </c>
      <c r="D27" s="9">
        <v>37</v>
      </c>
    </row>
    <row r="28" spans="1:4" ht="18" customHeight="1" x14ac:dyDescent="0.2">
      <c r="A28" s="16">
        <v>19</v>
      </c>
      <c r="B28" s="29">
        <v>24</v>
      </c>
      <c r="C28" s="10">
        <v>21</v>
      </c>
      <c r="D28" s="9">
        <v>45</v>
      </c>
    </row>
    <row r="29" spans="1:4" ht="18" customHeight="1" x14ac:dyDescent="0.2">
      <c r="A29" s="8" t="s">
        <v>21</v>
      </c>
      <c r="B29" s="29">
        <v>100</v>
      </c>
      <c r="C29" s="10">
        <v>92</v>
      </c>
      <c r="D29" s="9">
        <v>192</v>
      </c>
    </row>
    <row r="30" spans="1:4" ht="18" customHeight="1" x14ac:dyDescent="0.2">
      <c r="A30" s="16">
        <v>20</v>
      </c>
      <c r="B30" s="29">
        <v>25</v>
      </c>
      <c r="C30" s="10">
        <v>29</v>
      </c>
      <c r="D30" s="9">
        <v>54</v>
      </c>
    </row>
    <row r="31" spans="1:4" ht="18" customHeight="1" x14ac:dyDescent="0.2">
      <c r="A31" s="16">
        <v>21</v>
      </c>
      <c r="B31" s="29">
        <v>29</v>
      </c>
      <c r="C31" s="10">
        <v>25</v>
      </c>
      <c r="D31" s="9">
        <v>54</v>
      </c>
    </row>
    <row r="32" spans="1:4" ht="18" customHeight="1" x14ac:dyDescent="0.2">
      <c r="A32" s="16">
        <v>22</v>
      </c>
      <c r="B32" s="29">
        <v>29</v>
      </c>
      <c r="C32" s="10">
        <v>28</v>
      </c>
      <c r="D32" s="9">
        <v>57</v>
      </c>
    </row>
    <row r="33" spans="1:4" ht="18" customHeight="1" x14ac:dyDescent="0.2">
      <c r="A33" s="16">
        <v>23</v>
      </c>
      <c r="B33" s="29">
        <v>30</v>
      </c>
      <c r="C33" s="10">
        <v>39</v>
      </c>
      <c r="D33" s="9">
        <v>69</v>
      </c>
    </row>
    <row r="34" spans="1:4" ht="18" customHeight="1" x14ac:dyDescent="0.2">
      <c r="A34" s="16">
        <v>24</v>
      </c>
      <c r="B34" s="29">
        <v>39</v>
      </c>
      <c r="C34" s="10">
        <v>36</v>
      </c>
      <c r="D34" s="9">
        <v>75</v>
      </c>
    </row>
    <row r="35" spans="1:4" ht="18" customHeight="1" x14ac:dyDescent="0.2">
      <c r="A35" s="8" t="s">
        <v>20</v>
      </c>
      <c r="B35" s="29">
        <v>152</v>
      </c>
      <c r="C35" s="10">
        <v>157</v>
      </c>
      <c r="D35" s="9">
        <v>309</v>
      </c>
    </row>
    <row r="36" spans="1:4" ht="18" customHeight="1" x14ac:dyDescent="0.2">
      <c r="A36" s="16">
        <v>25</v>
      </c>
      <c r="B36" s="29">
        <v>41</v>
      </c>
      <c r="C36" s="10">
        <v>34</v>
      </c>
      <c r="D36" s="9">
        <v>75</v>
      </c>
    </row>
    <row r="37" spans="1:4" ht="18" customHeight="1" x14ac:dyDescent="0.2">
      <c r="A37" s="16">
        <v>26</v>
      </c>
      <c r="B37" s="29">
        <v>43</v>
      </c>
      <c r="C37" s="10">
        <v>39</v>
      </c>
      <c r="D37" s="9">
        <v>82</v>
      </c>
    </row>
    <row r="38" spans="1:4" ht="18" customHeight="1" x14ac:dyDescent="0.2">
      <c r="A38" s="16">
        <v>27</v>
      </c>
      <c r="B38" s="29">
        <v>44</v>
      </c>
      <c r="C38" s="10">
        <v>46</v>
      </c>
      <c r="D38" s="9">
        <v>90</v>
      </c>
    </row>
    <row r="39" spans="1:4" ht="18" customHeight="1" x14ac:dyDescent="0.2">
      <c r="A39" s="16">
        <v>28</v>
      </c>
      <c r="B39" s="29">
        <v>44</v>
      </c>
      <c r="C39" s="10">
        <v>37</v>
      </c>
      <c r="D39" s="9">
        <v>81</v>
      </c>
    </row>
    <row r="40" spans="1:4" ht="18" customHeight="1" x14ac:dyDescent="0.2">
      <c r="A40" s="16">
        <v>29</v>
      </c>
      <c r="B40" s="29">
        <v>46</v>
      </c>
      <c r="C40" s="10">
        <v>52</v>
      </c>
      <c r="D40" s="9">
        <v>98</v>
      </c>
    </row>
    <row r="41" spans="1:4" ht="18" customHeight="1" x14ac:dyDescent="0.2">
      <c r="A41" s="8" t="s">
        <v>19</v>
      </c>
      <c r="B41" s="29">
        <v>218</v>
      </c>
      <c r="C41" s="10">
        <v>208</v>
      </c>
      <c r="D41" s="9">
        <v>426</v>
      </c>
    </row>
    <row r="42" spans="1:4" ht="18" customHeight="1" x14ac:dyDescent="0.2">
      <c r="A42" s="16">
        <v>30</v>
      </c>
      <c r="B42" s="29">
        <v>40</v>
      </c>
      <c r="C42" s="10">
        <v>50</v>
      </c>
      <c r="D42" s="9">
        <v>90</v>
      </c>
    </row>
    <row r="43" spans="1:4" ht="18" customHeight="1" x14ac:dyDescent="0.2">
      <c r="A43" s="16">
        <v>31</v>
      </c>
      <c r="B43" s="29">
        <v>63</v>
      </c>
      <c r="C43" s="10">
        <v>47</v>
      </c>
      <c r="D43" s="9">
        <v>110</v>
      </c>
    </row>
    <row r="44" spans="1:4" ht="18" customHeight="1" x14ac:dyDescent="0.2">
      <c r="A44" s="16">
        <v>32</v>
      </c>
      <c r="B44" s="29">
        <v>44</v>
      </c>
      <c r="C44" s="10">
        <v>45</v>
      </c>
      <c r="D44" s="9">
        <v>89</v>
      </c>
    </row>
    <row r="45" spans="1:4" ht="18" customHeight="1" x14ac:dyDescent="0.2">
      <c r="A45" s="16">
        <v>33</v>
      </c>
      <c r="B45" s="29">
        <v>49</v>
      </c>
      <c r="C45" s="10">
        <v>36</v>
      </c>
      <c r="D45" s="9">
        <v>85</v>
      </c>
    </row>
    <row r="46" spans="1:4" ht="18" customHeight="1" x14ac:dyDescent="0.2">
      <c r="A46" s="16">
        <v>34</v>
      </c>
      <c r="B46" s="29">
        <v>43</v>
      </c>
      <c r="C46" s="10">
        <v>48</v>
      </c>
      <c r="D46" s="9">
        <v>91</v>
      </c>
    </row>
    <row r="47" spans="1:4" ht="18" customHeight="1" x14ac:dyDescent="0.2">
      <c r="A47" s="8" t="s">
        <v>18</v>
      </c>
      <c r="B47" s="29">
        <v>239</v>
      </c>
      <c r="C47" s="10">
        <v>226</v>
      </c>
      <c r="D47" s="9">
        <v>465</v>
      </c>
    </row>
    <row r="48" spans="1:4" ht="18" customHeight="1" x14ac:dyDescent="0.2">
      <c r="A48" s="16">
        <v>35</v>
      </c>
      <c r="B48" s="29">
        <v>59</v>
      </c>
      <c r="C48" s="10">
        <v>47</v>
      </c>
      <c r="D48" s="9">
        <v>106</v>
      </c>
    </row>
    <row r="49" spans="1:4" ht="18" customHeight="1" x14ac:dyDescent="0.2">
      <c r="A49" s="16">
        <v>36</v>
      </c>
      <c r="B49" s="29">
        <v>38</v>
      </c>
      <c r="C49" s="10">
        <v>45</v>
      </c>
      <c r="D49" s="9">
        <v>83</v>
      </c>
    </row>
    <row r="50" spans="1:4" ht="18" customHeight="1" x14ac:dyDescent="0.2">
      <c r="A50" s="16">
        <v>37</v>
      </c>
      <c r="B50" s="29">
        <v>68</v>
      </c>
      <c r="C50" s="10">
        <v>51</v>
      </c>
      <c r="D50" s="9">
        <v>119</v>
      </c>
    </row>
    <row r="51" spans="1:4" ht="18" customHeight="1" x14ac:dyDescent="0.2">
      <c r="A51" s="16">
        <v>38</v>
      </c>
      <c r="B51" s="29">
        <v>55</v>
      </c>
      <c r="C51" s="10">
        <v>39</v>
      </c>
      <c r="D51" s="9">
        <v>94</v>
      </c>
    </row>
    <row r="52" spans="1:4" ht="18" customHeight="1" x14ac:dyDescent="0.2">
      <c r="A52" s="16">
        <v>39</v>
      </c>
      <c r="B52" s="29">
        <v>49</v>
      </c>
      <c r="C52" s="10">
        <v>28</v>
      </c>
      <c r="D52" s="9">
        <v>77</v>
      </c>
    </row>
    <row r="53" spans="1:4" ht="18" customHeight="1" x14ac:dyDescent="0.2">
      <c r="A53" s="8" t="s">
        <v>17</v>
      </c>
      <c r="B53" s="29">
        <v>269</v>
      </c>
      <c r="C53" s="10">
        <v>210</v>
      </c>
      <c r="D53" s="9">
        <v>479</v>
      </c>
    </row>
    <row r="54" spans="1:4" ht="18" customHeight="1" x14ac:dyDescent="0.2">
      <c r="A54" s="16">
        <v>40</v>
      </c>
      <c r="B54" s="29">
        <v>47</v>
      </c>
      <c r="C54" s="10">
        <v>35</v>
      </c>
      <c r="D54" s="9">
        <v>82</v>
      </c>
    </row>
    <row r="55" spans="1:4" ht="18" customHeight="1" x14ac:dyDescent="0.2">
      <c r="A55" s="16">
        <v>41</v>
      </c>
      <c r="B55" s="29">
        <v>38</v>
      </c>
      <c r="C55" s="10">
        <v>37</v>
      </c>
      <c r="D55" s="9">
        <v>75</v>
      </c>
    </row>
    <row r="56" spans="1:4" ht="18" customHeight="1" x14ac:dyDescent="0.2">
      <c r="A56" s="16">
        <v>42</v>
      </c>
      <c r="B56" s="29">
        <v>43</v>
      </c>
      <c r="C56" s="10">
        <v>42</v>
      </c>
      <c r="D56" s="9">
        <v>85</v>
      </c>
    </row>
    <row r="57" spans="1:4" ht="18" customHeight="1" x14ac:dyDescent="0.2">
      <c r="A57" s="16">
        <v>43</v>
      </c>
      <c r="B57" s="29">
        <v>33</v>
      </c>
      <c r="C57" s="10">
        <v>47</v>
      </c>
      <c r="D57" s="9">
        <v>80</v>
      </c>
    </row>
    <row r="58" spans="1:4" ht="18" customHeight="1" x14ac:dyDescent="0.2">
      <c r="A58" s="16">
        <v>44</v>
      </c>
      <c r="B58" s="29">
        <v>52</v>
      </c>
      <c r="C58" s="10">
        <v>39</v>
      </c>
      <c r="D58" s="9">
        <v>91</v>
      </c>
    </row>
    <row r="59" spans="1:4" ht="18" customHeight="1" x14ac:dyDescent="0.2">
      <c r="A59" s="8" t="s">
        <v>16</v>
      </c>
      <c r="B59" s="29">
        <v>213</v>
      </c>
      <c r="C59" s="10">
        <v>200</v>
      </c>
      <c r="D59" s="9">
        <v>413</v>
      </c>
    </row>
    <row r="60" spans="1:4" ht="18" customHeight="1" x14ac:dyDescent="0.2">
      <c r="A60" s="16">
        <v>45</v>
      </c>
      <c r="B60" s="29">
        <v>47</v>
      </c>
      <c r="C60" s="10">
        <v>42</v>
      </c>
      <c r="D60" s="9">
        <v>89</v>
      </c>
    </row>
    <row r="61" spans="1:4" ht="18" customHeight="1" x14ac:dyDescent="0.2">
      <c r="A61" s="16">
        <v>46</v>
      </c>
      <c r="B61" s="29">
        <v>60</v>
      </c>
      <c r="C61" s="10">
        <v>34</v>
      </c>
      <c r="D61" s="9">
        <v>94</v>
      </c>
    </row>
    <row r="62" spans="1:4" ht="18" customHeight="1" x14ac:dyDescent="0.2">
      <c r="A62" s="16">
        <v>47</v>
      </c>
      <c r="B62" s="29">
        <v>49</v>
      </c>
      <c r="C62" s="10">
        <v>36</v>
      </c>
      <c r="D62" s="9">
        <v>85</v>
      </c>
    </row>
    <row r="63" spans="1:4" ht="18" customHeight="1" x14ac:dyDescent="0.2">
      <c r="A63" s="16">
        <v>48</v>
      </c>
      <c r="B63" s="29">
        <v>45</v>
      </c>
      <c r="C63" s="10">
        <v>44</v>
      </c>
      <c r="D63" s="9">
        <v>89</v>
      </c>
    </row>
    <row r="64" spans="1:4" ht="18" customHeight="1" x14ac:dyDescent="0.2">
      <c r="A64" s="16">
        <v>49</v>
      </c>
      <c r="B64" s="29">
        <v>53</v>
      </c>
      <c r="C64" s="10">
        <v>49</v>
      </c>
      <c r="D64" s="9">
        <v>102</v>
      </c>
    </row>
    <row r="65" spans="1:4" ht="18" customHeight="1" x14ac:dyDescent="0.2">
      <c r="A65" s="8" t="s">
        <v>15</v>
      </c>
      <c r="B65" s="29">
        <v>254</v>
      </c>
      <c r="C65" s="10">
        <v>205</v>
      </c>
      <c r="D65" s="9">
        <v>459</v>
      </c>
    </row>
    <row r="66" spans="1:4" ht="18" customHeight="1" x14ac:dyDescent="0.2">
      <c r="A66" s="16">
        <v>50</v>
      </c>
      <c r="B66" s="29">
        <v>39</v>
      </c>
      <c r="C66" s="10">
        <v>43</v>
      </c>
      <c r="D66" s="9">
        <v>82</v>
      </c>
    </row>
    <row r="67" spans="1:4" ht="18" customHeight="1" x14ac:dyDescent="0.2">
      <c r="A67" s="16">
        <v>51</v>
      </c>
      <c r="B67" s="29">
        <v>44</v>
      </c>
      <c r="C67" s="10">
        <v>40</v>
      </c>
      <c r="D67" s="9">
        <v>84</v>
      </c>
    </row>
    <row r="68" spans="1:4" ht="18" customHeight="1" x14ac:dyDescent="0.2">
      <c r="A68" s="16">
        <v>52</v>
      </c>
      <c r="B68" s="29">
        <v>28</v>
      </c>
      <c r="C68" s="10">
        <v>34</v>
      </c>
      <c r="D68" s="9">
        <v>62</v>
      </c>
    </row>
    <row r="69" spans="1:4" ht="18" customHeight="1" x14ac:dyDescent="0.2">
      <c r="A69" s="16">
        <v>53</v>
      </c>
      <c r="B69" s="29">
        <v>36</v>
      </c>
      <c r="C69" s="10">
        <v>28</v>
      </c>
      <c r="D69" s="9">
        <v>64</v>
      </c>
    </row>
    <row r="70" spans="1:4" ht="18" customHeight="1" x14ac:dyDescent="0.2">
      <c r="A70" s="16">
        <v>54</v>
      </c>
      <c r="B70" s="29">
        <v>49</v>
      </c>
      <c r="C70" s="10">
        <v>33</v>
      </c>
      <c r="D70" s="9">
        <v>82</v>
      </c>
    </row>
    <row r="71" spans="1:4" ht="18" customHeight="1" x14ac:dyDescent="0.2">
      <c r="A71" s="8" t="s">
        <v>14</v>
      </c>
      <c r="B71" s="29">
        <v>196</v>
      </c>
      <c r="C71" s="10">
        <v>178</v>
      </c>
      <c r="D71" s="9">
        <v>374</v>
      </c>
    </row>
    <row r="72" spans="1:4" ht="18" customHeight="1" x14ac:dyDescent="0.2">
      <c r="A72" s="16">
        <v>55</v>
      </c>
      <c r="B72" s="29">
        <v>29</v>
      </c>
      <c r="C72" s="10">
        <v>35</v>
      </c>
      <c r="D72" s="9">
        <v>64</v>
      </c>
    </row>
    <row r="73" spans="1:4" ht="18" customHeight="1" x14ac:dyDescent="0.2">
      <c r="A73" s="16">
        <v>56</v>
      </c>
      <c r="B73" s="29">
        <v>20</v>
      </c>
      <c r="C73" s="10">
        <v>23</v>
      </c>
      <c r="D73" s="9">
        <v>43</v>
      </c>
    </row>
    <row r="74" spans="1:4" ht="18" customHeight="1" x14ac:dyDescent="0.2">
      <c r="A74" s="16">
        <v>57</v>
      </c>
      <c r="B74" s="29">
        <v>28</v>
      </c>
      <c r="C74" s="10">
        <v>12</v>
      </c>
      <c r="D74" s="9">
        <v>40</v>
      </c>
    </row>
    <row r="75" spans="1:4" ht="18" customHeight="1" x14ac:dyDescent="0.2">
      <c r="A75" s="16">
        <v>58</v>
      </c>
      <c r="B75" s="29">
        <v>31</v>
      </c>
      <c r="C75" s="10">
        <v>33</v>
      </c>
      <c r="D75" s="9">
        <v>64</v>
      </c>
    </row>
    <row r="76" spans="1:4" ht="18" customHeight="1" x14ac:dyDescent="0.2">
      <c r="A76" s="16">
        <v>59</v>
      </c>
      <c r="B76" s="29">
        <v>27</v>
      </c>
      <c r="C76" s="10">
        <v>31</v>
      </c>
      <c r="D76" s="9">
        <v>58</v>
      </c>
    </row>
    <row r="77" spans="1:4" ht="18" customHeight="1" x14ac:dyDescent="0.2">
      <c r="A77" s="8" t="s">
        <v>13</v>
      </c>
      <c r="B77" s="29">
        <v>135</v>
      </c>
      <c r="C77" s="10">
        <v>134</v>
      </c>
      <c r="D77" s="9">
        <v>269</v>
      </c>
    </row>
    <row r="78" spans="1:4" ht="18" customHeight="1" x14ac:dyDescent="0.2">
      <c r="A78" s="16">
        <v>60</v>
      </c>
      <c r="B78" s="29">
        <v>18</v>
      </c>
      <c r="C78" s="10">
        <v>21</v>
      </c>
      <c r="D78" s="9">
        <v>39</v>
      </c>
    </row>
    <row r="79" spans="1:4" ht="18" customHeight="1" x14ac:dyDescent="0.2">
      <c r="A79" s="16">
        <v>61</v>
      </c>
      <c r="B79" s="29">
        <v>25</v>
      </c>
      <c r="C79" s="10">
        <v>14</v>
      </c>
      <c r="D79" s="9">
        <v>39</v>
      </c>
    </row>
    <row r="80" spans="1:4" ht="18" customHeight="1" x14ac:dyDescent="0.2">
      <c r="A80" s="16">
        <v>62</v>
      </c>
      <c r="B80" s="29">
        <v>16</v>
      </c>
      <c r="C80" s="10">
        <v>30</v>
      </c>
      <c r="D80" s="9">
        <v>46</v>
      </c>
    </row>
    <row r="81" spans="1:4" ht="18" customHeight="1" x14ac:dyDescent="0.2">
      <c r="A81" s="16">
        <v>63</v>
      </c>
      <c r="B81" s="29">
        <v>14</v>
      </c>
      <c r="C81" s="10">
        <v>19</v>
      </c>
      <c r="D81" s="9">
        <v>33</v>
      </c>
    </row>
    <row r="82" spans="1:4" ht="18" customHeight="1" x14ac:dyDescent="0.2">
      <c r="A82" s="16">
        <v>64</v>
      </c>
      <c r="B82" s="29">
        <v>23</v>
      </c>
      <c r="C82" s="10">
        <v>28</v>
      </c>
      <c r="D82" s="9">
        <v>51</v>
      </c>
    </row>
    <row r="83" spans="1:4" ht="18" customHeight="1" x14ac:dyDescent="0.2">
      <c r="A83" s="8" t="s">
        <v>12</v>
      </c>
      <c r="B83" s="29">
        <v>96</v>
      </c>
      <c r="C83" s="10">
        <v>112</v>
      </c>
      <c r="D83" s="9">
        <v>208</v>
      </c>
    </row>
    <row r="84" spans="1:4" ht="18" customHeight="1" x14ac:dyDescent="0.2">
      <c r="A84" s="8" t="s">
        <v>11</v>
      </c>
      <c r="B84" s="29">
        <v>1872</v>
      </c>
      <c r="C84" s="10">
        <v>1722</v>
      </c>
      <c r="D84" s="9">
        <v>3594</v>
      </c>
    </row>
    <row r="85" spans="1:4" ht="18" customHeight="1" x14ac:dyDescent="0.2">
      <c r="A85" s="16">
        <v>65</v>
      </c>
      <c r="B85" s="29">
        <v>23</v>
      </c>
      <c r="C85" s="10">
        <v>20</v>
      </c>
      <c r="D85" s="9">
        <v>43</v>
      </c>
    </row>
    <row r="86" spans="1:4" ht="18" customHeight="1" x14ac:dyDescent="0.2">
      <c r="A86" s="16">
        <v>66</v>
      </c>
      <c r="B86" s="29">
        <v>21</v>
      </c>
      <c r="C86" s="10">
        <v>15</v>
      </c>
      <c r="D86" s="9">
        <v>36</v>
      </c>
    </row>
    <row r="87" spans="1:4" ht="18" customHeight="1" x14ac:dyDescent="0.2">
      <c r="A87" s="16">
        <v>67</v>
      </c>
      <c r="B87" s="29">
        <v>26</v>
      </c>
      <c r="C87" s="10">
        <v>18</v>
      </c>
      <c r="D87" s="9">
        <v>44</v>
      </c>
    </row>
    <row r="88" spans="1:4" ht="18" customHeight="1" x14ac:dyDescent="0.2">
      <c r="A88" s="16">
        <v>68</v>
      </c>
      <c r="B88" s="29">
        <v>27</v>
      </c>
      <c r="C88" s="10">
        <v>23</v>
      </c>
      <c r="D88" s="9">
        <v>50</v>
      </c>
    </row>
    <row r="89" spans="1:4" ht="18" customHeight="1" x14ac:dyDescent="0.2">
      <c r="A89" s="16">
        <v>69</v>
      </c>
      <c r="B89" s="29">
        <v>24</v>
      </c>
      <c r="C89" s="10">
        <v>24</v>
      </c>
      <c r="D89" s="9">
        <v>48</v>
      </c>
    </row>
    <row r="90" spans="1:4" ht="18" customHeight="1" x14ac:dyDescent="0.2">
      <c r="A90" s="8" t="s">
        <v>10</v>
      </c>
      <c r="B90" s="29">
        <v>121</v>
      </c>
      <c r="C90" s="10">
        <v>100</v>
      </c>
      <c r="D90" s="9">
        <v>221</v>
      </c>
    </row>
    <row r="91" spans="1:4" ht="18" customHeight="1" x14ac:dyDescent="0.2">
      <c r="A91" s="16">
        <v>70</v>
      </c>
      <c r="B91" s="29">
        <v>29</v>
      </c>
      <c r="C91" s="10">
        <v>31</v>
      </c>
      <c r="D91" s="9">
        <v>60</v>
      </c>
    </row>
    <row r="92" spans="1:4" ht="18" customHeight="1" x14ac:dyDescent="0.2">
      <c r="A92" s="16">
        <v>71</v>
      </c>
      <c r="B92" s="29">
        <v>26</v>
      </c>
      <c r="C92" s="10">
        <v>23</v>
      </c>
      <c r="D92" s="9">
        <v>49</v>
      </c>
    </row>
    <row r="93" spans="1:4" ht="18" customHeight="1" x14ac:dyDescent="0.2">
      <c r="A93" s="16">
        <v>72</v>
      </c>
      <c r="B93" s="29">
        <v>29</v>
      </c>
      <c r="C93" s="10">
        <v>34</v>
      </c>
      <c r="D93" s="9">
        <v>63</v>
      </c>
    </row>
    <row r="94" spans="1:4" ht="18" customHeight="1" x14ac:dyDescent="0.2">
      <c r="A94" s="16">
        <v>73</v>
      </c>
      <c r="B94" s="29">
        <v>30</v>
      </c>
      <c r="C94" s="10">
        <v>28</v>
      </c>
      <c r="D94" s="9">
        <v>58</v>
      </c>
    </row>
    <row r="95" spans="1:4" ht="18" customHeight="1" x14ac:dyDescent="0.2">
      <c r="A95" s="16">
        <v>74</v>
      </c>
      <c r="B95" s="29">
        <v>32</v>
      </c>
      <c r="C95" s="10">
        <v>28</v>
      </c>
      <c r="D95" s="9">
        <v>60</v>
      </c>
    </row>
    <row r="96" spans="1:4" ht="18" customHeight="1" x14ac:dyDescent="0.2">
      <c r="A96" s="8" t="s">
        <v>9</v>
      </c>
      <c r="B96" s="29">
        <v>146</v>
      </c>
      <c r="C96" s="10">
        <v>144</v>
      </c>
      <c r="D96" s="9">
        <v>290</v>
      </c>
    </row>
    <row r="97" spans="1:4" ht="18" customHeight="1" x14ac:dyDescent="0.2">
      <c r="A97" s="16">
        <v>75</v>
      </c>
      <c r="B97" s="29">
        <v>29</v>
      </c>
      <c r="C97" s="10">
        <v>34</v>
      </c>
      <c r="D97" s="9">
        <v>63</v>
      </c>
    </row>
    <row r="98" spans="1:4" ht="18" customHeight="1" x14ac:dyDescent="0.2">
      <c r="A98" s="16">
        <v>76</v>
      </c>
      <c r="B98" s="29">
        <v>25</v>
      </c>
      <c r="C98" s="10">
        <v>25</v>
      </c>
      <c r="D98" s="9">
        <v>50</v>
      </c>
    </row>
    <row r="99" spans="1:4" ht="18" customHeight="1" x14ac:dyDescent="0.2">
      <c r="A99" s="16">
        <v>77</v>
      </c>
      <c r="B99" s="29">
        <v>10</v>
      </c>
      <c r="C99" s="10">
        <v>10</v>
      </c>
      <c r="D99" s="9">
        <v>20</v>
      </c>
    </row>
    <row r="100" spans="1:4" ht="18" customHeight="1" x14ac:dyDescent="0.2">
      <c r="A100" s="16">
        <v>78</v>
      </c>
      <c r="B100" s="29">
        <v>6</v>
      </c>
      <c r="C100" s="10">
        <v>20</v>
      </c>
      <c r="D100" s="9">
        <v>26</v>
      </c>
    </row>
    <row r="101" spans="1:4" ht="18" customHeight="1" x14ac:dyDescent="0.2">
      <c r="A101" s="16">
        <v>79</v>
      </c>
      <c r="B101" s="29">
        <v>18</v>
      </c>
      <c r="C101" s="10">
        <v>27</v>
      </c>
      <c r="D101" s="9">
        <v>45</v>
      </c>
    </row>
    <row r="102" spans="1:4" ht="18" customHeight="1" x14ac:dyDescent="0.2">
      <c r="A102" s="8" t="s">
        <v>8</v>
      </c>
      <c r="B102" s="29">
        <v>88</v>
      </c>
      <c r="C102" s="10">
        <v>116</v>
      </c>
      <c r="D102" s="9">
        <v>204</v>
      </c>
    </row>
    <row r="103" spans="1:4" ht="18" customHeight="1" x14ac:dyDescent="0.2">
      <c r="A103" s="16">
        <v>80</v>
      </c>
      <c r="B103" s="29">
        <v>9</v>
      </c>
      <c r="C103" s="10">
        <v>23</v>
      </c>
      <c r="D103" s="9">
        <v>32</v>
      </c>
    </row>
    <row r="104" spans="1:4" ht="18" customHeight="1" x14ac:dyDescent="0.2">
      <c r="A104" s="16">
        <v>81</v>
      </c>
      <c r="B104" s="29">
        <v>20</v>
      </c>
      <c r="C104" s="10">
        <v>30</v>
      </c>
      <c r="D104" s="9">
        <v>50</v>
      </c>
    </row>
    <row r="105" spans="1:4" ht="18" customHeight="1" x14ac:dyDescent="0.2">
      <c r="A105" s="16">
        <v>82</v>
      </c>
      <c r="B105" s="29">
        <v>18</v>
      </c>
      <c r="C105" s="10">
        <v>18</v>
      </c>
      <c r="D105" s="9">
        <v>36</v>
      </c>
    </row>
    <row r="106" spans="1:4" ht="18" customHeight="1" x14ac:dyDescent="0.2">
      <c r="A106" s="16">
        <v>83</v>
      </c>
      <c r="B106" s="29">
        <v>10</v>
      </c>
      <c r="C106" s="10">
        <v>18</v>
      </c>
      <c r="D106" s="9">
        <v>28</v>
      </c>
    </row>
    <row r="107" spans="1:4" ht="18" customHeight="1" x14ac:dyDescent="0.2">
      <c r="A107" s="16">
        <v>84</v>
      </c>
      <c r="B107" s="29">
        <v>13</v>
      </c>
      <c r="C107" s="10">
        <v>10</v>
      </c>
      <c r="D107" s="9">
        <v>23</v>
      </c>
    </row>
    <row r="108" spans="1:4" ht="18" customHeight="1" x14ac:dyDescent="0.2">
      <c r="A108" s="8" t="s">
        <v>7</v>
      </c>
      <c r="B108" s="29">
        <v>70</v>
      </c>
      <c r="C108" s="10">
        <v>99</v>
      </c>
      <c r="D108" s="9">
        <v>169</v>
      </c>
    </row>
    <row r="109" spans="1:4" ht="18" customHeight="1" x14ac:dyDescent="0.2">
      <c r="A109" s="16">
        <v>85</v>
      </c>
      <c r="B109" s="29">
        <v>8</v>
      </c>
      <c r="C109" s="10">
        <v>16</v>
      </c>
      <c r="D109" s="9">
        <v>24</v>
      </c>
    </row>
    <row r="110" spans="1:4" ht="18" customHeight="1" x14ac:dyDescent="0.2">
      <c r="A110" s="16">
        <v>86</v>
      </c>
      <c r="B110" s="29">
        <v>7</v>
      </c>
      <c r="C110" s="10">
        <v>17</v>
      </c>
      <c r="D110" s="9">
        <v>24</v>
      </c>
    </row>
    <row r="111" spans="1:4" ht="18" customHeight="1" x14ac:dyDescent="0.2">
      <c r="A111" s="16">
        <v>87</v>
      </c>
      <c r="B111" s="29">
        <v>11</v>
      </c>
      <c r="C111" s="10">
        <v>11</v>
      </c>
      <c r="D111" s="9">
        <v>22</v>
      </c>
    </row>
    <row r="112" spans="1:4" ht="18" customHeight="1" x14ac:dyDescent="0.2">
      <c r="A112" s="16">
        <v>88</v>
      </c>
      <c r="B112" s="29">
        <v>4</v>
      </c>
      <c r="C112" s="10">
        <v>13</v>
      </c>
      <c r="D112" s="9">
        <v>17</v>
      </c>
    </row>
    <row r="113" spans="1:4" ht="18" customHeight="1" x14ac:dyDescent="0.2">
      <c r="A113" s="16">
        <v>89</v>
      </c>
      <c r="B113" s="29">
        <v>4</v>
      </c>
      <c r="C113" s="10">
        <v>22</v>
      </c>
      <c r="D113" s="9">
        <v>26</v>
      </c>
    </row>
    <row r="114" spans="1:4" ht="18" customHeight="1" x14ac:dyDescent="0.2">
      <c r="A114" s="8" t="s">
        <v>6</v>
      </c>
      <c r="B114" s="29">
        <v>34</v>
      </c>
      <c r="C114" s="10">
        <v>79</v>
      </c>
      <c r="D114" s="9">
        <v>113</v>
      </c>
    </row>
    <row r="115" spans="1:4" ht="18" customHeight="1" x14ac:dyDescent="0.2">
      <c r="A115" s="16">
        <v>90</v>
      </c>
      <c r="B115" s="29">
        <v>1</v>
      </c>
      <c r="C115" s="10">
        <v>13</v>
      </c>
      <c r="D115" s="9">
        <v>14</v>
      </c>
    </row>
    <row r="116" spans="1:4" ht="18" customHeight="1" x14ac:dyDescent="0.2">
      <c r="A116" s="16">
        <v>91</v>
      </c>
      <c r="B116" s="29">
        <v>5</v>
      </c>
      <c r="C116" s="10">
        <v>11</v>
      </c>
      <c r="D116" s="9">
        <v>16</v>
      </c>
    </row>
    <row r="117" spans="1:4" ht="18" customHeight="1" x14ac:dyDescent="0.2">
      <c r="A117" s="16">
        <v>92</v>
      </c>
      <c r="B117" s="29">
        <v>3</v>
      </c>
      <c r="C117" s="10">
        <v>8</v>
      </c>
      <c r="D117" s="9">
        <v>11</v>
      </c>
    </row>
    <row r="118" spans="1:4" ht="18" customHeight="1" x14ac:dyDescent="0.2">
      <c r="A118" s="16">
        <v>93</v>
      </c>
      <c r="B118" s="29">
        <v>2</v>
      </c>
      <c r="C118" s="10">
        <v>8</v>
      </c>
      <c r="D118" s="9">
        <v>10</v>
      </c>
    </row>
    <row r="119" spans="1:4" ht="18" customHeight="1" x14ac:dyDescent="0.2">
      <c r="A119" s="16">
        <v>94</v>
      </c>
      <c r="B119" s="29">
        <v>0</v>
      </c>
      <c r="C119" s="10">
        <v>8</v>
      </c>
      <c r="D119" s="9">
        <v>8</v>
      </c>
    </row>
    <row r="120" spans="1:4" ht="18" customHeight="1" x14ac:dyDescent="0.2">
      <c r="A120" s="8" t="s">
        <v>5</v>
      </c>
      <c r="B120" s="29">
        <v>11</v>
      </c>
      <c r="C120" s="10">
        <v>48</v>
      </c>
      <c r="D120" s="9">
        <v>59</v>
      </c>
    </row>
    <row r="121" spans="1:4" ht="18" customHeight="1" x14ac:dyDescent="0.2">
      <c r="A121" s="16">
        <v>95</v>
      </c>
      <c r="B121" s="29">
        <v>2</v>
      </c>
      <c r="C121" s="10">
        <v>4</v>
      </c>
      <c r="D121" s="9">
        <v>6</v>
      </c>
    </row>
    <row r="122" spans="1:4" ht="18" customHeight="1" x14ac:dyDescent="0.2">
      <c r="A122" s="16">
        <v>96</v>
      </c>
      <c r="B122" s="29">
        <v>0</v>
      </c>
      <c r="C122" s="10">
        <v>2</v>
      </c>
      <c r="D122" s="9">
        <v>2</v>
      </c>
    </row>
    <row r="123" spans="1:4" ht="18" customHeight="1" x14ac:dyDescent="0.2">
      <c r="A123" s="16">
        <v>97</v>
      </c>
      <c r="B123" s="29">
        <v>0</v>
      </c>
      <c r="C123" s="10">
        <v>4</v>
      </c>
      <c r="D123" s="9">
        <v>4</v>
      </c>
    </row>
    <row r="124" spans="1:4" ht="18" customHeight="1" x14ac:dyDescent="0.2">
      <c r="A124" s="16">
        <v>98</v>
      </c>
      <c r="B124" s="29">
        <v>0</v>
      </c>
      <c r="C124" s="10">
        <v>3</v>
      </c>
      <c r="D124" s="9">
        <v>3</v>
      </c>
    </row>
    <row r="125" spans="1:4" ht="18" customHeight="1" x14ac:dyDescent="0.2">
      <c r="A125" s="16">
        <v>99</v>
      </c>
      <c r="B125" s="29">
        <v>0</v>
      </c>
      <c r="C125" s="10">
        <v>1</v>
      </c>
      <c r="D125" s="9">
        <v>1</v>
      </c>
    </row>
    <row r="126" spans="1:4" ht="18" customHeight="1" x14ac:dyDescent="0.2">
      <c r="A126" s="8" t="s">
        <v>4</v>
      </c>
      <c r="B126" s="29">
        <v>2</v>
      </c>
      <c r="C126" s="10">
        <v>14</v>
      </c>
      <c r="D126" s="9">
        <v>16</v>
      </c>
    </row>
    <row r="127" spans="1:4" ht="18" customHeight="1" x14ac:dyDescent="0.2">
      <c r="A127" s="16">
        <v>100</v>
      </c>
      <c r="B127" s="29">
        <v>0</v>
      </c>
      <c r="C127" s="10">
        <v>0</v>
      </c>
      <c r="D127" s="9">
        <v>0</v>
      </c>
    </row>
    <row r="128" spans="1:4" ht="18" customHeight="1" x14ac:dyDescent="0.2">
      <c r="A128" s="15" t="s">
        <v>3</v>
      </c>
      <c r="B128" s="29">
        <v>0</v>
      </c>
      <c r="C128" s="10">
        <v>1</v>
      </c>
      <c r="D128" s="9">
        <v>1</v>
      </c>
    </row>
    <row r="129" spans="1:4" ht="18" customHeight="1" x14ac:dyDescent="0.2">
      <c r="A129" s="8" t="s">
        <v>2</v>
      </c>
      <c r="B129" s="29">
        <v>0</v>
      </c>
      <c r="C129" s="10">
        <v>1</v>
      </c>
      <c r="D129" s="9">
        <v>1</v>
      </c>
    </row>
    <row r="130" spans="1:4" ht="18" customHeight="1" x14ac:dyDescent="0.2">
      <c r="A130" s="8" t="s">
        <v>1</v>
      </c>
      <c r="B130" s="28">
        <v>472</v>
      </c>
      <c r="C130" s="6">
        <v>601</v>
      </c>
      <c r="D130" s="5">
        <v>1073</v>
      </c>
    </row>
    <row r="131" spans="1:4" ht="18" customHeight="1" x14ac:dyDescent="0.2">
      <c r="A131" s="4" t="s">
        <v>0</v>
      </c>
      <c r="B131" s="27">
        <v>2800</v>
      </c>
      <c r="C131" s="2">
        <v>2753</v>
      </c>
      <c r="D131" s="1">
        <v>5553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0334E5-5CF2-461C-BBE9-BC09682D1AC8}">
  <sheetPr codeName="Sheet4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62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11</v>
      </c>
      <c r="C5" s="18">
        <v>14</v>
      </c>
      <c r="D5" s="17">
        <v>25</v>
      </c>
    </row>
    <row r="6" spans="1:4" ht="18" customHeight="1" x14ac:dyDescent="0.2">
      <c r="A6" s="16">
        <v>1</v>
      </c>
      <c r="B6" s="29">
        <v>17</v>
      </c>
      <c r="C6" s="10">
        <v>11</v>
      </c>
      <c r="D6" s="9">
        <v>28</v>
      </c>
    </row>
    <row r="7" spans="1:4" ht="18" customHeight="1" x14ac:dyDescent="0.2">
      <c r="A7" s="16">
        <v>2</v>
      </c>
      <c r="B7" s="29">
        <v>11</v>
      </c>
      <c r="C7" s="10">
        <v>16</v>
      </c>
      <c r="D7" s="9">
        <v>27</v>
      </c>
    </row>
    <row r="8" spans="1:4" ht="18" customHeight="1" x14ac:dyDescent="0.2">
      <c r="A8" s="16">
        <v>3</v>
      </c>
      <c r="B8" s="29">
        <v>16</v>
      </c>
      <c r="C8" s="10">
        <v>12</v>
      </c>
      <c r="D8" s="9">
        <v>28</v>
      </c>
    </row>
    <row r="9" spans="1:4" ht="18" customHeight="1" x14ac:dyDescent="0.2">
      <c r="A9" s="16">
        <v>4</v>
      </c>
      <c r="B9" s="29">
        <v>25</v>
      </c>
      <c r="C9" s="10">
        <v>17</v>
      </c>
      <c r="D9" s="9">
        <v>42</v>
      </c>
    </row>
    <row r="10" spans="1:4" ht="18" customHeight="1" x14ac:dyDescent="0.2">
      <c r="A10" s="8" t="s">
        <v>25</v>
      </c>
      <c r="B10" s="29">
        <v>80</v>
      </c>
      <c r="C10" s="10">
        <v>70</v>
      </c>
      <c r="D10" s="9">
        <v>150</v>
      </c>
    </row>
    <row r="11" spans="1:4" ht="18" customHeight="1" x14ac:dyDescent="0.2">
      <c r="A11" s="16">
        <v>5</v>
      </c>
      <c r="B11" s="29">
        <v>30</v>
      </c>
      <c r="C11" s="10">
        <v>21</v>
      </c>
      <c r="D11" s="9">
        <v>51</v>
      </c>
    </row>
    <row r="12" spans="1:4" ht="18" customHeight="1" x14ac:dyDescent="0.2">
      <c r="A12" s="16">
        <v>6</v>
      </c>
      <c r="B12" s="29">
        <v>26</v>
      </c>
      <c r="C12" s="10">
        <v>20</v>
      </c>
      <c r="D12" s="9">
        <v>46</v>
      </c>
    </row>
    <row r="13" spans="1:4" ht="18" customHeight="1" x14ac:dyDescent="0.2">
      <c r="A13" s="16">
        <v>7</v>
      </c>
      <c r="B13" s="29">
        <v>27</v>
      </c>
      <c r="C13" s="10">
        <v>22</v>
      </c>
      <c r="D13" s="9">
        <v>49</v>
      </c>
    </row>
    <row r="14" spans="1:4" ht="18" customHeight="1" x14ac:dyDescent="0.2">
      <c r="A14" s="16">
        <v>8</v>
      </c>
      <c r="B14" s="29">
        <v>30</v>
      </c>
      <c r="C14" s="10">
        <v>21</v>
      </c>
      <c r="D14" s="9">
        <v>51</v>
      </c>
    </row>
    <row r="15" spans="1:4" ht="18" customHeight="1" x14ac:dyDescent="0.2">
      <c r="A15" s="16">
        <v>9</v>
      </c>
      <c r="B15" s="29">
        <v>19</v>
      </c>
      <c r="C15" s="10">
        <v>16</v>
      </c>
      <c r="D15" s="9">
        <v>35</v>
      </c>
    </row>
    <row r="16" spans="1:4" ht="18" customHeight="1" x14ac:dyDescent="0.2">
      <c r="A16" s="8" t="s">
        <v>24</v>
      </c>
      <c r="B16" s="29">
        <v>132</v>
      </c>
      <c r="C16" s="10">
        <v>100</v>
      </c>
      <c r="D16" s="9">
        <v>232</v>
      </c>
    </row>
    <row r="17" spans="1:4" ht="18" customHeight="1" x14ac:dyDescent="0.2">
      <c r="A17" s="16">
        <v>10</v>
      </c>
      <c r="B17" s="29">
        <v>28</v>
      </c>
      <c r="C17" s="10">
        <v>20</v>
      </c>
      <c r="D17" s="9">
        <v>48</v>
      </c>
    </row>
    <row r="18" spans="1:4" ht="18" customHeight="1" x14ac:dyDescent="0.2">
      <c r="A18" s="16">
        <v>11</v>
      </c>
      <c r="B18" s="29">
        <v>34</v>
      </c>
      <c r="C18" s="10">
        <v>34</v>
      </c>
      <c r="D18" s="9">
        <v>68</v>
      </c>
    </row>
    <row r="19" spans="1:4" ht="18" customHeight="1" x14ac:dyDescent="0.2">
      <c r="A19" s="16">
        <v>12</v>
      </c>
      <c r="B19" s="29">
        <v>33</v>
      </c>
      <c r="C19" s="10">
        <v>35</v>
      </c>
      <c r="D19" s="9">
        <v>68</v>
      </c>
    </row>
    <row r="20" spans="1:4" ht="18" customHeight="1" x14ac:dyDescent="0.2">
      <c r="A20" s="16">
        <v>13</v>
      </c>
      <c r="B20" s="29">
        <v>50</v>
      </c>
      <c r="C20" s="10">
        <v>42</v>
      </c>
      <c r="D20" s="9">
        <v>92</v>
      </c>
    </row>
    <row r="21" spans="1:4" ht="18" customHeight="1" x14ac:dyDescent="0.2">
      <c r="A21" s="16">
        <v>14</v>
      </c>
      <c r="B21" s="29">
        <v>30</v>
      </c>
      <c r="C21" s="10">
        <v>30</v>
      </c>
      <c r="D21" s="9">
        <v>60</v>
      </c>
    </row>
    <row r="22" spans="1:4" ht="18" customHeight="1" x14ac:dyDescent="0.2">
      <c r="A22" s="8" t="s">
        <v>23</v>
      </c>
      <c r="B22" s="29">
        <v>175</v>
      </c>
      <c r="C22" s="10">
        <v>161</v>
      </c>
      <c r="D22" s="9">
        <v>336</v>
      </c>
    </row>
    <row r="23" spans="1:4" ht="18" customHeight="1" x14ac:dyDescent="0.2">
      <c r="A23" s="8" t="s">
        <v>22</v>
      </c>
      <c r="B23" s="29">
        <v>387</v>
      </c>
      <c r="C23" s="10">
        <v>331</v>
      </c>
      <c r="D23" s="9">
        <v>718</v>
      </c>
    </row>
    <row r="24" spans="1:4" ht="18" customHeight="1" x14ac:dyDescent="0.2">
      <c r="A24" s="16">
        <v>15</v>
      </c>
      <c r="B24" s="29">
        <v>40</v>
      </c>
      <c r="C24" s="10">
        <v>43</v>
      </c>
      <c r="D24" s="9">
        <v>83</v>
      </c>
    </row>
    <row r="25" spans="1:4" ht="18" customHeight="1" x14ac:dyDescent="0.2">
      <c r="A25" s="16">
        <v>16</v>
      </c>
      <c r="B25" s="29">
        <v>33</v>
      </c>
      <c r="C25" s="10">
        <v>30</v>
      </c>
      <c r="D25" s="9">
        <v>63</v>
      </c>
    </row>
    <row r="26" spans="1:4" ht="18" customHeight="1" x14ac:dyDescent="0.2">
      <c r="A26" s="16">
        <v>17</v>
      </c>
      <c r="B26" s="29">
        <v>47</v>
      </c>
      <c r="C26" s="10">
        <v>41</v>
      </c>
      <c r="D26" s="9">
        <v>88</v>
      </c>
    </row>
    <row r="27" spans="1:4" ht="18" customHeight="1" x14ac:dyDescent="0.2">
      <c r="A27" s="16">
        <v>18</v>
      </c>
      <c r="B27" s="29">
        <v>40</v>
      </c>
      <c r="C27" s="10">
        <v>50</v>
      </c>
      <c r="D27" s="9">
        <v>90</v>
      </c>
    </row>
    <row r="28" spans="1:4" ht="18" customHeight="1" x14ac:dyDescent="0.2">
      <c r="A28" s="16">
        <v>19</v>
      </c>
      <c r="B28" s="29">
        <v>38</v>
      </c>
      <c r="C28" s="10">
        <v>27</v>
      </c>
      <c r="D28" s="9">
        <v>65</v>
      </c>
    </row>
    <row r="29" spans="1:4" ht="18" customHeight="1" x14ac:dyDescent="0.2">
      <c r="A29" s="8" t="s">
        <v>21</v>
      </c>
      <c r="B29" s="29">
        <v>198</v>
      </c>
      <c r="C29" s="10">
        <v>191</v>
      </c>
      <c r="D29" s="9">
        <v>389</v>
      </c>
    </row>
    <row r="30" spans="1:4" ht="18" customHeight="1" x14ac:dyDescent="0.2">
      <c r="A30" s="16">
        <v>20</v>
      </c>
      <c r="B30" s="29">
        <v>34</v>
      </c>
      <c r="C30" s="10">
        <v>33</v>
      </c>
      <c r="D30" s="9">
        <v>67</v>
      </c>
    </row>
    <row r="31" spans="1:4" ht="18" customHeight="1" x14ac:dyDescent="0.2">
      <c r="A31" s="16">
        <v>21</v>
      </c>
      <c r="B31" s="29">
        <v>41</v>
      </c>
      <c r="C31" s="10">
        <v>46</v>
      </c>
      <c r="D31" s="9">
        <v>87</v>
      </c>
    </row>
    <row r="32" spans="1:4" ht="18" customHeight="1" x14ac:dyDescent="0.2">
      <c r="A32" s="16">
        <v>22</v>
      </c>
      <c r="B32" s="29">
        <v>34</v>
      </c>
      <c r="C32" s="10">
        <v>39</v>
      </c>
      <c r="D32" s="9">
        <v>73</v>
      </c>
    </row>
    <row r="33" spans="1:4" ht="18" customHeight="1" x14ac:dyDescent="0.2">
      <c r="A33" s="16">
        <v>23</v>
      </c>
      <c r="B33" s="29">
        <v>25</v>
      </c>
      <c r="C33" s="10">
        <v>29</v>
      </c>
      <c r="D33" s="9">
        <v>54</v>
      </c>
    </row>
    <row r="34" spans="1:4" ht="18" customHeight="1" x14ac:dyDescent="0.2">
      <c r="A34" s="16">
        <v>24</v>
      </c>
      <c r="B34" s="29">
        <v>27</v>
      </c>
      <c r="C34" s="10">
        <v>20</v>
      </c>
      <c r="D34" s="9">
        <v>47</v>
      </c>
    </row>
    <row r="35" spans="1:4" ht="18" customHeight="1" x14ac:dyDescent="0.2">
      <c r="A35" s="8" t="s">
        <v>20</v>
      </c>
      <c r="B35" s="29">
        <v>161</v>
      </c>
      <c r="C35" s="10">
        <v>167</v>
      </c>
      <c r="D35" s="9">
        <v>328</v>
      </c>
    </row>
    <row r="36" spans="1:4" ht="18" customHeight="1" x14ac:dyDescent="0.2">
      <c r="A36" s="16">
        <v>25</v>
      </c>
      <c r="B36" s="29">
        <v>30</v>
      </c>
      <c r="C36" s="10">
        <v>30</v>
      </c>
      <c r="D36" s="9">
        <v>60</v>
      </c>
    </row>
    <row r="37" spans="1:4" ht="18" customHeight="1" x14ac:dyDescent="0.2">
      <c r="A37" s="16">
        <v>26</v>
      </c>
      <c r="B37" s="29">
        <v>25</v>
      </c>
      <c r="C37" s="10">
        <v>23</v>
      </c>
      <c r="D37" s="9">
        <v>48</v>
      </c>
    </row>
    <row r="38" spans="1:4" ht="18" customHeight="1" x14ac:dyDescent="0.2">
      <c r="A38" s="16">
        <v>27</v>
      </c>
      <c r="B38" s="29">
        <v>28</v>
      </c>
      <c r="C38" s="10">
        <v>28</v>
      </c>
      <c r="D38" s="9">
        <v>56</v>
      </c>
    </row>
    <row r="39" spans="1:4" ht="18" customHeight="1" x14ac:dyDescent="0.2">
      <c r="A39" s="16">
        <v>28</v>
      </c>
      <c r="B39" s="29">
        <v>14</v>
      </c>
      <c r="C39" s="10">
        <v>10</v>
      </c>
      <c r="D39" s="9">
        <v>24</v>
      </c>
    </row>
    <row r="40" spans="1:4" ht="18" customHeight="1" x14ac:dyDescent="0.2">
      <c r="A40" s="16">
        <v>29</v>
      </c>
      <c r="B40" s="29">
        <v>23</v>
      </c>
      <c r="C40" s="10">
        <v>11</v>
      </c>
      <c r="D40" s="9">
        <v>34</v>
      </c>
    </row>
    <row r="41" spans="1:4" ht="18" customHeight="1" x14ac:dyDescent="0.2">
      <c r="A41" s="8" t="s">
        <v>19</v>
      </c>
      <c r="B41" s="29">
        <v>120</v>
      </c>
      <c r="C41" s="10">
        <v>102</v>
      </c>
      <c r="D41" s="9">
        <v>222</v>
      </c>
    </row>
    <row r="42" spans="1:4" ht="18" customHeight="1" x14ac:dyDescent="0.2">
      <c r="A42" s="16">
        <v>30</v>
      </c>
      <c r="B42" s="29">
        <v>23</v>
      </c>
      <c r="C42" s="10">
        <v>26</v>
      </c>
      <c r="D42" s="9">
        <v>49</v>
      </c>
    </row>
    <row r="43" spans="1:4" ht="18" customHeight="1" x14ac:dyDescent="0.2">
      <c r="A43" s="16">
        <v>31</v>
      </c>
      <c r="B43" s="29">
        <v>32</v>
      </c>
      <c r="C43" s="10">
        <v>20</v>
      </c>
      <c r="D43" s="9">
        <v>52</v>
      </c>
    </row>
    <row r="44" spans="1:4" ht="18" customHeight="1" x14ac:dyDescent="0.2">
      <c r="A44" s="16">
        <v>32</v>
      </c>
      <c r="B44" s="29">
        <v>19</v>
      </c>
      <c r="C44" s="10">
        <v>18</v>
      </c>
      <c r="D44" s="9">
        <v>37</v>
      </c>
    </row>
    <row r="45" spans="1:4" ht="18" customHeight="1" x14ac:dyDescent="0.2">
      <c r="A45" s="16">
        <v>33</v>
      </c>
      <c r="B45" s="29">
        <v>23</v>
      </c>
      <c r="C45" s="10">
        <v>28</v>
      </c>
      <c r="D45" s="9">
        <v>51</v>
      </c>
    </row>
    <row r="46" spans="1:4" ht="18" customHeight="1" x14ac:dyDescent="0.2">
      <c r="A46" s="16">
        <v>34</v>
      </c>
      <c r="B46" s="29">
        <v>28</v>
      </c>
      <c r="C46" s="10">
        <v>26</v>
      </c>
      <c r="D46" s="9">
        <v>54</v>
      </c>
    </row>
    <row r="47" spans="1:4" ht="18" customHeight="1" x14ac:dyDescent="0.2">
      <c r="A47" s="8" t="s">
        <v>18</v>
      </c>
      <c r="B47" s="29">
        <v>125</v>
      </c>
      <c r="C47" s="10">
        <v>118</v>
      </c>
      <c r="D47" s="9">
        <v>243</v>
      </c>
    </row>
    <row r="48" spans="1:4" ht="18" customHeight="1" x14ac:dyDescent="0.2">
      <c r="A48" s="16">
        <v>35</v>
      </c>
      <c r="B48" s="29">
        <v>26</v>
      </c>
      <c r="C48" s="10">
        <v>19</v>
      </c>
      <c r="D48" s="9">
        <v>45</v>
      </c>
    </row>
    <row r="49" spans="1:4" ht="18" customHeight="1" x14ac:dyDescent="0.2">
      <c r="A49" s="16">
        <v>36</v>
      </c>
      <c r="B49" s="29">
        <v>28</v>
      </c>
      <c r="C49" s="10">
        <v>23</v>
      </c>
      <c r="D49" s="9">
        <v>51</v>
      </c>
    </row>
    <row r="50" spans="1:4" ht="18" customHeight="1" x14ac:dyDescent="0.2">
      <c r="A50" s="16">
        <v>37</v>
      </c>
      <c r="B50" s="29">
        <v>29</v>
      </c>
      <c r="C50" s="10">
        <v>29</v>
      </c>
      <c r="D50" s="9">
        <v>58</v>
      </c>
    </row>
    <row r="51" spans="1:4" ht="18" customHeight="1" x14ac:dyDescent="0.2">
      <c r="A51" s="16">
        <v>38</v>
      </c>
      <c r="B51" s="29">
        <v>36</v>
      </c>
      <c r="C51" s="10">
        <v>51</v>
      </c>
      <c r="D51" s="9">
        <v>87</v>
      </c>
    </row>
    <row r="52" spans="1:4" ht="18" customHeight="1" x14ac:dyDescent="0.2">
      <c r="A52" s="16">
        <v>39</v>
      </c>
      <c r="B52" s="29">
        <v>35</v>
      </c>
      <c r="C52" s="10">
        <v>24</v>
      </c>
      <c r="D52" s="9">
        <v>59</v>
      </c>
    </row>
    <row r="53" spans="1:4" ht="18" customHeight="1" x14ac:dyDescent="0.2">
      <c r="A53" s="8" t="s">
        <v>17</v>
      </c>
      <c r="B53" s="29">
        <v>154</v>
      </c>
      <c r="C53" s="10">
        <v>146</v>
      </c>
      <c r="D53" s="9">
        <v>300</v>
      </c>
    </row>
    <row r="54" spans="1:4" ht="18" customHeight="1" x14ac:dyDescent="0.2">
      <c r="A54" s="16">
        <v>40</v>
      </c>
      <c r="B54" s="29">
        <v>27</v>
      </c>
      <c r="C54" s="10">
        <v>35</v>
      </c>
      <c r="D54" s="9">
        <v>62</v>
      </c>
    </row>
    <row r="55" spans="1:4" ht="18" customHeight="1" x14ac:dyDescent="0.2">
      <c r="A55" s="16">
        <v>41</v>
      </c>
      <c r="B55" s="29">
        <v>36</v>
      </c>
      <c r="C55" s="10">
        <v>35</v>
      </c>
      <c r="D55" s="9">
        <v>71</v>
      </c>
    </row>
    <row r="56" spans="1:4" ht="18" customHeight="1" x14ac:dyDescent="0.2">
      <c r="A56" s="16">
        <v>42</v>
      </c>
      <c r="B56" s="29">
        <v>41</v>
      </c>
      <c r="C56" s="10">
        <v>33</v>
      </c>
      <c r="D56" s="9">
        <v>74</v>
      </c>
    </row>
    <row r="57" spans="1:4" ht="18" customHeight="1" x14ac:dyDescent="0.2">
      <c r="A57" s="16">
        <v>43</v>
      </c>
      <c r="B57" s="29">
        <v>47</v>
      </c>
      <c r="C57" s="10">
        <v>28</v>
      </c>
      <c r="D57" s="9">
        <v>75</v>
      </c>
    </row>
    <row r="58" spans="1:4" ht="18" customHeight="1" x14ac:dyDescent="0.2">
      <c r="A58" s="16">
        <v>44</v>
      </c>
      <c r="B58" s="29">
        <v>45</v>
      </c>
      <c r="C58" s="10">
        <v>45</v>
      </c>
      <c r="D58" s="9">
        <v>90</v>
      </c>
    </row>
    <row r="59" spans="1:4" ht="18" customHeight="1" x14ac:dyDescent="0.2">
      <c r="A59" s="8" t="s">
        <v>16</v>
      </c>
      <c r="B59" s="29">
        <v>196</v>
      </c>
      <c r="C59" s="10">
        <v>176</v>
      </c>
      <c r="D59" s="9">
        <v>372</v>
      </c>
    </row>
    <row r="60" spans="1:4" ht="18" customHeight="1" x14ac:dyDescent="0.2">
      <c r="A60" s="16">
        <v>45</v>
      </c>
      <c r="B60" s="29">
        <v>53</v>
      </c>
      <c r="C60" s="10">
        <v>47</v>
      </c>
      <c r="D60" s="9">
        <v>100</v>
      </c>
    </row>
    <row r="61" spans="1:4" ht="18" customHeight="1" x14ac:dyDescent="0.2">
      <c r="A61" s="16">
        <v>46</v>
      </c>
      <c r="B61" s="29">
        <v>58</v>
      </c>
      <c r="C61" s="10">
        <v>52</v>
      </c>
      <c r="D61" s="9">
        <v>110</v>
      </c>
    </row>
    <row r="62" spans="1:4" ht="18" customHeight="1" x14ac:dyDescent="0.2">
      <c r="A62" s="16">
        <v>47</v>
      </c>
      <c r="B62" s="29">
        <v>45</v>
      </c>
      <c r="C62" s="10">
        <v>51</v>
      </c>
      <c r="D62" s="9">
        <v>96</v>
      </c>
    </row>
    <row r="63" spans="1:4" ht="18" customHeight="1" x14ac:dyDescent="0.2">
      <c r="A63" s="16">
        <v>48</v>
      </c>
      <c r="B63" s="29">
        <v>72</v>
      </c>
      <c r="C63" s="10">
        <v>59</v>
      </c>
      <c r="D63" s="9">
        <v>131</v>
      </c>
    </row>
    <row r="64" spans="1:4" ht="18" customHeight="1" x14ac:dyDescent="0.2">
      <c r="A64" s="16">
        <v>49</v>
      </c>
      <c r="B64" s="29">
        <v>70</v>
      </c>
      <c r="C64" s="10">
        <v>81</v>
      </c>
      <c r="D64" s="9">
        <v>151</v>
      </c>
    </row>
    <row r="65" spans="1:4" ht="18" customHeight="1" x14ac:dyDescent="0.2">
      <c r="A65" s="8" t="s">
        <v>15</v>
      </c>
      <c r="B65" s="29">
        <v>298</v>
      </c>
      <c r="C65" s="10">
        <v>290</v>
      </c>
      <c r="D65" s="9">
        <v>588</v>
      </c>
    </row>
    <row r="66" spans="1:4" ht="18" customHeight="1" x14ac:dyDescent="0.2">
      <c r="A66" s="16">
        <v>50</v>
      </c>
      <c r="B66" s="29">
        <v>69</v>
      </c>
      <c r="C66" s="10">
        <v>73</v>
      </c>
      <c r="D66" s="9">
        <v>142</v>
      </c>
    </row>
    <row r="67" spans="1:4" ht="18" customHeight="1" x14ac:dyDescent="0.2">
      <c r="A67" s="16">
        <v>51</v>
      </c>
      <c r="B67" s="29">
        <v>65</v>
      </c>
      <c r="C67" s="10">
        <v>75</v>
      </c>
      <c r="D67" s="9">
        <v>140</v>
      </c>
    </row>
    <row r="68" spans="1:4" ht="18" customHeight="1" x14ac:dyDescent="0.2">
      <c r="A68" s="16">
        <v>52</v>
      </c>
      <c r="B68" s="29">
        <v>47</v>
      </c>
      <c r="C68" s="10">
        <v>66</v>
      </c>
      <c r="D68" s="9">
        <v>113</v>
      </c>
    </row>
    <row r="69" spans="1:4" ht="18" customHeight="1" x14ac:dyDescent="0.2">
      <c r="A69" s="16">
        <v>53</v>
      </c>
      <c r="B69" s="29">
        <v>72</v>
      </c>
      <c r="C69" s="10">
        <v>47</v>
      </c>
      <c r="D69" s="9">
        <v>119</v>
      </c>
    </row>
    <row r="70" spans="1:4" ht="18" customHeight="1" x14ac:dyDescent="0.2">
      <c r="A70" s="16">
        <v>54</v>
      </c>
      <c r="B70" s="29">
        <v>49</v>
      </c>
      <c r="C70" s="10">
        <v>38</v>
      </c>
      <c r="D70" s="9">
        <v>87</v>
      </c>
    </row>
    <row r="71" spans="1:4" ht="18" customHeight="1" x14ac:dyDescent="0.2">
      <c r="A71" s="8" t="s">
        <v>14</v>
      </c>
      <c r="B71" s="29">
        <v>302</v>
      </c>
      <c r="C71" s="10">
        <v>299</v>
      </c>
      <c r="D71" s="9">
        <v>601</v>
      </c>
    </row>
    <row r="72" spans="1:4" ht="18" customHeight="1" x14ac:dyDescent="0.2">
      <c r="A72" s="16">
        <v>55</v>
      </c>
      <c r="B72" s="29">
        <v>52</v>
      </c>
      <c r="C72" s="10">
        <v>41</v>
      </c>
      <c r="D72" s="9">
        <v>93</v>
      </c>
    </row>
    <row r="73" spans="1:4" ht="18" customHeight="1" x14ac:dyDescent="0.2">
      <c r="A73" s="16">
        <v>56</v>
      </c>
      <c r="B73" s="29">
        <v>58</v>
      </c>
      <c r="C73" s="10">
        <v>47</v>
      </c>
      <c r="D73" s="9">
        <v>105</v>
      </c>
    </row>
    <row r="74" spans="1:4" ht="18" customHeight="1" x14ac:dyDescent="0.2">
      <c r="A74" s="16">
        <v>57</v>
      </c>
      <c r="B74" s="29">
        <v>40</v>
      </c>
      <c r="C74" s="10">
        <v>43</v>
      </c>
      <c r="D74" s="9">
        <v>83</v>
      </c>
    </row>
    <row r="75" spans="1:4" ht="18" customHeight="1" x14ac:dyDescent="0.2">
      <c r="A75" s="16">
        <v>58</v>
      </c>
      <c r="B75" s="29">
        <v>42</v>
      </c>
      <c r="C75" s="10">
        <v>46</v>
      </c>
      <c r="D75" s="9">
        <v>88</v>
      </c>
    </row>
    <row r="76" spans="1:4" ht="18" customHeight="1" x14ac:dyDescent="0.2">
      <c r="A76" s="16">
        <v>59</v>
      </c>
      <c r="B76" s="29">
        <v>43</v>
      </c>
      <c r="C76" s="10">
        <v>46</v>
      </c>
      <c r="D76" s="9">
        <v>89</v>
      </c>
    </row>
    <row r="77" spans="1:4" ht="18" customHeight="1" x14ac:dyDescent="0.2">
      <c r="A77" s="8" t="s">
        <v>13</v>
      </c>
      <c r="B77" s="29">
        <v>235</v>
      </c>
      <c r="C77" s="10">
        <v>223</v>
      </c>
      <c r="D77" s="9">
        <v>458</v>
      </c>
    </row>
    <row r="78" spans="1:4" ht="18" customHeight="1" x14ac:dyDescent="0.2">
      <c r="A78" s="16">
        <v>60</v>
      </c>
      <c r="B78" s="29">
        <v>31</v>
      </c>
      <c r="C78" s="10">
        <v>39</v>
      </c>
      <c r="D78" s="9">
        <v>70</v>
      </c>
    </row>
    <row r="79" spans="1:4" ht="18" customHeight="1" x14ac:dyDescent="0.2">
      <c r="A79" s="16">
        <v>61</v>
      </c>
      <c r="B79" s="29">
        <v>38</v>
      </c>
      <c r="C79" s="10">
        <v>31</v>
      </c>
      <c r="D79" s="9">
        <v>69</v>
      </c>
    </row>
    <row r="80" spans="1:4" ht="18" customHeight="1" x14ac:dyDescent="0.2">
      <c r="A80" s="16">
        <v>62</v>
      </c>
      <c r="B80" s="29">
        <v>44</v>
      </c>
      <c r="C80" s="10">
        <v>34</v>
      </c>
      <c r="D80" s="9">
        <v>78</v>
      </c>
    </row>
    <row r="81" spans="1:4" ht="18" customHeight="1" x14ac:dyDescent="0.2">
      <c r="A81" s="16">
        <v>63</v>
      </c>
      <c r="B81" s="29">
        <v>35</v>
      </c>
      <c r="C81" s="10">
        <v>54</v>
      </c>
      <c r="D81" s="9">
        <v>89</v>
      </c>
    </row>
    <row r="82" spans="1:4" ht="18" customHeight="1" x14ac:dyDescent="0.2">
      <c r="A82" s="16">
        <v>64</v>
      </c>
      <c r="B82" s="29">
        <v>39</v>
      </c>
      <c r="C82" s="10">
        <v>48</v>
      </c>
      <c r="D82" s="9">
        <v>87</v>
      </c>
    </row>
    <row r="83" spans="1:4" ht="18" customHeight="1" x14ac:dyDescent="0.2">
      <c r="A83" s="8" t="s">
        <v>12</v>
      </c>
      <c r="B83" s="29">
        <v>187</v>
      </c>
      <c r="C83" s="10">
        <v>206</v>
      </c>
      <c r="D83" s="9">
        <v>393</v>
      </c>
    </row>
    <row r="84" spans="1:4" ht="18" customHeight="1" x14ac:dyDescent="0.2">
      <c r="A84" s="8" t="s">
        <v>11</v>
      </c>
      <c r="B84" s="29">
        <v>1976</v>
      </c>
      <c r="C84" s="10">
        <v>1918</v>
      </c>
      <c r="D84" s="9">
        <v>3894</v>
      </c>
    </row>
    <row r="85" spans="1:4" ht="18" customHeight="1" x14ac:dyDescent="0.2">
      <c r="A85" s="16">
        <v>65</v>
      </c>
      <c r="B85" s="29">
        <v>57</v>
      </c>
      <c r="C85" s="10">
        <v>42</v>
      </c>
      <c r="D85" s="9">
        <v>99</v>
      </c>
    </row>
    <row r="86" spans="1:4" ht="18" customHeight="1" x14ac:dyDescent="0.2">
      <c r="A86" s="16">
        <v>66</v>
      </c>
      <c r="B86" s="29">
        <v>36</v>
      </c>
      <c r="C86" s="10">
        <v>43</v>
      </c>
      <c r="D86" s="9">
        <v>79</v>
      </c>
    </row>
    <row r="87" spans="1:4" ht="18" customHeight="1" x14ac:dyDescent="0.2">
      <c r="A87" s="16">
        <v>67</v>
      </c>
      <c r="B87" s="29">
        <v>33</v>
      </c>
      <c r="C87" s="10">
        <v>50</v>
      </c>
      <c r="D87" s="9">
        <v>83</v>
      </c>
    </row>
    <row r="88" spans="1:4" ht="18" customHeight="1" x14ac:dyDescent="0.2">
      <c r="A88" s="16">
        <v>68</v>
      </c>
      <c r="B88" s="29">
        <v>45</v>
      </c>
      <c r="C88" s="10">
        <v>44</v>
      </c>
      <c r="D88" s="9">
        <v>89</v>
      </c>
    </row>
    <row r="89" spans="1:4" ht="18" customHeight="1" x14ac:dyDescent="0.2">
      <c r="A89" s="16">
        <v>69</v>
      </c>
      <c r="B89" s="29">
        <v>40</v>
      </c>
      <c r="C89" s="10">
        <v>40</v>
      </c>
      <c r="D89" s="9">
        <v>80</v>
      </c>
    </row>
    <row r="90" spans="1:4" ht="18" customHeight="1" x14ac:dyDescent="0.2">
      <c r="A90" s="8" t="s">
        <v>10</v>
      </c>
      <c r="B90" s="29">
        <v>211</v>
      </c>
      <c r="C90" s="10">
        <v>219</v>
      </c>
      <c r="D90" s="9">
        <v>430</v>
      </c>
    </row>
    <row r="91" spans="1:4" ht="18" customHeight="1" x14ac:dyDescent="0.2">
      <c r="A91" s="16">
        <v>70</v>
      </c>
      <c r="B91" s="29">
        <v>52</v>
      </c>
      <c r="C91" s="10">
        <v>43</v>
      </c>
      <c r="D91" s="9">
        <v>95</v>
      </c>
    </row>
    <row r="92" spans="1:4" ht="18" customHeight="1" x14ac:dyDescent="0.2">
      <c r="A92" s="16">
        <v>71</v>
      </c>
      <c r="B92" s="29">
        <v>39</v>
      </c>
      <c r="C92" s="10">
        <v>55</v>
      </c>
      <c r="D92" s="9">
        <v>94</v>
      </c>
    </row>
    <row r="93" spans="1:4" ht="18" customHeight="1" x14ac:dyDescent="0.2">
      <c r="A93" s="16">
        <v>72</v>
      </c>
      <c r="B93" s="29">
        <v>52</v>
      </c>
      <c r="C93" s="10">
        <v>54</v>
      </c>
      <c r="D93" s="9">
        <v>106</v>
      </c>
    </row>
    <row r="94" spans="1:4" ht="18" customHeight="1" x14ac:dyDescent="0.2">
      <c r="A94" s="16">
        <v>73</v>
      </c>
      <c r="B94" s="29">
        <v>56</v>
      </c>
      <c r="C94" s="10">
        <v>76</v>
      </c>
      <c r="D94" s="9">
        <v>132</v>
      </c>
    </row>
    <row r="95" spans="1:4" ht="18" customHeight="1" x14ac:dyDescent="0.2">
      <c r="A95" s="16">
        <v>74</v>
      </c>
      <c r="B95" s="29">
        <v>69</v>
      </c>
      <c r="C95" s="10">
        <v>73</v>
      </c>
      <c r="D95" s="9">
        <v>142</v>
      </c>
    </row>
    <row r="96" spans="1:4" ht="18" customHeight="1" x14ac:dyDescent="0.2">
      <c r="A96" s="8" t="s">
        <v>9</v>
      </c>
      <c r="B96" s="29">
        <v>268</v>
      </c>
      <c r="C96" s="10">
        <v>301</v>
      </c>
      <c r="D96" s="9">
        <v>569</v>
      </c>
    </row>
    <row r="97" spans="1:4" ht="18" customHeight="1" x14ac:dyDescent="0.2">
      <c r="A97" s="16">
        <v>75</v>
      </c>
      <c r="B97" s="29">
        <v>60</v>
      </c>
      <c r="C97" s="10">
        <v>66</v>
      </c>
      <c r="D97" s="9">
        <v>126</v>
      </c>
    </row>
    <row r="98" spans="1:4" ht="18" customHeight="1" x14ac:dyDescent="0.2">
      <c r="A98" s="16">
        <v>76</v>
      </c>
      <c r="B98" s="29">
        <v>58</v>
      </c>
      <c r="C98" s="10">
        <v>61</v>
      </c>
      <c r="D98" s="9">
        <v>119</v>
      </c>
    </row>
    <row r="99" spans="1:4" ht="18" customHeight="1" x14ac:dyDescent="0.2">
      <c r="A99" s="16">
        <v>77</v>
      </c>
      <c r="B99" s="29">
        <v>22</v>
      </c>
      <c r="C99" s="10">
        <v>42</v>
      </c>
      <c r="D99" s="9">
        <v>64</v>
      </c>
    </row>
    <row r="100" spans="1:4" ht="18" customHeight="1" x14ac:dyDescent="0.2">
      <c r="A100" s="16">
        <v>78</v>
      </c>
      <c r="B100" s="29">
        <v>36</v>
      </c>
      <c r="C100" s="10">
        <v>51</v>
      </c>
      <c r="D100" s="9">
        <v>87</v>
      </c>
    </row>
    <row r="101" spans="1:4" ht="18" customHeight="1" x14ac:dyDescent="0.2">
      <c r="A101" s="16">
        <v>79</v>
      </c>
      <c r="B101" s="29">
        <v>44</v>
      </c>
      <c r="C101" s="10">
        <v>71</v>
      </c>
      <c r="D101" s="9">
        <v>115</v>
      </c>
    </row>
    <row r="102" spans="1:4" ht="18" customHeight="1" x14ac:dyDescent="0.2">
      <c r="A102" s="8" t="s">
        <v>8</v>
      </c>
      <c r="B102" s="29">
        <v>220</v>
      </c>
      <c r="C102" s="10">
        <v>291</v>
      </c>
      <c r="D102" s="9">
        <v>511</v>
      </c>
    </row>
    <row r="103" spans="1:4" ht="18" customHeight="1" x14ac:dyDescent="0.2">
      <c r="A103" s="16">
        <v>80</v>
      </c>
      <c r="B103" s="29">
        <v>35</v>
      </c>
      <c r="C103" s="10">
        <v>58</v>
      </c>
      <c r="D103" s="9">
        <v>93</v>
      </c>
    </row>
    <row r="104" spans="1:4" ht="18" customHeight="1" x14ac:dyDescent="0.2">
      <c r="A104" s="16">
        <v>81</v>
      </c>
      <c r="B104" s="29">
        <v>40</v>
      </c>
      <c r="C104" s="10">
        <v>46</v>
      </c>
      <c r="D104" s="9">
        <v>86</v>
      </c>
    </row>
    <row r="105" spans="1:4" ht="18" customHeight="1" x14ac:dyDescent="0.2">
      <c r="A105" s="16">
        <v>82</v>
      </c>
      <c r="B105" s="29">
        <v>31</v>
      </c>
      <c r="C105" s="10">
        <v>39</v>
      </c>
      <c r="D105" s="9">
        <v>70</v>
      </c>
    </row>
    <row r="106" spans="1:4" ht="18" customHeight="1" x14ac:dyDescent="0.2">
      <c r="A106" s="16">
        <v>83</v>
      </c>
      <c r="B106" s="29">
        <v>38</v>
      </c>
      <c r="C106" s="10">
        <v>32</v>
      </c>
      <c r="D106" s="9">
        <v>70</v>
      </c>
    </row>
    <row r="107" spans="1:4" ht="18" customHeight="1" x14ac:dyDescent="0.2">
      <c r="A107" s="16">
        <v>84</v>
      </c>
      <c r="B107" s="29">
        <v>32</v>
      </c>
      <c r="C107" s="10">
        <v>23</v>
      </c>
      <c r="D107" s="9">
        <v>55</v>
      </c>
    </row>
    <row r="108" spans="1:4" ht="18" customHeight="1" x14ac:dyDescent="0.2">
      <c r="A108" s="8" t="s">
        <v>7</v>
      </c>
      <c r="B108" s="29">
        <v>176</v>
      </c>
      <c r="C108" s="10">
        <v>198</v>
      </c>
      <c r="D108" s="9">
        <v>374</v>
      </c>
    </row>
    <row r="109" spans="1:4" ht="18" customHeight="1" x14ac:dyDescent="0.2">
      <c r="A109" s="16">
        <v>85</v>
      </c>
      <c r="B109" s="29">
        <v>20</v>
      </c>
      <c r="C109" s="10">
        <v>32</v>
      </c>
      <c r="D109" s="9">
        <v>52</v>
      </c>
    </row>
    <row r="110" spans="1:4" ht="18" customHeight="1" x14ac:dyDescent="0.2">
      <c r="A110" s="16">
        <v>86</v>
      </c>
      <c r="B110" s="29">
        <v>24</v>
      </c>
      <c r="C110" s="10">
        <v>38</v>
      </c>
      <c r="D110" s="9">
        <v>62</v>
      </c>
    </row>
    <row r="111" spans="1:4" ht="18" customHeight="1" x14ac:dyDescent="0.2">
      <c r="A111" s="16">
        <v>87</v>
      </c>
      <c r="B111" s="29">
        <v>17</v>
      </c>
      <c r="C111" s="10">
        <v>45</v>
      </c>
      <c r="D111" s="9">
        <v>62</v>
      </c>
    </row>
    <row r="112" spans="1:4" ht="18" customHeight="1" x14ac:dyDescent="0.2">
      <c r="A112" s="16">
        <v>88</v>
      </c>
      <c r="B112" s="29">
        <v>11</v>
      </c>
      <c r="C112" s="10">
        <v>30</v>
      </c>
      <c r="D112" s="9">
        <v>41</v>
      </c>
    </row>
    <row r="113" spans="1:4" ht="18" customHeight="1" x14ac:dyDescent="0.2">
      <c r="A113" s="16">
        <v>89</v>
      </c>
      <c r="B113" s="29">
        <v>12</v>
      </c>
      <c r="C113" s="10">
        <v>20</v>
      </c>
      <c r="D113" s="9">
        <v>32</v>
      </c>
    </row>
    <row r="114" spans="1:4" ht="18" customHeight="1" x14ac:dyDescent="0.2">
      <c r="A114" s="8" t="s">
        <v>6</v>
      </c>
      <c r="B114" s="29">
        <v>84</v>
      </c>
      <c r="C114" s="10">
        <v>165</v>
      </c>
      <c r="D114" s="9">
        <v>249</v>
      </c>
    </row>
    <row r="115" spans="1:4" ht="18" customHeight="1" x14ac:dyDescent="0.2">
      <c r="A115" s="16">
        <v>90</v>
      </c>
      <c r="B115" s="29">
        <v>20</v>
      </c>
      <c r="C115" s="10">
        <v>28</v>
      </c>
      <c r="D115" s="9">
        <v>48</v>
      </c>
    </row>
    <row r="116" spans="1:4" ht="18" customHeight="1" x14ac:dyDescent="0.2">
      <c r="A116" s="16">
        <v>91</v>
      </c>
      <c r="B116" s="29">
        <v>4</v>
      </c>
      <c r="C116" s="10">
        <v>20</v>
      </c>
      <c r="D116" s="9">
        <v>24</v>
      </c>
    </row>
    <row r="117" spans="1:4" ht="18" customHeight="1" x14ac:dyDescent="0.2">
      <c r="A117" s="16">
        <v>92</v>
      </c>
      <c r="B117" s="29">
        <v>9</v>
      </c>
      <c r="C117" s="10">
        <v>14</v>
      </c>
      <c r="D117" s="9">
        <v>23</v>
      </c>
    </row>
    <row r="118" spans="1:4" ht="18" customHeight="1" x14ac:dyDescent="0.2">
      <c r="A118" s="16">
        <v>93</v>
      </c>
      <c r="B118" s="29">
        <v>4</v>
      </c>
      <c r="C118" s="10">
        <v>12</v>
      </c>
      <c r="D118" s="9">
        <v>16</v>
      </c>
    </row>
    <row r="119" spans="1:4" ht="18" customHeight="1" x14ac:dyDescent="0.2">
      <c r="A119" s="16">
        <v>94</v>
      </c>
      <c r="B119" s="29">
        <v>3</v>
      </c>
      <c r="C119" s="10">
        <v>6</v>
      </c>
      <c r="D119" s="9">
        <v>9</v>
      </c>
    </row>
    <row r="120" spans="1:4" ht="18" customHeight="1" x14ac:dyDescent="0.2">
      <c r="A120" s="8" t="s">
        <v>5</v>
      </c>
      <c r="B120" s="29">
        <v>40</v>
      </c>
      <c r="C120" s="10">
        <v>80</v>
      </c>
      <c r="D120" s="9">
        <v>120</v>
      </c>
    </row>
    <row r="121" spans="1:4" ht="18" customHeight="1" x14ac:dyDescent="0.2">
      <c r="A121" s="16">
        <v>95</v>
      </c>
      <c r="B121" s="29">
        <v>2</v>
      </c>
      <c r="C121" s="10">
        <v>7</v>
      </c>
      <c r="D121" s="9">
        <v>9</v>
      </c>
    </row>
    <row r="122" spans="1:4" ht="18" customHeight="1" x14ac:dyDescent="0.2">
      <c r="A122" s="16">
        <v>96</v>
      </c>
      <c r="B122" s="29">
        <v>5</v>
      </c>
      <c r="C122" s="10">
        <v>2</v>
      </c>
      <c r="D122" s="9">
        <v>7</v>
      </c>
    </row>
    <row r="123" spans="1:4" ht="18" customHeight="1" x14ac:dyDescent="0.2">
      <c r="A123" s="16">
        <v>97</v>
      </c>
      <c r="B123" s="29">
        <v>1</v>
      </c>
      <c r="C123" s="10">
        <v>4</v>
      </c>
      <c r="D123" s="9">
        <v>5</v>
      </c>
    </row>
    <row r="124" spans="1:4" ht="18" customHeight="1" x14ac:dyDescent="0.2">
      <c r="A124" s="16">
        <v>98</v>
      </c>
      <c r="B124" s="29">
        <v>0</v>
      </c>
      <c r="C124" s="10">
        <v>3</v>
      </c>
      <c r="D124" s="9">
        <v>3</v>
      </c>
    </row>
    <row r="125" spans="1:4" ht="18" customHeight="1" x14ac:dyDescent="0.2">
      <c r="A125" s="16">
        <v>99</v>
      </c>
      <c r="B125" s="29">
        <v>1</v>
      </c>
      <c r="C125" s="10">
        <v>5</v>
      </c>
      <c r="D125" s="9">
        <v>6</v>
      </c>
    </row>
    <row r="126" spans="1:4" ht="18" customHeight="1" x14ac:dyDescent="0.2">
      <c r="A126" s="8" t="s">
        <v>4</v>
      </c>
      <c r="B126" s="29">
        <v>9</v>
      </c>
      <c r="C126" s="10">
        <v>21</v>
      </c>
      <c r="D126" s="9">
        <v>30</v>
      </c>
    </row>
    <row r="127" spans="1:4" ht="18" customHeight="1" x14ac:dyDescent="0.2">
      <c r="A127" s="16">
        <v>100</v>
      </c>
      <c r="B127" s="29">
        <v>0</v>
      </c>
      <c r="C127" s="10">
        <v>0</v>
      </c>
      <c r="D127" s="9">
        <v>0</v>
      </c>
    </row>
    <row r="128" spans="1:4" ht="18" customHeight="1" x14ac:dyDescent="0.2">
      <c r="A128" s="15" t="s">
        <v>3</v>
      </c>
      <c r="B128" s="29">
        <v>0</v>
      </c>
      <c r="C128" s="10">
        <v>2</v>
      </c>
      <c r="D128" s="9">
        <v>2</v>
      </c>
    </row>
    <row r="129" spans="1:4" ht="18" customHeight="1" x14ac:dyDescent="0.2">
      <c r="A129" s="8" t="s">
        <v>2</v>
      </c>
      <c r="B129" s="29">
        <v>0</v>
      </c>
      <c r="C129" s="10">
        <v>2</v>
      </c>
      <c r="D129" s="9">
        <v>2</v>
      </c>
    </row>
    <row r="130" spans="1:4" ht="18" customHeight="1" x14ac:dyDescent="0.2">
      <c r="A130" s="8" t="s">
        <v>1</v>
      </c>
      <c r="B130" s="28">
        <v>1008</v>
      </c>
      <c r="C130" s="6">
        <v>1277</v>
      </c>
      <c r="D130" s="5">
        <v>2285</v>
      </c>
    </row>
    <row r="131" spans="1:4" ht="18" customHeight="1" x14ac:dyDescent="0.2">
      <c r="A131" s="4" t="s">
        <v>0</v>
      </c>
      <c r="B131" s="27">
        <v>3371</v>
      </c>
      <c r="C131" s="2">
        <v>3526</v>
      </c>
      <c r="D131" s="1">
        <v>6897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9A8A26F-576B-4BB8-BB6C-267E8DE1C5E2}">
  <sheetPr codeName="Sheet4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63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8</v>
      </c>
      <c r="C5" s="18">
        <v>10</v>
      </c>
      <c r="D5" s="17">
        <v>18</v>
      </c>
    </row>
    <row r="6" spans="1:4" ht="18" customHeight="1" x14ac:dyDescent="0.2">
      <c r="A6" s="16">
        <v>1</v>
      </c>
      <c r="B6" s="29">
        <v>13</v>
      </c>
      <c r="C6" s="10">
        <v>8</v>
      </c>
      <c r="D6" s="9">
        <v>21</v>
      </c>
    </row>
    <row r="7" spans="1:4" ht="18" customHeight="1" x14ac:dyDescent="0.2">
      <c r="A7" s="16">
        <v>2</v>
      </c>
      <c r="B7" s="29">
        <v>10</v>
      </c>
      <c r="C7" s="10">
        <v>12</v>
      </c>
      <c r="D7" s="9">
        <v>22</v>
      </c>
    </row>
    <row r="8" spans="1:4" ht="18" customHeight="1" x14ac:dyDescent="0.2">
      <c r="A8" s="16">
        <v>3</v>
      </c>
      <c r="B8" s="29">
        <v>13</v>
      </c>
      <c r="C8" s="10">
        <v>13</v>
      </c>
      <c r="D8" s="9">
        <v>26</v>
      </c>
    </row>
    <row r="9" spans="1:4" ht="18" customHeight="1" x14ac:dyDescent="0.2">
      <c r="A9" s="16">
        <v>4</v>
      </c>
      <c r="B9" s="29">
        <v>16</v>
      </c>
      <c r="C9" s="10">
        <v>12</v>
      </c>
      <c r="D9" s="9">
        <v>28</v>
      </c>
    </row>
    <row r="10" spans="1:4" ht="18" customHeight="1" x14ac:dyDescent="0.2">
      <c r="A10" s="8" t="s">
        <v>25</v>
      </c>
      <c r="B10" s="29">
        <v>60</v>
      </c>
      <c r="C10" s="10">
        <v>55</v>
      </c>
      <c r="D10" s="9">
        <v>115</v>
      </c>
    </row>
    <row r="11" spans="1:4" ht="18" customHeight="1" x14ac:dyDescent="0.2">
      <c r="A11" s="16">
        <v>5</v>
      </c>
      <c r="B11" s="29">
        <v>17</v>
      </c>
      <c r="C11" s="10">
        <v>15</v>
      </c>
      <c r="D11" s="9">
        <v>32</v>
      </c>
    </row>
    <row r="12" spans="1:4" ht="18" customHeight="1" x14ac:dyDescent="0.2">
      <c r="A12" s="16">
        <v>6</v>
      </c>
      <c r="B12" s="29">
        <v>20</v>
      </c>
      <c r="C12" s="10">
        <v>10</v>
      </c>
      <c r="D12" s="9">
        <v>30</v>
      </c>
    </row>
    <row r="13" spans="1:4" ht="18" customHeight="1" x14ac:dyDescent="0.2">
      <c r="A13" s="16">
        <v>7</v>
      </c>
      <c r="B13" s="29">
        <v>26</v>
      </c>
      <c r="C13" s="10">
        <v>15</v>
      </c>
      <c r="D13" s="9">
        <v>41</v>
      </c>
    </row>
    <row r="14" spans="1:4" ht="18" customHeight="1" x14ac:dyDescent="0.2">
      <c r="A14" s="16">
        <v>8</v>
      </c>
      <c r="B14" s="29">
        <v>14</v>
      </c>
      <c r="C14" s="10">
        <v>30</v>
      </c>
      <c r="D14" s="9">
        <v>44</v>
      </c>
    </row>
    <row r="15" spans="1:4" ht="18" customHeight="1" x14ac:dyDescent="0.2">
      <c r="A15" s="16">
        <v>9</v>
      </c>
      <c r="B15" s="29">
        <v>19</v>
      </c>
      <c r="C15" s="10">
        <v>21</v>
      </c>
      <c r="D15" s="9">
        <v>40</v>
      </c>
    </row>
    <row r="16" spans="1:4" ht="18" customHeight="1" x14ac:dyDescent="0.2">
      <c r="A16" s="8" t="s">
        <v>24</v>
      </c>
      <c r="B16" s="29">
        <v>96</v>
      </c>
      <c r="C16" s="10">
        <v>91</v>
      </c>
      <c r="D16" s="9">
        <v>187</v>
      </c>
    </row>
    <row r="17" spans="1:4" ht="18" customHeight="1" x14ac:dyDescent="0.2">
      <c r="A17" s="16">
        <v>10</v>
      </c>
      <c r="B17" s="29">
        <v>28</v>
      </c>
      <c r="C17" s="10">
        <v>12</v>
      </c>
      <c r="D17" s="9">
        <v>40</v>
      </c>
    </row>
    <row r="18" spans="1:4" ht="18" customHeight="1" x14ac:dyDescent="0.2">
      <c r="A18" s="16">
        <v>11</v>
      </c>
      <c r="B18" s="29">
        <v>23</v>
      </c>
      <c r="C18" s="10">
        <v>26</v>
      </c>
      <c r="D18" s="9">
        <v>49</v>
      </c>
    </row>
    <row r="19" spans="1:4" ht="18" customHeight="1" x14ac:dyDescent="0.2">
      <c r="A19" s="16">
        <v>12</v>
      </c>
      <c r="B19" s="29">
        <v>27</v>
      </c>
      <c r="C19" s="10">
        <v>28</v>
      </c>
      <c r="D19" s="9">
        <v>55</v>
      </c>
    </row>
    <row r="20" spans="1:4" ht="18" customHeight="1" x14ac:dyDescent="0.2">
      <c r="A20" s="16">
        <v>13</v>
      </c>
      <c r="B20" s="29">
        <v>24</v>
      </c>
      <c r="C20" s="10">
        <v>36</v>
      </c>
      <c r="D20" s="9">
        <v>60</v>
      </c>
    </row>
    <row r="21" spans="1:4" ht="18" customHeight="1" x14ac:dyDescent="0.2">
      <c r="A21" s="16">
        <v>14</v>
      </c>
      <c r="B21" s="29">
        <v>28</v>
      </c>
      <c r="C21" s="10">
        <v>23</v>
      </c>
      <c r="D21" s="9">
        <v>51</v>
      </c>
    </row>
    <row r="22" spans="1:4" ht="18" customHeight="1" x14ac:dyDescent="0.2">
      <c r="A22" s="8" t="s">
        <v>23</v>
      </c>
      <c r="B22" s="29">
        <v>130</v>
      </c>
      <c r="C22" s="10">
        <v>125</v>
      </c>
      <c r="D22" s="9">
        <v>255</v>
      </c>
    </row>
    <row r="23" spans="1:4" ht="18" customHeight="1" x14ac:dyDescent="0.2">
      <c r="A23" s="8" t="s">
        <v>22</v>
      </c>
      <c r="B23" s="29">
        <v>286</v>
      </c>
      <c r="C23" s="10">
        <v>271</v>
      </c>
      <c r="D23" s="9">
        <v>557</v>
      </c>
    </row>
    <row r="24" spans="1:4" ht="18" customHeight="1" x14ac:dyDescent="0.2">
      <c r="A24" s="16">
        <v>15</v>
      </c>
      <c r="B24" s="29">
        <v>24</v>
      </c>
      <c r="C24" s="10">
        <v>26</v>
      </c>
      <c r="D24" s="9">
        <v>50</v>
      </c>
    </row>
    <row r="25" spans="1:4" ht="18" customHeight="1" x14ac:dyDescent="0.2">
      <c r="A25" s="16">
        <v>16</v>
      </c>
      <c r="B25" s="29">
        <v>36</v>
      </c>
      <c r="C25" s="10">
        <v>32</v>
      </c>
      <c r="D25" s="9">
        <v>68</v>
      </c>
    </row>
    <row r="26" spans="1:4" ht="18" customHeight="1" x14ac:dyDescent="0.2">
      <c r="A26" s="16">
        <v>17</v>
      </c>
      <c r="B26" s="29">
        <v>32</v>
      </c>
      <c r="C26" s="10">
        <v>30</v>
      </c>
      <c r="D26" s="9">
        <v>62</v>
      </c>
    </row>
    <row r="27" spans="1:4" ht="18" customHeight="1" x14ac:dyDescent="0.2">
      <c r="A27" s="16">
        <v>18</v>
      </c>
      <c r="B27" s="29">
        <v>29</v>
      </c>
      <c r="C27" s="10">
        <v>24</v>
      </c>
      <c r="D27" s="9">
        <v>53</v>
      </c>
    </row>
    <row r="28" spans="1:4" ht="18" customHeight="1" x14ac:dyDescent="0.2">
      <c r="A28" s="16">
        <v>19</v>
      </c>
      <c r="B28" s="29">
        <v>21</v>
      </c>
      <c r="C28" s="10">
        <v>33</v>
      </c>
      <c r="D28" s="9">
        <v>54</v>
      </c>
    </row>
    <row r="29" spans="1:4" ht="18" customHeight="1" x14ac:dyDescent="0.2">
      <c r="A29" s="8" t="s">
        <v>21</v>
      </c>
      <c r="B29" s="29">
        <v>142</v>
      </c>
      <c r="C29" s="10">
        <v>145</v>
      </c>
      <c r="D29" s="9">
        <v>287</v>
      </c>
    </row>
    <row r="30" spans="1:4" ht="18" customHeight="1" x14ac:dyDescent="0.2">
      <c r="A30" s="16">
        <v>20</v>
      </c>
      <c r="B30" s="29">
        <v>25</v>
      </c>
      <c r="C30" s="10">
        <v>16</v>
      </c>
      <c r="D30" s="9">
        <v>41</v>
      </c>
    </row>
    <row r="31" spans="1:4" ht="18" customHeight="1" x14ac:dyDescent="0.2">
      <c r="A31" s="16">
        <v>21</v>
      </c>
      <c r="B31" s="29">
        <v>32</v>
      </c>
      <c r="C31" s="10">
        <v>20</v>
      </c>
      <c r="D31" s="9">
        <v>52</v>
      </c>
    </row>
    <row r="32" spans="1:4" ht="18" customHeight="1" x14ac:dyDescent="0.2">
      <c r="A32" s="16">
        <v>22</v>
      </c>
      <c r="B32" s="29">
        <v>30</v>
      </c>
      <c r="C32" s="10">
        <v>25</v>
      </c>
      <c r="D32" s="9">
        <v>55</v>
      </c>
    </row>
    <row r="33" spans="1:4" ht="18" customHeight="1" x14ac:dyDescent="0.2">
      <c r="A33" s="16">
        <v>23</v>
      </c>
      <c r="B33" s="29">
        <v>21</v>
      </c>
      <c r="C33" s="10">
        <v>19</v>
      </c>
      <c r="D33" s="9">
        <v>40</v>
      </c>
    </row>
    <row r="34" spans="1:4" ht="18" customHeight="1" x14ac:dyDescent="0.2">
      <c r="A34" s="16">
        <v>24</v>
      </c>
      <c r="B34" s="29">
        <v>25</v>
      </c>
      <c r="C34" s="10">
        <v>13</v>
      </c>
      <c r="D34" s="9">
        <v>38</v>
      </c>
    </row>
    <row r="35" spans="1:4" ht="18" customHeight="1" x14ac:dyDescent="0.2">
      <c r="A35" s="8" t="s">
        <v>20</v>
      </c>
      <c r="B35" s="29">
        <v>133</v>
      </c>
      <c r="C35" s="10">
        <v>93</v>
      </c>
      <c r="D35" s="9">
        <v>226</v>
      </c>
    </row>
    <row r="36" spans="1:4" ht="18" customHeight="1" x14ac:dyDescent="0.2">
      <c r="A36" s="16">
        <v>25</v>
      </c>
      <c r="B36" s="29">
        <v>14</v>
      </c>
      <c r="C36" s="10">
        <v>21</v>
      </c>
      <c r="D36" s="9">
        <v>35</v>
      </c>
    </row>
    <row r="37" spans="1:4" ht="18" customHeight="1" x14ac:dyDescent="0.2">
      <c r="A37" s="16">
        <v>26</v>
      </c>
      <c r="B37" s="29">
        <v>21</v>
      </c>
      <c r="C37" s="10">
        <v>18</v>
      </c>
      <c r="D37" s="9">
        <v>39</v>
      </c>
    </row>
    <row r="38" spans="1:4" ht="18" customHeight="1" x14ac:dyDescent="0.2">
      <c r="A38" s="16">
        <v>27</v>
      </c>
      <c r="B38" s="29">
        <v>18</v>
      </c>
      <c r="C38" s="10">
        <v>20</v>
      </c>
      <c r="D38" s="9">
        <v>38</v>
      </c>
    </row>
    <row r="39" spans="1:4" ht="18" customHeight="1" x14ac:dyDescent="0.2">
      <c r="A39" s="16">
        <v>28</v>
      </c>
      <c r="B39" s="29">
        <v>26</v>
      </c>
      <c r="C39" s="10">
        <v>18</v>
      </c>
      <c r="D39" s="9">
        <v>44</v>
      </c>
    </row>
    <row r="40" spans="1:4" ht="18" customHeight="1" x14ac:dyDescent="0.2">
      <c r="A40" s="16">
        <v>29</v>
      </c>
      <c r="B40" s="29">
        <v>17</v>
      </c>
      <c r="C40" s="10">
        <v>17</v>
      </c>
      <c r="D40" s="9">
        <v>34</v>
      </c>
    </row>
    <row r="41" spans="1:4" ht="18" customHeight="1" x14ac:dyDescent="0.2">
      <c r="A41" s="8" t="s">
        <v>19</v>
      </c>
      <c r="B41" s="29">
        <v>96</v>
      </c>
      <c r="C41" s="10">
        <v>94</v>
      </c>
      <c r="D41" s="9">
        <v>190</v>
      </c>
    </row>
    <row r="42" spans="1:4" ht="18" customHeight="1" x14ac:dyDescent="0.2">
      <c r="A42" s="16">
        <v>30</v>
      </c>
      <c r="B42" s="29">
        <v>20</v>
      </c>
      <c r="C42" s="10">
        <v>16</v>
      </c>
      <c r="D42" s="9">
        <v>36</v>
      </c>
    </row>
    <row r="43" spans="1:4" ht="18" customHeight="1" x14ac:dyDescent="0.2">
      <c r="A43" s="16">
        <v>31</v>
      </c>
      <c r="B43" s="29">
        <v>16</v>
      </c>
      <c r="C43" s="10">
        <v>14</v>
      </c>
      <c r="D43" s="9">
        <v>30</v>
      </c>
    </row>
    <row r="44" spans="1:4" ht="18" customHeight="1" x14ac:dyDescent="0.2">
      <c r="A44" s="16">
        <v>32</v>
      </c>
      <c r="B44" s="29">
        <v>17</v>
      </c>
      <c r="C44" s="10">
        <v>13</v>
      </c>
      <c r="D44" s="9">
        <v>30</v>
      </c>
    </row>
    <row r="45" spans="1:4" ht="18" customHeight="1" x14ac:dyDescent="0.2">
      <c r="A45" s="16">
        <v>33</v>
      </c>
      <c r="B45" s="29">
        <v>14</v>
      </c>
      <c r="C45" s="10">
        <v>17</v>
      </c>
      <c r="D45" s="9">
        <v>31</v>
      </c>
    </row>
    <row r="46" spans="1:4" ht="18" customHeight="1" x14ac:dyDescent="0.2">
      <c r="A46" s="16">
        <v>34</v>
      </c>
      <c r="B46" s="29">
        <v>17</v>
      </c>
      <c r="C46" s="10">
        <v>23</v>
      </c>
      <c r="D46" s="9">
        <v>40</v>
      </c>
    </row>
    <row r="47" spans="1:4" ht="18" customHeight="1" x14ac:dyDescent="0.2">
      <c r="A47" s="8" t="s">
        <v>18</v>
      </c>
      <c r="B47" s="29">
        <v>84</v>
      </c>
      <c r="C47" s="10">
        <v>83</v>
      </c>
      <c r="D47" s="9">
        <v>167</v>
      </c>
    </row>
    <row r="48" spans="1:4" ht="18" customHeight="1" x14ac:dyDescent="0.2">
      <c r="A48" s="16">
        <v>35</v>
      </c>
      <c r="B48" s="29">
        <v>22</v>
      </c>
      <c r="C48" s="10">
        <v>19</v>
      </c>
      <c r="D48" s="9">
        <v>41</v>
      </c>
    </row>
    <row r="49" spans="1:4" ht="18" customHeight="1" x14ac:dyDescent="0.2">
      <c r="A49" s="16">
        <v>36</v>
      </c>
      <c r="B49" s="29">
        <v>34</v>
      </c>
      <c r="C49" s="10">
        <v>22</v>
      </c>
      <c r="D49" s="9">
        <v>56</v>
      </c>
    </row>
    <row r="50" spans="1:4" ht="18" customHeight="1" x14ac:dyDescent="0.2">
      <c r="A50" s="16">
        <v>37</v>
      </c>
      <c r="B50" s="29">
        <v>21</v>
      </c>
      <c r="C50" s="10">
        <v>26</v>
      </c>
      <c r="D50" s="9">
        <v>47</v>
      </c>
    </row>
    <row r="51" spans="1:4" ht="18" customHeight="1" x14ac:dyDescent="0.2">
      <c r="A51" s="16">
        <v>38</v>
      </c>
      <c r="B51" s="29">
        <v>24</v>
      </c>
      <c r="C51" s="10">
        <v>22</v>
      </c>
      <c r="D51" s="9">
        <v>46</v>
      </c>
    </row>
    <row r="52" spans="1:4" ht="18" customHeight="1" x14ac:dyDescent="0.2">
      <c r="A52" s="16">
        <v>39</v>
      </c>
      <c r="B52" s="29">
        <v>21</v>
      </c>
      <c r="C52" s="10">
        <v>33</v>
      </c>
      <c r="D52" s="9">
        <v>54</v>
      </c>
    </row>
    <row r="53" spans="1:4" ht="18" customHeight="1" x14ac:dyDescent="0.2">
      <c r="A53" s="8" t="s">
        <v>17</v>
      </c>
      <c r="B53" s="29">
        <v>122</v>
      </c>
      <c r="C53" s="10">
        <v>122</v>
      </c>
      <c r="D53" s="9">
        <v>244</v>
      </c>
    </row>
    <row r="54" spans="1:4" ht="18" customHeight="1" x14ac:dyDescent="0.2">
      <c r="A54" s="16">
        <v>40</v>
      </c>
      <c r="B54" s="29">
        <v>31</v>
      </c>
      <c r="C54" s="10">
        <v>25</v>
      </c>
      <c r="D54" s="9">
        <v>56</v>
      </c>
    </row>
    <row r="55" spans="1:4" ht="18" customHeight="1" x14ac:dyDescent="0.2">
      <c r="A55" s="16">
        <v>41</v>
      </c>
      <c r="B55" s="29">
        <v>36</v>
      </c>
      <c r="C55" s="10">
        <v>30</v>
      </c>
      <c r="D55" s="9">
        <v>66</v>
      </c>
    </row>
    <row r="56" spans="1:4" ht="18" customHeight="1" x14ac:dyDescent="0.2">
      <c r="A56" s="16">
        <v>42</v>
      </c>
      <c r="B56" s="29">
        <v>32</v>
      </c>
      <c r="C56" s="10">
        <v>34</v>
      </c>
      <c r="D56" s="9">
        <v>66</v>
      </c>
    </row>
    <row r="57" spans="1:4" ht="18" customHeight="1" x14ac:dyDescent="0.2">
      <c r="A57" s="16">
        <v>43</v>
      </c>
      <c r="B57" s="29">
        <v>36</v>
      </c>
      <c r="C57" s="10">
        <v>41</v>
      </c>
      <c r="D57" s="9">
        <v>77</v>
      </c>
    </row>
    <row r="58" spans="1:4" ht="18" customHeight="1" x14ac:dyDescent="0.2">
      <c r="A58" s="16">
        <v>44</v>
      </c>
      <c r="B58" s="29">
        <v>32</v>
      </c>
      <c r="C58" s="10">
        <v>46</v>
      </c>
      <c r="D58" s="9">
        <v>78</v>
      </c>
    </row>
    <row r="59" spans="1:4" ht="18" customHeight="1" x14ac:dyDescent="0.2">
      <c r="A59" s="8" t="s">
        <v>16</v>
      </c>
      <c r="B59" s="29">
        <v>167</v>
      </c>
      <c r="C59" s="10">
        <v>176</v>
      </c>
      <c r="D59" s="9">
        <v>343</v>
      </c>
    </row>
    <row r="60" spans="1:4" ht="18" customHeight="1" x14ac:dyDescent="0.2">
      <c r="A60" s="16">
        <v>45</v>
      </c>
      <c r="B60" s="29">
        <v>50</v>
      </c>
      <c r="C60" s="10">
        <v>29</v>
      </c>
      <c r="D60" s="9">
        <v>79</v>
      </c>
    </row>
    <row r="61" spans="1:4" ht="18" customHeight="1" x14ac:dyDescent="0.2">
      <c r="A61" s="16">
        <v>46</v>
      </c>
      <c r="B61" s="29">
        <v>42</v>
      </c>
      <c r="C61" s="10">
        <v>34</v>
      </c>
      <c r="D61" s="9">
        <v>76</v>
      </c>
    </row>
    <row r="62" spans="1:4" ht="18" customHeight="1" x14ac:dyDescent="0.2">
      <c r="A62" s="16">
        <v>47</v>
      </c>
      <c r="B62" s="29">
        <v>54</v>
      </c>
      <c r="C62" s="10">
        <v>38</v>
      </c>
      <c r="D62" s="9">
        <v>92</v>
      </c>
    </row>
    <row r="63" spans="1:4" ht="18" customHeight="1" x14ac:dyDescent="0.2">
      <c r="A63" s="16">
        <v>48</v>
      </c>
      <c r="B63" s="29">
        <v>48</v>
      </c>
      <c r="C63" s="10">
        <v>46</v>
      </c>
      <c r="D63" s="9">
        <v>94</v>
      </c>
    </row>
    <row r="64" spans="1:4" ht="18" customHeight="1" x14ac:dyDescent="0.2">
      <c r="A64" s="16">
        <v>49</v>
      </c>
      <c r="B64" s="29">
        <v>51</v>
      </c>
      <c r="C64" s="10">
        <v>44</v>
      </c>
      <c r="D64" s="9">
        <v>95</v>
      </c>
    </row>
    <row r="65" spans="1:4" ht="18" customHeight="1" x14ac:dyDescent="0.2">
      <c r="A65" s="8" t="s">
        <v>15</v>
      </c>
      <c r="B65" s="29">
        <v>245</v>
      </c>
      <c r="C65" s="10">
        <v>191</v>
      </c>
      <c r="D65" s="9">
        <v>436</v>
      </c>
    </row>
    <row r="66" spans="1:4" ht="18" customHeight="1" x14ac:dyDescent="0.2">
      <c r="A66" s="16">
        <v>50</v>
      </c>
      <c r="B66" s="29">
        <v>47</v>
      </c>
      <c r="C66" s="10">
        <v>47</v>
      </c>
      <c r="D66" s="9">
        <v>94</v>
      </c>
    </row>
    <row r="67" spans="1:4" ht="18" customHeight="1" x14ac:dyDescent="0.2">
      <c r="A67" s="16">
        <v>51</v>
      </c>
      <c r="B67" s="29">
        <v>43</v>
      </c>
      <c r="C67" s="10">
        <v>51</v>
      </c>
      <c r="D67" s="9">
        <v>94</v>
      </c>
    </row>
    <row r="68" spans="1:4" ht="18" customHeight="1" x14ac:dyDescent="0.2">
      <c r="A68" s="16">
        <v>52</v>
      </c>
      <c r="B68" s="29">
        <v>52</v>
      </c>
      <c r="C68" s="10">
        <v>43</v>
      </c>
      <c r="D68" s="9">
        <v>95</v>
      </c>
    </row>
    <row r="69" spans="1:4" ht="18" customHeight="1" x14ac:dyDescent="0.2">
      <c r="A69" s="16">
        <v>53</v>
      </c>
      <c r="B69" s="29">
        <v>53</v>
      </c>
      <c r="C69" s="10">
        <v>64</v>
      </c>
      <c r="D69" s="9">
        <v>117</v>
      </c>
    </row>
    <row r="70" spans="1:4" ht="18" customHeight="1" x14ac:dyDescent="0.2">
      <c r="A70" s="16">
        <v>54</v>
      </c>
      <c r="B70" s="29">
        <v>55</v>
      </c>
      <c r="C70" s="10">
        <v>36</v>
      </c>
      <c r="D70" s="9">
        <v>91</v>
      </c>
    </row>
    <row r="71" spans="1:4" ht="18" customHeight="1" x14ac:dyDescent="0.2">
      <c r="A71" s="8" t="s">
        <v>14</v>
      </c>
      <c r="B71" s="29">
        <v>250</v>
      </c>
      <c r="C71" s="10">
        <v>241</v>
      </c>
      <c r="D71" s="9">
        <v>491</v>
      </c>
    </row>
    <row r="72" spans="1:4" ht="18" customHeight="1" x14ac:dyDescent="0.2">
      <c r="A72" s="16">
        <v>55</v>
      </c>
      <c r="B72" s="29">
        <v>44</v>
      </c>
      <c r="C72" s="10">
        <v>36</v>
      </c>
      <c r="D72" s="9">
        <v>80</v>
      </c>
    </row>
    <row r="73" spans="1:4" ht="18" customHeight="1" x14ac:dyDescent="0.2">
      <c r="A73" s="16">
        <v>56</v>
      </c>
      <c r="B73" s="29">
        <v>39</v>
      </c>
      <c r="C73" s="10">
        <v>47</v>
      </c>
      <c r="D73" s="9">
        <v>86</v>
      </c>
    </row>
    <row r="74" spans="1:4" ht="18" customHeight="1" x14ac:dyDescent="0.2">
      <c r="A74" s="16">
        <v>57</v>
      </c>
      <c r="B74" s="29">
        <v>36</v>
      </c>
      <c r="C74" s="10">
        <v>38</v>
      </c>
      <c r="D74" s="9">
        <v>74</v>
      </c>
    </row>
    <row r="75" spans="1:4" ht="18" customHeight="1" x14ac:dyDescent="0.2">
      <c r="A75" s="16">
        <v>58</v>
      </c>
      <c r="B75" s="29">
        <v>41</v>
      </c>
      <c r="C75" s="10">
        <v>39</v>
      </c>
      <c r="D75" s="9">
        <v>80</v>
      </c>
    </row>
    <row r="76" spans="1:4" ht="18" customHeight="1" x14ac:dyDescent="0.2">
      <c r="A76" s="16">
        <v>59</v>
      </c>
      <c r="B76" s="29">
        <v>27</v>
      </c>
      <c r="C76" s="10">
        <v>37</v>
      </c>
      <c r="D76" s="9">
        <v>64</v>
      </c>
    </row>
    <row r="77" spans="1:4" ht="18" customHeight="1" x14ac:dyDescent="0.2">
      <c r="A77" s="8" t="s">
        <v>13</v>
      </c>
      <c r="B77" s="29">
        <v>187</v>
      </c>
      <c r="C77" s="10">
        <v>197</v>
      </c>
      <c r="D77" s="9">
        <v>384</v>
      </c>
    </row>
    <row r="78" spans="1:4" ht="18" customHeight="1" x14ac:dyDescent="0.2">
      <c r="A78" s="16">
        <v>60</v>
      </c>
      <c r="B78" s="29">
        <v>40</v>
      </c>
      <c r="C78" s="10">
        <v>45</v>
      </c>
      <c r="D78" s="9">
        <v>85</v>
      </c>
    </row>
    <row r="79" spans="1:4" ht="18" customHeight="1" x14ac:dyDescent="0.2">
      <c r="A79" s="16">
        <v>61</v>
      </c>
      <c r="B79" s="29">
        <v>35</v>
      </c>
      <c r="C79" s="10">
        <v>37</v>
      </c>
      <c r="D79" s="9">
        <v>72</v>
      </c>
    </row>
    <row r="80" spans="1:4" ht="18" customHeight="1" x14ac:dyDescent="0.2">
      <c r="A80" s="16">
        <v>62</v>
      </c>
      <c r="B80" s="29">
        <v>37</v>
      </c>
      <c r="C80" s="10">
        <v>42</v>
      </c>
      <c r="D80" s="9">
        <v>79</v>
      </c>
    </row>
    <row r="81" spans="1:4" ht="18" customHeight="1" x14ac:dyDescent="0.2">
      <c r="A81" s="16">
        <v>63</v>
      </c>
      <c r="B81" s="29">
        <v>36</v>
      </c>
      <c r="C81" s="10">
        <v>43</v>
      </c>
      <c r="D81" s="9">
        <v>79</v>
      </c>
    </row>
    <row r="82" spans="1:4" ht="18" customHeight="1" x14ac:dyDescent="0.2">
      <c r="A82" s="16">
        <v>64</v>
      </c>
      <c r="B82" s="29">
        <v>32</v>
      </c>
      <c r="C82" s="10">
        <v>35</v>
      </c>
      <c r="D82" s="9">
        <v>67</v>
      </c>
    </row>
    <row r="83" spans="1:4" ht="18" customHeight="1" x14ac:dyDescent="0.2">
      <c r="A83" s="8" t="s">
        <v>12</v>
      </c>
      <c r="B83" s="29">
        <v>180</v>
      </c>
      <c r="C83" s="10">
        <v>202</v>
      </c>
      <c r="D83" s="9">
        <v>382</v>
      </c>
    </row>
    <row r="84" spans="1:4" ht="18" customHeight="1" x14ac:dyDescent="0.2">
      <c r="A84" s="8" t="s">
        <v>11</v>
      </c>
      <c r="B84" s="29">
        <v>1606</v>
      </c>
      <c r="C84" s="10">
        <v>1544</v>
      </c>
      <c r="D84" s="9">
        <v>3150</v>
      </c>
    </row>
    <row r="85" spans="1:4" ht="18" customHeight="1" x14ac:dyDescent="0.2">
      <c r="A85" s="16">
        <v>65</v>
      </c>
      <c r="B85" s="29">
        <v>47</v>
      </c>
      <c r="C85" s="10">
        <v>39</v>
      </c>
      <c r="D85" s="9">
        <v>86</v>
      </c>
    </row>
    <row r="86" spans="1:4" ht="18" customHeight="1" x14ac:dyDescent="0.2">
      <c r="A86" s="16">
        <v>66</v>
      </c>
      <c r="B86" s="29">
        <v>34</v>
      </c>
      <c r="C86" s="10">
        <v>38</v>
      </c>
      <c r="D86" s="9">
        <v>72</v>
      </c>
    </row>
    <row r="87" spans="1:4" ht="18" customHeight="1" x14ac:dyDescent="0.2">
      <c r="A87" s="16">
        <v>67</v>
      </c>
      <c r="B87" s="29">
        <v>43</v>
      </c>
      <c r="C87" s="10">
        <v>44</v>
      </c>
      <c r="D87" s="9">
        <v>87</v>
      </c>
    </row>
    <row r="88" spans="1:4" ht="18" customHeight="1" x14ac:dyDescent="0.2">
      <c r="A88" s="16">
        <v>68</v>
      </c>
      <c r="B88" s="29">
        <v>32</v>
      </c>
      <c r="C88" s="10">
        <v>54</v>
      </c>
      <c r="D88" s="9">
        <v>86</v>
      </c>
    </row>
    <row r="89" spans="1:4" ht="18" customHeight="1" x14ac:dyDescent="0.2">
      <c r="A89" s="16">
        <v>69</v>
      </c>
      <c r="B89" s="29">
        <v>36</v>
      </c>
      <c r="C89" s="10">
        <v>51</v>
      </c>
      <c r="D89" s="9">
        <v>87</v>
      </c>
    </row>
    <row r="90" spans="1:4" ht="18" customHeight="1" x14ac:dyDescent="0.2">
      <c r="A90" s="8" t="s">
        <v>10</v>
      </c>
      <c r="B90" s="29">
        <v>192</v>
      </c>
      <c r="C90" s="10">
        <v>226</v>
      </c>
      <c r="D90" s="9">
        <v>418</v>
      </c>
    </row>
    <row r="91" spans="1:4" ht="18" customHeight="1" x14ac:dyDescent="0.2">
      <c r="A91" s="16">
        <v>70</v>
      </c>
      <c r="B91" s="29">
        <v>47</v>
      </c>
      <c r="C91" s="10">
        <v>69</v>
      </c>
      <c r="D91" s="9">
        <v>116</v>
      </c>
    </row>
    <row r="92" spans="1:4" ht="18" customHeight="1" x14ac:dyDescent="0.2">
      <c r="A92" s="16">
        <v>71</v>
      </c>
      <c r="B92" s="29">
        <v>58</v>
      </c>
      <c r="C92" s="10">
        <v>72</v>
      </c>
      <c r="D92" s="9">
        <v>130</v>
      </c>
    </row>
    <row r="93" spans="1:4" ht="18" customHeight="1" x14ac:dyDescent="0.2">
      <c r="A93" s="16">
        <v>72</v>
      </c>
      <c r="B93" s="29">
        <v>62</v>
      </c>
      <c r="C93" s="10">
        <v>77</v>
      </c>
      <c r="D93" s="9">
        <v>139</v>
      </c>
    </row>
    <row r="94" spans="1:4" ht="18" customHeight="1" x14ac:dyDescent="0.2">
      <c r="A94" s="16">
        <v>73</v>
      </c>
      <c r="B94" s="29">
        <v>76</v>
      </c>
      <c r="C94" s="10">
        <v>77</v>
      </c>
      <c r="D94" s="9">
        <v>153</v>
      </c>
    </row>
    <row r="95" spans="1:4" ht="18" customHeight="1" x14ac:dyDescent="0.2">
      <c r="A95" s="16">
        <v>74</v>
      </c>
      <c r="B95" s="29">
        <v>81</v>
      </c>
      <c r="C95" s="10">
        <v>74</v>
      </c>
      <c r="D95" s="9">
        <v>155</v>
      </c>
    </row>
    <row r="96" spans="1:4" ht="18" customHeight="1" x14ac:dyDescent="0.2">
      <c r="A96" s="8" t="s">
        <v>9</v>
      </c>
      <c r="B96" s="29">
        <v>324</v>
      </c>
      <c r="C96" s="10">
        <v>369</v>
      </c>
      <c r="D96" s="9">
        <v>693</v>
      </c>
    </row>
    <row r="97" spans="1:4" ht="18" customHeight="1" x14ac:dyDescent="0.2">
      <c r="A97" s="16">
        <v>75</v>
      </c>
      <c r="B97" s="29">
        <v>75</v>
      </c>
      <c r="C97" s="10">
        <v>81</v>
      </c>
      <c r="D97" s="9">
        <v>156</v>
      </c>
    </row>
    <row r="98" spans="1:4" ht="18" customHeight="1" x14ac:dyDescent="0.2">
      <c r="A98" s="16">
        <v>76</v>
      </c>
      <c r="B98" s="29">
        <v>61</v>
      </c>
      <c r="C98" s="10">
        <v>89</v>
      </c>
      <c r="D98" s="9">
        <v>150</v>
      </c>
    </row>
    <row r="99" spans="1:4" ht="18" customHeight="1" x14ac:dyDescent="0.2">
      <c r="A99" s="16">
        <v>77</v>
      </c>
      <c r="B99" s="29">
        <v>35</v>
      </c>
      <c r="C99" s="10">
        <v>47</v>
      </c>
      <c r="D99" s="9">
        <v>82</v>
      </c>
    </row>
    <row r="100" spans="1:4" ht="18" customHeight="1" x14ac:dyDescent="0.2">
      <c r="A100" s="16">
        <v>78</v>
      </c>
      <c r="B100" s="29">
        <v>47</v>
      </c>
      <c r="C100" s="10">
        <v>56</v>
      </c>
      <c r="D100" s="9">
        <v>103</v>
      </c>
    </row>
    <row r="101" spans="1:4" ht="18" customHeight="1" x14ac:dyDescent="0.2">
      <c r="A101" s="16">
        <v>79</v>
      </c>
      <c r="B101" s="29">
        <v>56</v>
      </c>
      <c r="C101" s="10">
        <v>48</v>
      </c>
      <c r="D101" s="9">
        <v>104</v>
      </c>
    </row>
    <row r="102" spans="1:4" ht="18" customHeight="1" x14ac:dyDescent="0.2">
      <c r="A102" s="8" t="s">
        <v>8</v>
      </c>
      <c r="B102" s="29">
        <v>274</v>
      </c>
      <c r="C102" s="10">
        <v>321</v>
      </c>
      <c r="D102" s="9">
        <v>595</v>
      </c>
    </row>
    <row r="103" spans="1:4" ht="18" customHeight="1" x14ac:dyDescent="0.2">
      <c r="A103" s="16">
        <v>80</v>
      </c>
      <c r="B103" s="29">
        <v>48</v>
      </c>
      <c r="C103" s="10">
        <v>41</v>
      </c>
      <c r="D103" s="9">
        <v>89</v>
      </c>
    </row>
    <row r="104" spans="1:4" ht="18" customHeight="1" x14ac:dyDescent="0.2">
      <c r="A104" s="16">
        <v>81</v>
      </c>
      <c r="B104" s="29">
        <v>47</v>
      </c>
      <c r="C104" s="10">
        <v>59</v>
      </c>
      <c r="D104" s="9">
        <v>106</v>
      </c>
    </row>
    <row r="105" spans="1:4" ht="18" customHeight="1" x14ac:dyDescent="0.2">
      <c r="A105" s="16">
        <v>82</v>
      </c>
      <c r="B105" s="29">
        <v>33</v>
      </c>
      <c r="C105" s="10">
        <v>51</v>
      </c>
      <c r="D105" s="9">
        <v>84</v>
      </c>
    </row>
    <row r="106" spans="1:4" ht="18" customHeight="1" x14ac:dyDescent="0.2">
      <c r="A106" s="16">
        <v>83</v>
      </c>
      <c r="B106" s="29">
        <v>35</v>
      </c>
      <c r="C106" s="10">
        <v>40</v>
      </c>
      <c r="D106" s="9">
        <v>75</v>
      </c>
    </row>
    <row r="107" spans="1:4" ht="18" customHeight="1" x14ac:dyDescent="0.2">
      <c r="A107" s="16">
        <v>84</v>
      </c>
      <c r="B107" s="29">
        <v>28</v>
      </c>
      <c r="C107" s="10">
        <v>36</v>
      </c>
      <c r="D107" s="9">
        <v>64</v>
      </c>
    </row>
    <row r="108" spans="1:4" ht="18" customHeight="1" x14ac:dyDescent="0.2">
      <c r="A108" s="8" t="s">
        <v>7</v>
      </c>
      <c r="B108" s="29">
        <v>191</v>
      </c>
      <c r="C108" s="10">
        <v>227</v>
      </c>
      <c r="D108" s="9">
        <v>418</v>
      </c>
    </row>
    <row r="109" spans="1:4" ht="18" customHeight="1" x14ac:dyDescent="0.2">
      <c r="A109" s="16">
        <v>85</v>
      </c>
      <c r="B109" s="29">
        <v>26</v>
      </c>
      <c r="C109" s="10">
        <v>28</v>
      </c>
      <c r="D109" s="9">
        <v>54</v>
      </c>
    </row>
    <row r="110" spans="1:4" ht="18" customHeight="1" x14ac:dyDescent="0.2">
      <c r="A110" s="16">
        <v>86</v>
      </c>
      <c r="B110" s="29">
        <v>16</v>
      </c>
      <c r="C110" s="10">
        <v>35</v>
      </c>
      <c r="D110" s="9">
        <v>51</v>
      </c>
    </row>
    <row r="111" spans="1:4" ht="18" customHeight="1" x14ac:dyDescent="0.2">
      <c r="A111" s="16">
        <v>87</v>
      </c>
      <c r="B111" s="29">
        <v>9</v>
      </c>
      <c r="C111" s="10">
        <v>27</v>
      </c>
      <c r="D111" s="9">
        <v>36</v>
      </c>
    </row>
    <row r="112" spans="1:4" ht="18" customHeight="1" x14ac:dyDescent="0.2">
      <c r="A112" s="16">
        <v>88</v>
      </c>
      <c r="B112" s="29">
        <v>18</v>
      </c>
      <c r="C112" s="10">
        <v>24</v>
      </c>
      <c r="D112" s="9">
        <v>42</v>
      </c>
    </row>
    <row r="113" spans="1:4" ht="18" customHeight="1" x14ac:dyDescent="0.2">
      <c r="A113" s="16">
        <v>89</v>
      </c>
      <c r="B113" s="29">
        <v>5</v>
      </c>
      <c r="C113" s="10">
        <v>19</v>
      </c>
      <c r="D113" s="9">
        <v>24</v>
      </c>
    </row>
    <row r="114" spans="1:4" ht="18" customHeight="1" x14ac:dyDescent="0.2">
      <c r="A114" s="8" t="s">
        <v>6</v>
      </c>
      <c r="B114" s="29">
        <v>74</v>
      </c>
      <c r="C114" s="10">
        <v>133</v>
      </c>
      <c r="D114" s="9">
        <v>207</v>
      </c>
    </row>
    <row r="115" spans="1:4" ht="18" customHeight="1" x14ac:dyDescent="0.2">
      <c r="A115" s="16">
        <v>90</v>
      </c>
      <c r="B115" s="29">
        <v>9</v>
      </c>
      <c r="C115" s="10">
        <v>23</v>
      </c>
      <c r="D115" s="9">
        <v>32</v>
      </c>
    </row>
    <row r="116" spans="1:4" ht="18" customHeight="1" x14ac:dyDescent="0.2">
      <c r="A116" s="16">
        <v>91</v>
      </c>
      <c r="B116" s="29">
        <v>7</v>
      </c>
      <c r="C116" s="10">
        <v>13</v>
      </c>
      <c r="D116" s="9">
        <v>20</v>
      </c>
    </row>
    <row r="117" spans="1:4" ht="18" customHeight="1" x14ac:dyDescent="0.2">
      <c r="A117" s="16">
        <v>92</v>
      </c>
      <c r="B117" s="29">
        <v>6</v>
      </c>
      <c r="C117" s="10">
        <v>16</v>
      </c>
      <c r="D117" s="9">
        <v>22</v>
      </c>
    </row>
    <row r="118" spans="1:4" ht="18" customHeight="1" x14ac:dyDescent="0.2">
      <c r="A118" s="16">
        <v>93</v>
      </c>
      <c r="B118" s="29">
        <v>5</v>
      </c>
      <c r="C118" s="10">
        <v>16</v>
      </c>
      <c r="D118" s="9">
        <v>21</v>
      </c>
    </row>
    <row r="119" spans="1:4" ht="18" customHeight="1" x14ac:dyDescent="0.2">
      <c r="A119" s="16">
        <v>94</v>
      </c>
      <c r="B119" s="29">
        <v>7</v>
      </c>
      <c r="C119" s="10">
        <v>15</v>
      </c>
      <c r="D119" s="9">
        <v>22</v>
      </c>
    </row>
    <row r="120" spans="1:4" ht="18" customHeight="1" x14ac:dyDescent="0.2">
      <c r="A120" s="8" t="s">
        <v>5</v>
      </c>
      <c r="B120" s="29">
        <v>34</v>
      </c>
      <c r="C120" s="10">
        <v>83</v>
      </c>
      <c r="D120" s="9">
        <v>117</v>
      </c>
    </row>
    <row r="121" spans="1:4" ht="18" customHeight="1" x14ac:dyDescent="0.2">
      <c r="A121" s="16">
        <v>95</v>
      </c>
      <c r="B121" s="29">
        <v>3</v>
      </c>
      <c r="C121" s="10">
        <v>8</v>
      </c>
      <c r="D121" s="9">
        <v>11</v>
      </c>
    </row>
    <row r="122" spans="1:4" ht="18" customHeight="1" x14ac:dyDescent="0.2">
      <c r="A122" s="16">
        <v>96</v>
      </c>
      <c r="B122" s="29">
        <v>3</v>
      </c>
      <c r="C122" s="10">
        <v>6</v>
      </c>
      <c r="D122" s="9">
        <v>9</v>
      </c>
    </row>
    <row r="123" spans="1:4" ht="18" customHeight="1" x14ac:dyDescent="0.2">
      <c r="A123" s="16">
        <v>97</v>
      </c>
      <c r="B123" s="29">
        <v>1</v>
      </c>
      <c r="C123" s="10">
        <v>8</v>
      </c>
      <c r="D123" s="9">
        <v>9</v>
      </c>
    </row>
    <row r="124" spans="1:4" ht="18" customHeight="1" x14ac:dyDescent="0.2">
      <c r="A124" s="16">
        <v>98</v>
      </c>
      <c r="B124" s="29">
        <v>3</v>
      </c>
      <c r="C124" s="10">
        <v>8</v>
      </c>
      <c r="D124" s="9">
        <v>11</v>
      </c>
    </row>
    <row r="125" spans="1:4" ht="18" customHeight="1" x14ac:dyDescent="0.2">
      <c r="A125" s="16">
        <v>99</v>
      </c>
      <c r="B125" s="29">
        <v>1</v>
      </c>
      <c r="C125" s="10">
        <v>3</v>
      </c>
      <c r="D125" s="9">
        <v>4</v>
      </c>
    </row>
    <row r="126" spans="1:4" ht="18" customHeight="1" x14ac:dyDescent="0.2">
      <c r="A126" s="8" t="s">
        <v>4</v>
      </c>
      <c r="B126" s="29">
        <v>11</v>
      </c>
      <c r="C126" s="10">
        <v>33</v>
      </c>
      <c r="D126" s="9">
        <v>44</v>
      </c>
    </row>
    <row r="127" spans="1:4" ht="18" customHeight="1" x14ac:dyDescent="0.2">
      <c r="A127" s="16">
        <v>100</v>
      </c>
      <c r="B127" s="29">
        <v>0</v>
      </c>
      <c r="C127" s="10">
        <v>2</v>
      </c>
      <c r="D127" s="9">
        <v>2</v>
      </c>
    </row>
    <row r="128" spans="1:4" ht="18" customHeight="1" x14ac:dyDescent="0.2">
      <c r="A128" s="15" t="s">
        <v>3</v>
      </c>
      <c r="B128" s="29">
        <v>0</v>
      </c>
      <c r="C128" s="10">
        <v>4</v>
      </c>
      <c r="D128" s="9">
        <v>4</v>
      </c>
    </row>
    <row r="129" spans="1:4" ht="18" customHeight="1" x14ac:dyDescent="0.2">
      <c r="A129" s="8" t="s">
        <v>2</v>
      </c>
      <c r="B129" s="29">
        <v>0</v>
      </c>
      <c r="C129" s="10">
        <v>6</v>
      </c>
      <c r="D129" s="9">
        <v>6</v>
      </c>
    </row>
    <row r="130" spans="1:4" ht="18" customHeight="1" x14ac:dyDescent="0.2">
      <c r="A130" s="8" t="s">
        <v>1</v>
      </c>
      <c r="B130" s="28">
        <v>1100</v>
      </c>
      <c r="C130" s="6">
        <v>1398</v>
      </c>
      <c r="D130" s="5">
        <v>2498</v>
      </c>
    </row>
    <row r="131" spans="1:4" ht="18" customHeight="1" x14ac:dyDescent="0.2">
      <c r="A131" s="4" t="s">
        <v>0</v>
      </c>
      <c r="B131" s="27">
        <v>2992</v>
      </c>
      <c r="C131" s="2">
        <v>3213</v>
      </c>
      <c r="D131" s="1">
        <v>6205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2DA4E39-C43E-49A3-8896-A5C5B59CB3DD}">
  <sheetPr codeName="Sheet4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64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9</v>
      </c>
      <c r="C5" s="18">
        <v>5</v>
      </c>
      <c r="D5" s="17">
        <v>14</v>
      </c>
    </row>
    <row r="6" spans="1:4" ht="18" customHeight="1" x14ac:dyDescent="0.2">
      <c r="A6" s="16">
        <v>1</v>
      </c>
      <c r="B6" s="29">
        <v>6</v>
      </c>
      <c r="C6" s="10">
        <v>9</v>
      </c>
      <c r="D6" s="9">
        <v>15</v>
      </c>
    </row>
    <row r="7" spans="1:4" ht="18" customHeight="1" x14ac:dyDescent="0.2">
      <c r="A7" s="16">
        <v>2</v>
      </c>
      <c r="B7" s="29">
        <v>4</v>
      </c>
      <c r="C7" s="10">
        <v>3</v>
      </c>
      <c r="D7" s="9">
        <v>7</v>
      </c>
    </row>
    <row r="8" spans="1:4" ht="18" customHeight="1" x14ac:dyDescent="0.2">
      <c r="A8" s="16">
        <v>3</v>
      </c>
      <c r="B8" s="29">
        <v>5</v>
      </c>
      <c r="C8" s="10">
        <v>10</v>
      </c>
      <c r="D8" s="9">
        <v>15</v>
      </c>
    </row>
    <row r="9" spans="1:4" ht="18" customHeight="1" x14ac:dyDescent="0.2">
      <c r="A9" s="16">
        <v>4</v>
      </c>
      <c r="B9" s="29">
        <v>10</v>
      </c>
      <c r="C9" s="10">
        <v>4</v>
      </c>
      <c r="D9" s="9">
        <v>14</v>
      </c>
    </row>
    <row r="10" spans="1:4" ht="18" customHeight="1" x14ac:dyDescent="0.2">
      <c r="A10" s="8" t="s">
        <v>25</v>
      </c>
      <c r="B10" s="29">
        <v>34</v>
      </c>
      <c r="C10" s="10">
        <v>31</v>
      </c>
      <c r="D10" s="9">
        <v>65</v>
      </c>
    </row>
    <row r="11" spans="1:4" ht="18" customHeight="1" x14ac:dyDescent="0.2">
      <c r="A11" s="16">
        <v>5</v>
      </c>
      <c r="B11" s="29">
        <v>3</v>
      </c>
      <c r="C11" s="10">
        <v>7</v>
      </c>
      <c r="D11" s="9">
        <v>10</v>
      </c>
    </row>
    <row r="12" spans="1:4" ht="18" customHeight="1" x14ac:dyDescent="0.2">
      <c r="A12" s="16">
        <v>6</v>
      </c>
      <c r="B12" s="29">
        <v>7</v>
      </c>
      <c r="C12" s="10">
        <v>4</v>
      </c>
      <c r="D12" s="9">
        <v>11</v>
      </c>
    </row>
    <row r="13" spans="1:4" ht="18" customHeight="1" x14ac:dyDescent="0.2">
      <c r="A13" s="16">
        <v>7</v>
      </c>
      <c r="B13" s="29">
        <v>7</v>
      </c>
      <c r="C13" s="10">
        <v>3</v>
      </c>
      <c r="D13" s="9">
        <v>10</v>
      </c>
    </row>
    <row r="14" spans="1:4" ht="18" customHeight="1" x14ac:dyDescent="0.2">
      <c r="A14" s="16">
        <v>8</v>
      </c>
      <c r="B14" s="29">
        <v>12</v>
      </c>
      <c r="C14" s="10">
        <v>8</v>
      </c>
      <c r="D14" s="9">
        <v>20</v>
      </c>
    </row>
    <row r="15" spans="1:4" ht="18" customHeight="1" x14ac:dyDescent="0.2">
      <c r="A15" s="16">
        <v>9</v>
      </c>
      <c r="B15" s="29">
        <v>12</v>
      </c>
      <c r="C15" s="10">
        <v>5</v>
      </c>
      <c r="D15" s="9">
        <v>17</v>
      </c>
    </row>
    <row r="16" spans="1:4" ht="18" customHeight="1" x14ac:dyDescent="0.2">
      <c r="A16" s="8" t="s">
        <v>24</v>
      </c>
      <c r="B16" s="29">
        <v>41</v>
      </c>
      <c r="C16" s="10">
        <v>27</v>
      </c>
      <c r="D16" s="9">
        <v>68</v>
      </c>
    </row>
    <row r="17" spans="1:4" ht="18" customHeight="1" x14ac:dyDescent="0.2">
      <c r="A17" s="16">
        <v>10</v>
      </c>
      <c r="B17" s="29">
        <v>14</v>
      </c>
      <c r="C17" s="10">
        <v>7</v>
      </c>
      <c r="D17" s="9">
        <v>21</v>
      </c>
    </row>
    <row r="18" spans="1:4" ht="18" customHeight="1" x14ac:dyDescent="0.2">
      <c r="A18" s="16">
        <v>11</v>
      </c>
      <c r="B18" s="29">
        <v>9</v>
      </c>
      <c r="C18" s="10">
        <v>10</v>
      </c>
      <c r="D18" s="9">
        <v>19</v>
      </c>
    </row>
    <row r="19" spans="1:4" ht="18" customHeight="1" x14ac:dyDescent="0.2">
      <c r="A19" s="16">
        <v>12</v>
      </c>
      <c r="B19" s="29">
        <v>13</v>
      </c>
      <c r="C19" s="10">
        <v>8</v>
      </c>
      <c r="D19" s="9">
        <v>21</v>
      </c>
    </row>
    <row r="20" spans="1:4" ht="18" customHeight="1" x14ac:dyDescent="0.2">
      <c r="A20" s="16">
        <v>13</v>
      </c>
      <c r="B20" s="29">
        <v>20</v>
      </c>
      <c r="C20" s="10">
        <v>14</v>
      </c>
      <c r="D20" s="9">
        <v>34</v>
      </c>
    </row>
    <row r="21" spans="1:4" ht="18" customHeight="1" x14ac:dyDescent="0.2">
      <c r="A21" s="16">
        <v>14</v>
      </c>
      <c r="B21" s="29">
        <v>13</v>
      </c>
      <c r="C21" s="10">
        <v>13</v>
      </c>
      <c r="D21" s="9">
        <v>26</v>
      </c>
    </row>
    <row r="22" spans="1:4" ht="18" customHeight="1" x14ac:dyDescent="0.2">
      <c r="A22" s="8" t="s">
        <v>23</v>
      </c>
      <c r="B22" s="29">
        <v>69</v>
      </c>
      <c r="C22" s="10">
        <v>52</v>
      </c>
      <c r="D22" s="9">
        <v>121</v>
      </c>
    </row>
    <row r="23" spans="1:4" ht="18" customHeight="1" x14ac:dyDescent="0.2">
      <c r="A23" s="8" t="s">
        <v>22</v>
      </c>
      <c r="B23" s="29">
        <v>144</v>
      </c>
      <c r="C23" s="10">
        <v>110</v>
      </c>
      <c r="D23" s="9">
        <v>254</v>
      </c>
    </row>
    <row r="24" spans="1:4" ht="18" customHeight="1" x14ac:dyDescent="0.2">
      <c r="A24" s="16">
        <v>15</v>
      </c>
      <c r="B24" s="29">
        <v>19</v>
      </c>
      <c r="C24" s="10">
        <v>19</v>
      </c>
      <c r="D24" s="9">
        <v>38</v>
      </c>
    </row>
    <row r="25" spans="1:4" ht="18" customHeight="1" x14ac:dyDescent="0.2">
      <c r="A25" s="16">
        <v>16</v>
      </c>
      <c r="B25" s="29">
        <v>13</v>
      </c>
      <c r="C25" s="10">
        <v>16</v>
      </c>
      <c r="D25" s="9">
        <v>29</v>
      </c>
    </row>
    <row r="26" spans="1:4" ht="18" customHeight="1" x14ac:dyDescent="0.2">
      <c r="A26" s="16">
        <v>17</v>
      </c>
      <c r="B26" s="29">
        <v>28</v>
      </c>
      <c r="C26" s="10">
        <v>9</v>
      </c>
      <c r="D26" s="9">
        <v>37</v>
      </c>
    </row>
    <row r="27" spans="1:4" ht="18" customHeight="1" x14ac:dyDescent="0.2">
      <c r="A27" s="16">
        <v>18</v>
      </c>
      <c r="B27" s="29">
        <v>18</v>
      </c>
      <c r="C27" s="10">
        <v>17</v>
      </c>
      <c r="D27" s="9">
        <v>35</v>
      </c>
    </row>
    <row r="28" spans="1:4" ht="18" customHeight="1" x14ac:dyDescent="0.2">
      <c r="A28" s="16">
        <v>19</v>
      </c>
      <c r="B28" s="29">
        <v>17</v>
      </c>
      <c r="C28" s="10">
        <v>16</v>
      </c>
      <c r="D28" s="9">
        <v>33</v>
      </c>
    </row>
    <row r="29" spans="1:4" ht="18" customHeight="1" x14ac:dyDescent="0.2">
      <c r="A29" s="8" t="s">
        <v>21</v>
      </c>
      <c r="B29" s="29">
        <v>95</v>
      </c>
      <c r="C29" s="10">
        <v>77</v>
      </c>
      <c r="D29" s="9">
        <v>172</v>
      </c>
    </row>
    <row r="30" spans="1:4" ht="18" customHeight="1" x14ac:dyDescent="0.2">
      <c r="A30" s="16">
        <v>20</v>
      </c>
      <c r="B30" s="29">
        <v>14</v>
      </c>
      <c r="C30" s="10">
        <v>16</v>
      </c>
      <c r="D30" s="9">
        <v>30</v>
      </c>
    </row>
    <row r="31" spans="1:4" ht="18" customHeight="1" x14ac:dyDescent="0.2">
      <c r="A31" s="16">
        <v>21</v>
      </c>
      <c r="B31" s="29">
        <v>21</v>
      </c>
      <c r="C31" s="10">
        <v>12</v>
      </c>
      <c r="D31" s="9">
        <v>33</v>
      </c>
    </row>
    <row r="32" spans="1:4" ht="18" customHeight="1" x14ac:dyDescent="0.2">
      <c r="A32" s="16">
        <v>22</v>
      </c>
      <c r="B32" s="29">
        <v>17</v>
      </c>
      <c r="C32" s="10">
        <v>24</v>
      </c>
      <c r="D32" s="9">
        <v>41</v>
      </c>
    </row>
    <row r="33" spans="1:4" ht="18" customHeight="1" x14ac:dyDescent="0.2">
      <c r="A33" s="16">
        <v>23</v>
      </c>
      <c r="B33" s="29">
        <v>18</v>
      </c>
      <c r="C33" s="10">
        <v>21</v>
      </c>
      <c r="D33" s="9">
        <v>39</v>
      </c>
    </row>
    <row r="34" spans="1:4" ht="18" customHeight="1" x14ac:dyDescent="0.2">
      <c r="A34" s="16">
        <v>24</v>
      </c>
      <c r="B34" s="29">
        <v>11</v>
      </c>
      <c r="C34" s="10">
        <v>19</v>
      </c>
      <c r="D34" s="9">
        <v>30</v>
      </c>
    </row>
    <row r="35" spans="1:4" ht="18" customHeight="1" x14ac:dyDescent="0.2">
      <c r="A35" s="8" t="s">
        <v>20</v>
      </c>
      <c r="B35" s="29">
        <v>81</v>
      </c>
      <c r="C35" s="10">
        <v>92</v>
      </c>
      <c r="D35" s="9">
        <v>173</v>
      </c>
    </row>
    <row r="36" spans="1:4" ht="18" customHeight="1" x14ac:dyDescent="0.2">
      <c r="A36" s="16">
        <v>25</v>
      </c>
      <c r="B36" s="29">
        <v>17</v>
      </c>
      <c r="C36" s="10">
        <v>18</v>
      </c>
      <c r="D36" s="9">
        <v>35</v>
      </c>
    </row>
    <row r="37" spans="1:4" ht="18" customHeight="1" x14ac:dyDescent="0.2">
      <c r="A37" s="16">
        <v>26</v>
      </c>
      <c r="B37" s="29">
        <v>17</v>
      </c>
      <c r="C37" s="10">
        <v>15</v>
      </c>
      <c r="D37" s="9">
        <v>32</v>
      </c>
    </row>
    <row r="38" spans="1:4" ht="18" customHeight="1" x14ac:dyDescent="0.2">
      <c r="A38" s="16">
        <v>27</v>
      </c>
      <c r="B38" s="29">
        <v>22</v>
      </c>
      <c r="C38" s="10">
        <v>15</v>
      </c>
      <c r="D38" s="9">
        <v>37</v>
      </c>
    </row>
    <row r="39" spans="1:4" ht="18" customHeight="1" x14ac:dyDescent="0.2">
      <c r="A39" s="16">
        <v>28</v>
      </c>
      <c r="B39" s="29">
        <v>15</v>
      </c>
      <c r="C39" s="10">
        <v>11</v>
      </c>
      <c r="D39" s="9">
        <v>26</v>
      </c>
    </row>
    <row r="40" spans="1:4" ht="18" customHeight="1" x14ac:dyDescent="0.2">
      <c r="A40" s="16">
        <v>29</v>
      </c>
      <c r="B40" s="29">
        <v>16</v>
      </c>
      <c r="C40" s="10">
        <v>17</v>
      </c>
      <c r="D40" s="9">
        <v>33</v>
      </c>
    </row>
    <row r="41" spans="1:4" ht="18" customHeight="1" x14ac:dyDescent="0.2">
      <c r="A41" s="8" t="s">
        <v>19</v>
      </c>
      <c r="B41" s="29">
        <v>87</v>
      </c>
      <c r="C41" s="10">
        <v>76</v>
      </c>
      <c r="D41" s="9">
        <v>163</v>
      </c>
    </row>
    <row r="42" spans="1:4" ht="18" customHeight="1" x14ac:dyDescent="0.2">
      <c r="A42" s="16">
        <v>30</v>
      </c>
      <c r="B42" s="29">
        <v>17</v>
      </c>
      <c r="C42" s="10">
        <v>12</v>
      </c>
      <c r="D42" s="9">
        <v>29</v>
      </c>
    </row>
    <row r="43" spans="1:4" ht="18" customHeight="1" x14ac:dyDescent="0.2">
      <c r="A43" s="16">
        <v>31</v>
      </c>
      <c r="B43" s="29">
        <v>16</v>
      </c>
      <c r="C43" s="10">
        <v>7</v>
      </c>
      <c r="D43" s="9">
        <v>23</v>
      </c>
    </row>
    <row r="44" spans="1:4" ht="18" customHeight="1" x14ac:dyDescent="0.2">
      <c r="A44" s="16">
        <v>32</v>
      </c>
      <c r="B44" s="29">
        <v>17</v>
      </c>
      <c r="C44" s="10">
        <v>11</v>
      </c>
      <c r="D44" s="9">
        <v>28</v>
      </c>
    </row>
    <row r="45" spans="1:4" ht="18" customHeight="1" x14ac:dyDescent="0.2">
      <c r="A45" s="16">
        <v>33</v>
      </c>
      <c r="B45" s="29">
        <v>17</v>
      </c>
      <c r="C45" s="10">
        <v>5</v>
      </c>
      <c r="D45" s="9">
        <v>22</v>
      </c>
    </row>
    <row r="46" spans="1:4" ht="18" customHeight="1" x14ac:dyDescent="0.2">
      <c r="A46" s="16">
        <v>34</v>
      </c>
      <c r="B46" s="29">
        <v>8</v>
      </c>
      <c r="C46" s="10">
        <v>10</v>
      </c>
      <c r="D46" s="9">
        <v>18</v>
      </c>
    </row>
    <row r="47" spans="1:4" ht="18" customHeight="1" x14ac:dyDescent="0.2">
      <c r="A47" s="8" t="s">
        <v>18</v>
      </c>
      <c r="B47" s="29">
        <v>75</v>
      </c>
      <c r="C47" s="10">
        <v>45</v>
      </c>
      <c r="D47" s="9">
        <v>120</v>
      </c>
    </row>
    <row r="48" spans="1:4" ht="18" customHeight="1" x14ac:dyDescent="0.2">
      <c r="A48" s="16">
        <v>35</v>
      </c>
      <c r="B48" s="29">
        <v>8</v>
      </c>
      <c r="C48" s="10">
        <v>16</v>
      </c>
      <c r="D48" s="9">
        <v>24</v>
      </c>
    </row>
    <row r="49" spans="1:4" ht="18" customHeight="1" x14ac:dyDescent="0.2">
      <c r="A49" s="16">
        <v>36</v>
      </c>
      <c r="B49" s="29">
        <v>17</v>
      </c>
      <c r="C49" s="10">
        <v>16</v>
      </c>
      <c r="D49" s="9">
        <v>33</v>
      </c>
    </row>
    <row r="50" spans="1:4" ht="18" customHeight="1" x14ac:dyDescent="0.2">
      <c r="A50" s="16">
        <v>37</v>
      </c>
      <c r="B50" s="29">
        <v>8</v>
      </c>
      <c r="C50" s="10">
        <v>12</v>
      </c>
      <c r="D50" s="9">
        <v>20</v>
      </c>
    </row>
    <row r="51" spans="1:4" ht="18" customHeight="1" x14ac:dyDescent="0.2">
      <c r="A51" s="16">
        <v>38</v>
      </c>
      <c r="B51" s="29">
        <v>14</v>
      </c>
      <c r="C51" s="10">
        <v>16</v>
      </c>
      <c r="D51" s="9">
        <v>30</v>
      </c>
    </row>
    <row r="52" spans="1:4" ht="18" customHeight="1" x14ac:dyDescent="0.2">
      <c r="A52" s="16">
        <v>39</v>
      </c>
      <c r="B52" s="29">
        <v>12</v>
      </c>
      <c r="C52" s="10">
        <v>9</v>
      </c>
      <c r="D52" s="9">
        <v>21</v>
      </c>
    </row>
    <row r="53" spans="1:4" ht="18" customHeight="1" x14ac:dyDescent="0.2">
      <c r="A53" s="8" t="s">
        <v>17</v>
      </c>
      <c r="B53" s="29">
        <v>59</v>
      </c>
      <c r="C53" s="10">
        <v>69</v>
      </c>
      <c r="D53" s="9">
        <v>128</v>
      </c>
    </row>
    <row r="54" spans="1:4" ht="18" customHeight="1" x14ac:dyDescent="0.2">
      <c r="A54" s="16">
        <v>40</v>
      </c>
      <c r="B54" s="29">
        <v>13</v>
      </c>
      <c r="C54" s="10">
        <v>15</v>
      </c>
      <c r="D54" s="9">
        <v>28</v>
      </c>
    </row>
    <row r="55" spans="1:4" ht="18" customHeight="1" x14ac:dyDescent="0.2">
      <c r="A55" s="16">
        <v>41</v>
      </c>
      <c r="B55" s="29">
        <v>17</v>
      </c>
      <c r="C55" s="10">
        <v>17</v>
      </c>
      <c r="D55" s="9">
        <v>34</v>
      </c>
    </row>
    <row r="56" spans="1:4" ht="18" customHeight="1" x14ac:dyDescent="0.2">
      <c r="A56" s="16">
        <v>42</v>
      </c>
      <c r="B56" s="29">
        <v>20</v>
      </c>
      <c r="C56" s="10">
        <v>12</v>
      </c>
      <c r="D56" s="9">
        <v>32</v>
      </c>
    </row>
    <row r="57" spans="1:4" ht="18" customHeight="1" x14ac:dyDescent="0.2">
      <c r="A57" s="16">
        <v>43</v>
      </c>
      <c r="B57" s="29">
        <v>18</v>
      </c>
      <c r="C57" s="10">
        <v>13</v>
      </c>
      <c r="D57" s="9">
        <v>31</v>
      </c>
    </row>
    <row r="58" spans="1:4" ht="18" customHeight="1" x14ac:dyDescent="0.2">
      <c r="A58" s="16">
        <v>44</v>
      </c>
      <c r="B58" s="29">
        <v>16</v>
      </c>
      <c r="C58" s="10">
        <v>13</v>
      </c>
      <c r="D58" s="9">
        <v>29</v>
      </c>
    </row>
    <row r="59" spans="1:4" ht="18" customHeight="1" x14ac:dyDescent="0.2">
      <c r="A59" s="8" t="s">
        <v>16</v>
      </c>
      <c r="B59" s="29">
        <v>84</v>
      </c>
      <c r="C59" s="10">
        <v>70</v>
      </c>
      <c r="D59" s="9">
        <v>154</v>
      </c>
    </row>
    <row r="60" spans="1:4" ht="18" customHeight="1" x14ac:dyDescent="0.2">
      <c r="A60" s="16">
        <v>45</v>
      </c>
      <c r="B60" s="29">
        <v>24</v>
      </c>
      <c r="C60" s="10">
        <v>26</v>
      </c>
      <c r="D60" s="9">
        <v>50</v>
      </c>
    </row>
    <row r="61" spans="1:4" ht="18" customHeight="1" x14ac:dyDescent="0.2">
      <c r="A61" s="16">
        <v>46</v>
      </c>
      <c r="B61" s="29">
        <v>16</v>
      </c>
      <c r="C61" s="10">
        <v>21</v>
      </c>
      <c r="D61" s="9">
        <v>37</v>
      </c>
    </row>
    <row r="62" spans="1:4" ht="18" customHeight="1" x14ac:dyDescent="0.2">
      <c r="A62" s="16">
        <v>47</v>
      </c>
      <c r="B62" s="29">
        <v>27</v>
      </c>
      <c r="C62" s="10">
        <v>24</v>
      </c>
      <c r="D62" s="9">
        <v>51</v>
      </c>
    </row>
    <row r="63" spans="1:4" ht="18" customHeight="1" x14ac:dyDescent="0.2">
      <c r="A63" s="16">
        <v>48</v>
      </c>
      <c r="B63" s="29">
        <v>31</v>
      </c>
      <c r="C63" s="10">
        <v>26</v>
      </c>
      <c r="D63" s="9">
        <v>57</v>
      </c>
    </row>
    <row r="64" spans="1:4" ht="18" customHeight="1" x14ac:dyDescent="0.2">
      <c r="A64" s="16">
        <v>49</v>
      </c>
      <c r="B64" s="29">
        <v>32</v>
      </c>
      <c r="C64" s="10">
        <v>24</v>
      </c>
      <c r="D64" s="9">
        <v>56</v>
      </c>
    </row>
    <row r="65" spans="1:4" ht="18" customHeight="1" x14ac:dyDescent="0.2">
      <c r="A65" s="8" t="s">
        <v>15</v>
      </c>
      <c r="B65" s="29">
        <v>130</v>
      </c>
      <c r="C65" s="10">
        <v>121</v>
      </c>
      <c r="D65" s="9">
        <v>251</v>
      </c>
    </row>
    <row r="66" spans="1:4" ht="18" customHeight="1" x14ac:dyDescent="0.2">
      <c r="A66" s="16">
        <v>50</v>
      </c>
      <c r="B66" s="29">
        <v>20</v>
      </c>
      <c r="C66" s="10">
        <v>38</v>
      </c>
      <c r="D66" s="9">
        <v>58</v>
      </c>
    </row>
    <row r="67" spans="1:4" ht="18" customHeight="1" x14ac:dyDescent="0.2">
      <c r="A67" s="16">
        <v>51</v>
      </c>
      <c r="B67" s="29">
        <v>31</v>
      </c>
      <c r="C67" s="10">
        <v>36</v>
      </c>
      <c r="D67" s="9">
        <v>67</v>
      </c>
    </row>
    <row r="68" spans="1:4" ht="18" customHeight="1" x14ac:dyDescent="0.2">
      <c r="A68" s="16">
        <v>52</v>
      </c>
      <c r="B68" s="29">
        <v>33</v>
      </c>
      <c r="C68" s="10">
        <v>26</v>
      </c>
      <c r="D68" s="9">
        <v>59</v>
      </c>
    </row>
    <row r="69" spans="1:4" ht="18" customHeight="1" x14ac:dyDescent="0.2">
      <c r="A69" s="16">
        <v>53</v>
      </c>
      <c r="B69" s="29">
        <v>42</v>
      </c>
      <c r="C69" s="10">
        <v>32</v>
      </c>
      <c r="D69" s="9">
        <v>74</v>
      </c>
    </row>
    <row r="70" spans="1:4" ht="18" customHeight="1" x14ac:dyDescent="0.2">
      <c r="A70" s="16">
        <v>54</v>
      </c>
      <c r="B70" s="29">
        <v>27</v>
      </c>
      <c r="C70" s="10">
        <v>33</v>
      </c>
      <c r="D70" s="9">
        <v>60</v>
      </c>
    </row>
    <row r="71" spans="1:4" ht="18" customHeight="1" x14ac:dyDescent="0.2">
      <c r="A71" s="8" t="s">
        <v>14</v>
      </c>
      <c r="B71" s="29">
        <v>153</v>
      </c>
      <c r="C71" s="10">
        <v>165</v>
      </c>
      <c r="D71" s="9">
        <v>318</v>
      </c>
    </row>
    <row r="72" spans="1:4" ht="18" customHeight="1" x14ac:dyDescent="0.2">
      <c r="A72" s="16">
        <v>55</v>
      </c>
      <c r="B72" s="29">
        <v>28</v>
      </c>
      <c r="C72" s="10">
        <v>26</v>
      </c>
      <c r="D72" s="9">
        <v>54</v>
      </c>
    </row>
    <row r="73" spans="1:4" ht="18" customHeight="1" x14ac:dyDescent="0.2">
      <c r="A73" s="16">
        <v>56</v>
      </c>
      <c r="B73" s="29">
        <v>28</v>
      </c>
      <c r="C73" s="10">
        <v>28</v>
      </c>
      <c r="D73" s="9">
        <v>56</v>
      </c>
    </row>
    <row r="74" spans="1:4" ht="18" customHeight="1" x14ac:dyDescent="0.2">
      <c r="A74" s="16">
        <v>57</v>
      </c>
      <c r="B74" s="29">
        <v>19</v>
      </c>
      <c r="C74" s="10">
        <v>20</v>
      </c>
      <c r="D74" s="9">
        <v>39</v>
      </c>
    </row>
    <row r="75" spans="1:4" ht="18" customHeight="1" x14ac:dyDescent="0.2">
      <c r="A75" s="16">
        <v>58</v>
      </c>
      <c r="B75" s="29">
        <v>24</v>
      </c>
      <c r="C75" s="10">
        <v>25</v>
      </c>
      <c r="D75" s="9">
        <v>49</v>
      </c>
    </row>
    <row r="76" spans="1:4" ht="18" customHeight="1" x14ac:dyDescent="0.2">
      <c r="A76" s="16">
        <v>59</v>
      </c>
      <c r="B76" s="29">
        <v>28</v>
      </c>
      <c r="C76" s="10">
        <v>23</v>
      </c>
      <c r="D76" s="9">
        <v>51</v>
      </c>
    </row>
    <row r="77" spans="1:4" ht="18" customHeight="1" x14ac:dyDescent="0.2">
      <c r="A77" s="8" t="s">
        <v>13</v>
      </c>
      <c r="B77" s="29">
        <v>127</v>
      </c>
      <c r="C77" s="10">
        <v>122</v>
      </c>
      <c r="D77" s="9">
        <v>249</v>
      </c>
    </row>
    <row r="78" spans="1:4" ht="18" customHeight="1" x14ac:dyDescent="0.2">
      <c r="A78" s="16">
        <v>60</v>
      </c>
      <c r="B78" s="29">
        <v>22</v>
      </c>
      <c r="C78" s="10">
        <v>26</v>
      </c>
      <c r="D78" s="9">
        <v>48</v>
      </c>
    </row>
    <row r="79" spans="1:4" ht="18" customHeight="1" x14ac:dyDescent="0.2">
      <c r="A79" s="16">
        <v>61</v>
      </c>
      <c r="B79" s="29">
        <v>26</v>
      </c>
      <c r="C79" s="10">
        <v>18</v>
      </c>
      <c r="D79" s="9">
        <v>44</v>
      </c>
    </row>
    <row r="80" spans="1:4" ht="18" customHeight="1" x14ac:dyDescent="0.2">
      <c r="A80" s="16">
        <v>62</v>
      </c>
      <c r="B80" s="29">
        <v>18</v>
      </c>
      <c r="C80" s="10">
        <v>30</v>
      </c>
      <c r="D80" s="9">
        <v>48</v>
      </c>
    </row>
    <row r="81" spans="1:4" ht="18" customHeight="1" x14ac:dyDescent="0.2">
      <c r="A81" s="16">
        <v>63</v>
      </c>
      <c r="B81" s="29">
        <v>18</v>
      </c>
      <c r="C81" s="10">
        <v>13</v>
      </c>
      <c r="D81" s="9">
        <v>31</v>
      </c>
    </row>
    <row r="82" spans="1:4" ht="18" customHeight="1" x14ac:dyDescent="0.2">
      <c r="A82" s="16">
        <v>64</v>
      </c>
      <c r="B82" s="29">
        <v>24</v>
      </c>
      <c r="C82" s="10">
        <v>23</v>
      </c>
      <c r="D82" s="9">
        <v>47</v>
      </c>
    </row>
    <row r="83" spans="1:4" ht="18" customHeight="1" x14ac:dyDescent="0.2">
      <c r="A83" s="8" t="s">
        <v>12</v>
      </c>
      <c r="B83" s="29">
        <v>108</v>
      </c>
      <c r="C83" s="10">
        <v>110</v>
      </c>
      <c r="D83" s="9">
        <v>218</v>
      </c>
    </row>
    <row r="84" spans="1:4" ht="18" customHeight="1" x14ac:dyDescent="0.2">
      <c r="A84" s="8" t="s">
        <v>11</v>
      </c>
      <c r="B84" s="29">
        <v>999</v>
      </c>
      <c r="C84" s="10">
        <v>947</v>
      </c>
      <c r="D84" s="9">
        <v>1946</v>
      </c>
    </row>
    <row r="85" spans="1:4" ht="18" customHeight="1" x14ac:dyDescent="0.2">
      <c r="A85" s="16">
        <v>65</v>
      </c>
      <c r="B85" s="29">
        <v>17</v>
      </c>
      <c r="C85" s="10">
        <v>19</v>
      </c>
      <c r="D85" s="9">
        <v>36</v>
      </c>
    </row>
    <row r="86" spans="1:4" ht="18" customHeight="1" x14ac:dyDescent="0.2">
      <c r="A86" s="16">
        <v>66</v>
      </c>
      <c r="B86" s="29">
        <v>24</v>
      </c>
      <c r="C86" s="10">
        <v>27</v>
      </c>
      <c r="D86" s="9">
        <v>51</v>
      </c>
    </row>
    <row r="87" spans="1:4" ht="18" customHeight="1" x14ac:dyDescent="0.2">
      <c r="A87" s="16">
        <v>67</v>
      </c>
      <c r="B87" s="29">
        <v>25</v>
      </c>
      <c r="C87" s="10">
        <v>18</v>
      </c>
      <c r="D87" s="9">
        <v>43</v>
      </c>
    </row>
    <row r="88" spans="1:4" ht="18" customHeight="1" x14ac:dyDescent="0.2">
      <c r="A88" s="16">
        <v>68</v>
      </c>
      <c r="B88" s="29">
        <v>22</v>
      </c>
      <c r="C88" s="10">
        <v>14</v>
      </c>
      <c r="D88" s="9">
        <v>36</v>
      </c>
    </row>
    <row r="89" spans="1:4" ht="18" customHeight="1" x14ac:dyDescent="0.2">
      <c r="A89" s="16">
        <v>69</v>
      </c>
      <c r="B89" s="29">
        <v>18</v>
      </c>
      <c r="C89" s="10">
        <v>25</v>
      </c>
      <c r="D89" s="9">
        <v>43</v>
      </c>
    </row>
    <row r="90" spans="1:4" ht="18" customHeight="1" x14ac:dyDescent="0.2">
      <c r="A90" s="8" t="s">
        <v>10</v>
      </c>
      <c r="B90" s="29">
        <v>106</v>
      </c>
      <c r="C90" s="10">
        <v>103</v>
      </c>
      <c r="D90" s="9">
        <v>209</v>
      </c>
    </row>
    <row r="91" spans="1:4" ht="18" customHeight="1" x14ac:dyDescent="0.2">
      <c r="A91" s="16">
        <v>70</v>
      </c>
      <c r="B91" s="29">
        <v>25</v>
      </c>
      <c r="C91" s="10">
        <v>20</v>
      </c>
      <c r="D91" s="9">
        <v>45</v>
      </c>
    </row>
    <row r="92" spans="1:4" ht="18" customHeight="1" x14ac:dyDescent="0.2">
      <c r="A92" s="16">
        <v>71</v>
      </c>
      <c r="B92" s="29">
        <v>16</v>
      </c>
      <c r="C92" s="10">
        <v>13</v>
      </c>
      <c r="D92" s="9">
        <v>29</v>
      </c>
    </row>
    <row r="93" spans="1:4" ht="18" customHeight="1" x14ac:dyDescent="0.2">
      <c r="A93" s="16">
        <v>72</v>
      </c>
      <c r="B93" s="29">
        <v>26</v>
      </c>
      <c r="C93" s="10">
        <v>14</v>
      </c>
      <c r="D93" s="9">
        <v>40</v>
      </c>
    </row>
    <row r="94" spans="1:4" ht="18" customHeight="1" x14ac:dyDescent="0.2">
      <c r="A94" s="16">
        <v>73</v>
      </c>
      <c r="B94" s="29">
        <v>21</v>
      </c>
      <c r="C94" s="10">
        <v>32</v>
      </c>
      <c r="D94" s="9">
        <v>53</v>
      </c>
    </row>
    <row r="95" spans="1:4" ht="18" customHeight="1" x14ac:dyDescent="0.2">
      <c r="A95" s="16">
        <v>74</v>
      </c>
      <c r="B95" s="29">
        <v>25</v>
      </c>
      <c r="C95" s="10">
        <v>34</v>
      </c>
      <c r="D95" s="9">
        <v>59</v>
      </c>
    </row>
    <row r="96" spans="1:4" ht="18" customHeight="1" x14ac:dyDescent="0.2">
      <c r="A96" s="8" t="s">
        <v>9</v>
      </c>
      <c r="B96" s="29">
        <v>113</v>
      </c>
      <c r="C96" s="10">
        <v>113</v>
      </c>
      <c r="D96" s="9">
        <v>226</v>
      </c>
    </row>
    <row r="97" spans="1:4" ht="18" customHeight="1" x14ac:dyDescent="0.2">
      <c r="A97" s="16">
        <v>75</v>
      </c>
      <c r="B97" s="29">
        <v>30</v>
      </c>
      <c r="C97" s="10">
        <v>26</v>
      </c>
      <c r="D97" s="9">
        <v>56</v>
      </c>
    </row>
    <row r="98" spans="1:4" ht="18" customHeight="1" x14ac:dyDescent="0.2">
      <c r="A98" s="16">
        <v>76</v>
      </c>
      <c r="B98" s="29">
        <v>17</v>
      </c>
      <c r="C98" s="10">
        <v>35</v>
      </c>
      <c r="D98" s="9">
        <v>52</v>
      </c>
    </row>
    <row r="99" spans="1:4" ht="18" customHeight="1" x14ac:dyDescent="0.2">
      <c r="A99" s="16">
        <v>77</v>
      </c>
      <c r="B99" s="29">
        <v>15</v>
      </c>
      <c r="C99" s="10">
        <v>26</v>
      </c>
      <c r="D99" s="9">
        <v>41</v>
      </c>
    </row>
    <row r="100" spans="1:4" ht="18" customHeight="1" x14ac:dyDescent="0.2">
      <c r="A100" s="16">
        <v>78</v>
      </c>
      <c r="B100" s="29">
        <v>21</v>
      </c>
      <c r="C100" s="10">
        <v>28</v>
      </c>
      <c r="D100" s="9">
        <v>49</v>
      </c>
    </row>
    <row r="101" spans="1:4" ht="18" customHeight="1" x14ac:dyDescent="0.2">
      <c r="A101" s="16">
        <v>79</v>
      </c>
      <c r="B101" s="29">
        <v>20</v>
      </c>
      <c r="C101" s="10">
        <v>22</v>
      </c>
      <c r="D101" s="9">
        <v>42</v>
      </c>
    </row>
    <row r="102" spans="1:4" ht="18" customHeight="1" x14ac:dyDescent="0.2">
      <c r="A102" s="8" t="s">
        <v>8</v>
      </c>
      <c r="B102" s="29">
        <v>103</v>
      </c>
      <c r="C102" s="10">
        <v>137</v>
      </c>
      <c r="D102" s="9">
        <v>240</v>
      </c>
    </row>
    <row r="103" spans="1:4" ht="18" customHeight="1" x14ac:dyDescent="0.2">
      <c r="A103" s="16">
        <v>80</v>
      </c>
      <c r="B103" s="29">
        <v>14</v>
      </c>
      <c r="C103" s="10">
        <v>21</v>
      </c>
      <c r="D103" s="9">
        <v>35</v>
      </c>
    </row>
    <row r="104" spans="1:4" ht="18" customHeight="1" x14ac:dyDescent="0.2">
      <c r="A104" s="16">
        <v>81</v>
      </c>
      <c r="B104" s="29">
        <v>15</v>
      </c>
      <c r="C104" s="10">
        <v>22</v>
      </c>
      <c r="D104" s="9">
        <v>37</v>
      </c>
    </row>
    <row r="105" spans="1:4" ht="18" customHeight="1" x14ac:dyDescent="0.2">
      <c r="A105" s="16">
        <v>82</v>
      </c>
      <c r="B105" s="29">
        <v>12</v>
      </c>
      <c r="C105" s="10">
        <v>15</v>
      </c>
      <c r="D105" s="9">
        <v>27</v>
      </c>
    </row>
    <row r="106" spans="1:4" ht="18" customHeight="1" x14ac:dyDescent="0.2">
      <c r="A106" s="16">
        <v>83</v>
      </c>
      <c r="B106" s="29">
        <v>14</v>
      </c>
      <c r="C106" s="10">
        <v>15</v>
      </c>
      <c r="D106" s="9">
        <v>29</v>
      </c>
    </row>
    <row r="107" spans="1:4" ht="18" customHeight="1" x14ac:dyDescent="0.2">
      <c r="A107" s="16">
        <v>84</v>
      </c>
      <c r="B107" s="29">
        <v>6</v>
      </c>
      <c r="C107" s="10">
        <v>14</v>
      </c>
      <c r="D107" s="9">
        <v>20</v>
      </c>
    </row>
    <row r="108" spans="1:4" ht="18" customHeight="1" x14ac:dyDescent="0.2">
      <c r="A108" s="8" t="s">
        <v>7</v>
      </c>
      <c r="B108" s="29">
        <v>61</v>
      </c>
      <c r="C108" s="10">
        <v>87</v>
      </c>
      <c r="D108" s="9">
        <v>148</v>
      </c>
    </row>
    <row r="109" spans="1:4" ht="18" customHeight="1" x14ac:dyDescent="0.2">
      <c r="A109" s="16">
        <v>85</v>
      </c>
      <c r="B109" s="29">
        <v>7</v>
      </c>
      <c r="C109" s="10">
        <v>26</v>
      </c>
      <c r="D109" s="9">
        <v>33</v>
      </c>
    </row>
    <row r="110" spans="1:4" ht="18" customHeight="1" x14ac:dyDescent="0.2">
      <c r="A110" s="16">
        <v>86</v>
      </c>
      <c r="B110" s="29">
        <v>6</v>
      </c>
      <c r="C110" s="10">
        <v>12</v>
      </c>
      <c r="D110" s="9">
        <v>18</v>
      </c>
    </row>
    <row r="111" spans="1:4" ht="18" customHeight="1" x14ac:dyDescent="0.2">
      <c r="A111" s="16">
        <v>87</v>
      </c>
      <c r="B111" s="29">
        <v>6</v>
      </c>
      <c r="C111" s="10">
        <v>14</v>
      </c>
      <c r="D111" s="9">
        <v>20</v>
      </c>
    </row>
    <row r="112" spans="1:4" ht="18" customHeight="1" x14ac:dyDescent="0.2">
      <c r="A112" s="16">
        <v>88</v>
      </c>
      <c r="B112" s="29">
        <v>3</v>
      </c>
      <c r="C112" s="10">
        <v>13</v>
      </c>
      <c r="D112" s="9">
        <v>16</v>
      </c>
    </row>
    <row r="113" spans="1:4" ht="18" customHeight="1" x14ac:dyDescent="0.2">
      <c r="A113" s="16">
        <v>89</v>
      </c>
      <c r="B113" s="29">
        <v>4</v>
      </c>
      <c r="C113" s="10">
        <v>18</v>
      </c>
      <c r="D113" s="9">
        <v>22</v>
      </c>
    </row>
    <row r="114" spans="1:4" ht="18" customHeight="1" x14ac:dyDescent="0.2">
      <c r="A114" s="8" t="s">
        <v>6</v>
      </c>
      <c r="B114" s="29">
        <v>26</v>
      </c>
      <c r="C114" s="10">
        <v>83</v>
      </c>
      <c r="D114" s="9">
        <v>109</v>
      </c>
    </row>
    <row r="115" spans="1:4" ht="18" customHeight="1" x14ac:dyDescent="0.2">
      <c r="A115" s="16">
        <v>90</v>
      </c>
      <c r="B115" s="29">
        <v>4</v>
      </c>
      <c r="C115" s="10">
        <v>16</v>
      </c>
      <c r="D115" s="9">
        <v>20</v>
      </c>
    </row>
    <row r="116" spans="1:4" ht="18" customHeight="1" x14ac:dyDescent="0.2">
      <c r="A116" s="16">
        <v>91</v>
      </c>
      <c r="B116" s="29">
        <v>7</v>
      </c>
      <c r="C116" s="10">
        <v>10</v>
      </c>
      <c r="D116" s="9">
        <v>17</v>
      </c>
    </row>
    <row r="117" spans="1:4" ht="18" customHeight="1" x14ac:dyDescent="0.2">
      <c r="A117" s="16">
        <v>92</v>
      </c>
      <c r="B117" s="29">
        <v>1</v>
      </c>
      <c r="C117" s="10">
        <v>18</v>
      </c>
      <c r="D117" s="9">
        <v>19</v>
      </c>
    </row>
    <row r="118" spans="1:4" ht="18" customHeight="1" x14ac:dyDescent="0.2">
      <c r="A118" s="16">
        <v>93</v>
      </c>
      <c r="B118" s="29">
        <v>3</v>
      </c>
      <c r="C118" s="10">
        <v>6</v>
      </c>
      <c r="D118" s="9">
        <v>9</v>
      </c>
    </row>
    <row r="119" spans="1:4" ht="18" customHeight="1" x14ac:dyDescent="0.2">
      <c r="A119" s="16">
        <v>94</v>
      </c>
      <c r="B119" s="29">
        <v>0</v>
      </c>
      <c r="C119" s="10">
        <v>4</v>
      </c>
      <c r="D119" s="9">
        <v>4</v>
      </c>
    </row>
    <row r="120" spans="1:4" ht="18" customHeight="1" x14ac:dyDescent="0.2">
      <c r="A120" s="8" t="s">
        <v>5</v>
      </c>
      <c r="B120" s="29">
        <v>15</v>
      </c>
      <c r="C120" s="10">
        <v>54</v>
      </c>
      <c r="D120" s="9">
        <v>69</v>
      </c>
    </row>
    <row r="121" spans="1:4" ht="18" customHeight="1" x14ac:dyDescent="0.2">
      <c r="A121" s="16">
        <v>95</v>
      </c>
      <c r="B121" s="29">
        <v>0</v>
      </c>
      <c r="C121" s="10">
        <v>4</v>
      </c>
      <c r="D121" s="9">
        <v>4</v>
      </c>
    </row>
    <row r="122" spans="1:4" ht="18" customHeight="1" x14ac:dyDescent="0.2">
      <c r="A122" s="16">
        <v>96</v>
      </c>
      <c r="B122" s="29">
        <v>3</v>
      </c>
      <c r="C122" s="10">
        <v>6</v>
      </c>
      <c r="D122" s="9">
        <v>9</v>
      </c>
    </row>
    <row r="123" spans="1:4" ht="18" customHeight="1" x14ac:dyDescent="0.2">
      <c r="A123" s="16">
        <v>97</v>
      </c>
      <c r="B123" s="29">
        <v>1</v>
      </c>
      <c r="C123" s="10">
        <v>3</v>
      </c>
      <c r="D123" s="9">
        <v>4</v>
      </c>
    </row>
    <row r="124" spans="1:4" ht="18" customHeight="1" x14ac:dyDescent="0.2">
      <c r="A124" s="16">
        <v>98</v>
      </c>
      <c r="B124" s="29">
        <v>0</v>
      </c>
      <c r="C124" s="10">
        <v>2</v>
      </c>
      <c r="D124" s="9">
        <v>2</v>
      </c>
    </row>
    <row r="125" spans="1:4" ht="18" customHeight="1" x14ac:dyDescent="0.2">
      <c r="A125" s="16">
        <v>99</v>
      </c>
      <c r="B125" s="29">
        <v>0</v>
      </c>
      <c r="C125" s="10">
        <v>3</v>
      </c>
      <c r="D125" s="9">
        <v>3</v>
      </c>
    </row>
    <row r="126" spans="1:4" ht="18" customHeight="1" x14ac:dyDescent="0.2">
      <c r="A126" s="8" t="s">
        <v>4</v>
      </c>
      <c r="B126" s="29">
        <v>4</v>
      </c>
      <c r="C126" s="10">
        <v>18</v>
      </c>
      <c r="D126" s="9">
        <v>22</v>
      </c>
    </row>
    <row r="127" spans="1:4" ht="18" customHeight="1" x14ac:dyDescent="0.2">
      <c r="A127" s="16">
        <v>100</v>
      </c>
      <c r="B127" s="29">
        <v>1</v>
      </c>
      <c r="C127" s="10">
        <v>1</v>
      </c>
      <c r="D127" s="9">
        <v>2</v>
      </c>
    </row>
    <row r="128" spans="1:4" ht="18" customHeight="1" x14ac:dyDescent="0.2">
      <c r="A128" s="15" t="s">
        <v>3</v>
      </c>
      <c r="B128" s="29">
        <v>0</v>
      </c>
      <c r="C128" s="10">
        <v>1</v>
      </c>
      <c r="D128" s="9">
        <v>1</v>
      </c>
    </row>
    <row r="129" spans="1:4" ht="18" customHeight="1" x14ac:dyDescent="0.2">
      <c r="A129" s="8" t="s">
        <v>2</v>
      </c>
      <c r="B129" s="29">
        <v>1</v>
      </c>
      <c r="C129" s="10">
        <v>2</v>
      </c>
      <c r="D129" s="9">
        <v>3</v>
      </c>
    </row>
    <row r="130" spans="1:4" ht="18" customHeight="1" x14ac:dyDescent="0.2">
      <c r="A130" s="8" t="s">
        <v>1</v>
      </c>
      <c r="B130" s="28">
        <v>429</v>
      </c>
      <c r="C130" s="6">
        <v>597</v>
      </c>
      <c r="D130" s="5">
        <v>1026</v>
      </c>
    </row>
    <row r="131" spans="1:4" ht="18" customHeight="1" x14ac:dyDescent="0.2">
      <c r="A131" s="4" t="s">
        <v>0</v>
      </c>
      <c r="B131" s="27">
        <v>1572</v>
      </c>
      <c r="C131" s="2">
        <v>1654</v>
      </c>
      <c r="D131" s="1">
        <v>322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8F13E83-205B-4BC6-A802-C307DBD8C951}">
  <sheetPr codeName="Sheet4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65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2</v>
      </c>
      <c r="C5" s="18">
        <v>1</v>
      </c>
      <c r="D5" s="17">
        <v>3</v>
      </c>
    </row>
    <row r="6" spans="1:4" ht="18" customHeight="1" x14ac:dyDescent="0.2">
      <c r="A6" s="16">
        <v>1</v>
      </c>
      <c r="B6" s="29">
        <v>7</v>
      </c>
      <c r="C6" s="10">
        <v>5</v>
      </c>
      <c r="D6" s="9">
        <v>12</v>
      </c>
    </row>
    <row r="7" spans="1:4" ht="18" customHeight="1" x14ac:dyDescent="0.2">
      <c r="A7" s="16">
        <v>2</v>
      </c>
      <c r="B7" s="29">
        <v>6</v>
      </c>
      <c r="C7" s="10">
        <v>5</v>
      </c>
      <c r="D7" s="9">
        <v>11</v>
      </c>
    </row>
    <row r="8" spans="1:4" ht="18" customHeight="1" x14ac:dyDescent="0.2">
      <c r="A8" s="16">
        <v>3</v>
      </c>
      <c r="B8" s="29">
        <v>3</v>
      </c>
      <c r="C8" s="10">
        <v>3</v>
      </c>
      <c r="D8" s="9">
        <v>6</v>
      </c>
    </row>
    <row r="9" spans="1:4" ht="18" customHeight="1" x14ac:dyDescent="0.2">
      <c r="A9" s="16">
        <v>4</v>
      </c>
      <c r="B9" s="29">
        <v>8</v>
      </c>
      <c r="C9" s="10">
        <v>8</v>
      </c>
      <c r="D9" s="9">
        <v>16</v>
      </c>
    </row>
    <row r="10" spans="1:4" ht="18" customHeight="1" x14ac:dyDescent="0.2">
      <c r="A10" s="8" t="s">
        <v>25</v>
      </c>
      <c r="B10" s="29">
        <v>26</v>
      </c>
      <c r="C10" s="10">
        <v>22</v>
      </c>
      <c r="D10" s="9">
        <v>48</v>
      </c>
    </row>
    <row r="11" spans="1:4" ht="18" customHeight="1" x14ac:dyDescent="0.2">
      <c r="A11" s="16">
        <v>5</v>
      </c>
      <c r="B11" s="29">
        <v>8</v>
      </c>
      <c r="C11" s="10">
        <v>5</v>
      </c>
      <c r="D11" s="9">
        <v>13</v>
      </c>
    </row>
    <row r="12" spans="1:4" ht="18" customHeight="1" x14ac:dyDescent="0.2">
      <c r="A12" s="16">
        <v>6</v>
      </c>
      <c r="B12" s="29">
        <v>4</v>
      </c>
      <c r="C12" s="10">
        <v>5</v>
      </c>
      <c r="D12" s="9">
        <v>9</v>
      </c>
    </row>
    <row r="13" spans="1:4" ht="18" customHeight="1" x14ac:dyDescent="0.2">
      <c r="A13" s="16">
        <v>7</v>
      </c>
      <c r="B13" s="29">
        <v>7</v>
      </c>
      <c r="C13" s="10">
        <v>11</v>
      </c>
      <c r="D13" s="9">
        <v>18</v>
      </c>
    </row>
    <row r="14" spans="1:4" ht="18" customHeight="1" x14ac:dyDescent="0.2">
      <c r="A14" s="16">
        <v>8</v>
      </c>
      <c r="B14" s="29">
        <v>10</v>
      </c>
      <c r="C14" s="10">
        <v>6</v>
      </c>
      <c r="D14" s="9">
        <v>16</v>
      </c>
    </row>
    <row r="15" spans="1:4" ht="18" customHeight="1" x14ac:dyDescent="0.2">
      <c r="A15" s="16">
        <v>9</v>
      </c>
      <c r="B15" s="29">
        <v>7</v>
      </c>
      <c r="C15" s="10">
        <v>2</v>
      </c>
      <c r="D15" s="9">
        <v>9</v>
      </c>
    </row>
    <row r="16" spans="1:4" ht="18" customHeight="1" x14ac:dyDescent="0.2">
      <c r="A16" s="8" t="s">
        <v>24</v>
      </c>
      <c r="B16" s="29">
        <v>36</v>
      </c>
      <c r="C16" s="10">
        <v>29</v>
      </c>
      <c r="D16" s="9">
        <v>65</v>
      </c>
    </row>
    <row r="17" spans="1:4" ht="18" customHeight="1" x14ac:dyDescent="0.2">
      <c r="A17" s="16">
        <v>10</v>
      </c>
      <c r="B17" s="29">
        <v>13</v>
      </c>
      <c r="C17" s="10">
        <v>5</v>
      </c>
      <c r="D17" s="9">
        <v>18</v>
      </c>
    </row>
    <row r="18" spans="1:4" ht="18" customHeight="1" x14ac:dyDescent="0.2">
      <c r="A18" s="16">
        <v>11</v>
      </c>
      <c r="B18" s="29">
        <v>5</v>
      </c>
      <c r="C18" s="10">
        <v>5</v>
      </c>
      <c r="D18" s="9">
        <v>10</v>
      </c>
    </row>
    <row r="19" spans="1:4" ht="18" customHeight="1" x14ac:dyDescent="0.2">
      <c r="A19" s="16">
        <v>12</v>
      </c>
      <c r="B19" s="29">
        <v>9</v>
      </c>
      <c r="C19" s="10">
        <v>8</v>
      </c>
      <c r="D19" s="9">
        <v>17</v>
      </c>
    </row>
    <row r="20" spans="1:4" ht="18" customHeight="1" x14ac:dyDescent="0.2">
      <c r="A20" s="16">
        <v>13</v>
      </c>
      <c r="B20" s="29">
        <v>8</v>
      </c>
      <c r="C20" s="10">
        <v>8</v>
      </c>
      <c r="D20" s="9">
        <v>16</v>
      </c>
    </row>
    <row r="21" spans="1:4" ht="18" customHeight="1" x14ac:dyDescent="0.2">
      <c r="A21" s="16">
        <v>14</v>
      </c>
      <c r="B21" s="29">
        <v>8</v>
      </c>
      <c r="C21" s="10">
        <v>9</v>
      </c>
      <c r="D21" s="9">
        <v>17</v>
      </c>
    </row>
    <row r="22" spans="1:4" ht="18" customHeight="1" x14ac:dyDescent="0.2">
      <c r="A22" s="8" t="s">
        <v>23</v>
      </c>
      <c r="B22" s="29">
        <v>43</v>
      </c>
      <c r="C22" s="10">
        <v>35</v>
      </c>
      <c r="D22" s="9">
        <v>78</v>
      </c>
    </row>
    <row r="23" spans="1:4" ht="18" customHeight="1" x14ac:dyDescent="0.2">
      <c r="A23" s="8" t="s">
        <v>22</v>
      </c>
      <c r="B23" s="29">
        <v>105</v>
      </c>
      <c r="C23" s="10">
        <v>86</v>
      </c>
      <c r="D23" s="9">
        <v>191</v>
      </c>
    </row>
    <row r="24" spans="1:4" ht="18" customHeight="1" x14ac:dyDescent="0.2">
      <c r="A24" s="16">
        <v>15</v>
      </c>
      <c r="B24" s="29">
        <v>8</v>
      </c>
      <c r="C24" s="10">
        <v>7</v>
      </c>
      <c r="D24" s="9">
        <v>15</v>
      </c>
    </row>
    <row r="25" spans="1:4" ht="18" customHeight="1" x14ac:dyDescent="0.2">
      <c r="A25" s="16">
        <v>16</v>
      </c>
      <c r="B25" s="29">
        <v>10</v>
      </c>
      <c r="C25" s="10">
        <v>10</v>
      </c>
      <c r="D25" s="9">
        <v>20</v>
      </c>
    </row>
    <row r="26" spans="1:4" ht="18" customHeight="1" x14ac:dyDescent="0.2">
      <c r="A26" s="16">
        <v>17</v>
      </c>
      <c r="B26" s="29">
        <v>8</v>
      </c>
      <c r="C26" s="10">
        <v>7</v>
      </c>
      <c r="D26" s="9">
        <v>15</v>
      </c>
    </row>
    <row r="27" spans="1:4" ht="18" customHeight="1" x14ac:dyDescent="0.2">
      <c r="A27" s="16">
        <v>18</v>
      </c>
      <c r="B27" s="29">
        <v>6</v>
      </c>
      <c r="C27" s="10">
        <v>7</v>
      </c>
      <c r="D27" s="9">
        <v>13</v>
      </c>
    </row>
    <row r="28" spans="1:4" ht="18" customHeight="1" x14ac:dyDescent="0.2">
      <c r="A28" s="16">
        <v>19</v>
      </c>
      <c r="B28" s="29">
        <v>10</v>
      </c>
      <c r="C28" s="10">
        <v>5</v>
      </c>
      <c r="D28" s="9">
        <v>15</v>
      </c>
    </row>
    <row r="29" spans="1:4" ht="18" customHeight="1" x14ac:dyDescent="0.2">
      <c r="A29" s="8" t="s">
        <v>21</v>
      </c>
      <c r="B29" s="29">
        <v>42</v>
      </c>
      <c r="C29" s="10">
        <v>36</v>
      </c>
      <c r="D29" s="9">
        <v>78</v>
      </c>
    </row>
    <row r="30" spans="1:4" ht="18" customHeight="1" x14ac:dyDescent="0.2">
      <c r="A30" s="16">
        <v>20</v>
      </c>
      <c r="B30" s="29">
        <v>3</v>
      </c>
      <c r="C30" s="10">
        <v>6</v>
      </c>
      <c r="D30" s="9">
        <v>9</v>
      </c>
    </row>
    <row r="31" spans="1:4" ht="18" customHeight="1" x14ac:dyDescent="0.2">
      <c r="A31" s="16">
        <v>21</v>
      </c>
      <c r="B31" s="29">
        <v>18</v>
      </c>
      <c r="C31" s="10">
        <v>6</v>
      </c>
      <c r="D31" s="9">
        <v>24</v>
      </c>
    </row>
    <row r="32" spans="1:4" ht="18" customHeight="1" x14ac:dyDescent="0.2">
      <c r="A32" s="16">
        <v>22</v>
      </c>
      <c r="B32" s="29">
        <v>9</v>
      </c>
      <c r="C32" s="10">
        <v>11</v>
      </c>
      <c r="D32" s="9">
        <v>20</v>
      </c>
    </row>
    <row r="33" spans="1:4" ht="18" customHeight="1" x14ac:dyDescent="0.2">
      <c r="A33" s="16">
        <v>23</v>
      </c>
      <c r="B33" s="29">
        <v>7</v>
      </c>
      <c r="C33" s="10">
        <v>10</v>
      </c>
      <c r="D33" s="9">
        <v>17</v>
      </c>
    </row>
    <row r="34" spans="1:4" ht="18" customHeight="1" x14ac:dyDescent="0.2">
      <c r="A34" s="16">
        <v>24</v>
      </c>
      <c r="B34" s="29">
        <v>8</v>
      </c>
      <c r="C34" s="10">
        <v>9</v>
      </c>
      <c r="D34" s="9">
        <v>17</v>
      </c>
    </row>
    <row r="35" spans="1:4" ht="18" customHeight="1" x14ac:dyDescent="0.2">
      <c r="A35" s="8" t="s">
        <v>20</v>
      </c>
      <c r="B35" s="29">
        <v>45</v>
      </c>
      <c r="C35" s="10">
        <v>42</v>
      </c>
      <c r="D35" s="9">
        <v>87</v>
      </c>
    </row>
    <row r="36" spans="1:4" ht="18" customHeight="1" x14ac:dyDescent="0.2">
      <c r="A36" s="16">
        <v>25</v>
      </c>
      <c r="B36" s="29">
        <v>8</v>
      </c>
      <c r="C36" s="10">
        <v>9</v>
      </c>
      <c r="D36" s="9">
        <v>17</v>
      </c>
    </row>
    <row r="37" spans="1:4" ht="18" customHeight="1" x14ac:dyDescent="0.2">
      <c r="A37" s="16">
        <v>26</v>
      </c>
      <c r="B37" s="29">
        <v>16</v>
      </c>
      <c r="C37" s="10">
        <v>12</v>
      </c>
      <c r="D37" s="9">
        <v>28</v>
      </c>
    </row>
    <row r="38" spans="1:4" ht="18" customHeight="1" x14ac:dyDescent="0.2">
      <c r="A38" s="16">
        <v>27</v>
      </c>
      <c r="B38" s="29">
        <v>6</v>
      </c>
      <c r="C38" s="10">
        <v>7</v>
      </c>
      <c r="D38" s="9">
        <v>13</v>
      </c>
    </row>
    <row r="39" spans="1:4" ht="18" customHeight="1" x14ac:dyDescent="0.2">
      <c r="A39" s="16">
        <v>28</v>
      </c>
      <c r="B39" s="29">
        <v>10</v>
      </c>
      <c r="C39" s="10">
        <v>3</v>
      </c>
      <c r="D39" s="9">
        <v>13</v>
      </c>
    </row>
    <row r="40" spans="1:4" ht="18" customHeight="1" x14ac:dyDescent="0.2">
      <c r="A40" s="16">
        <v>29</v>
      </c>
      <c r="B40" s="29">
        <v>10</v>
      </c>
      <c r="C40" s="10">
        <v>4</v>
      </c>
      <c r="D40" s="9">
        <v>14</v>
      </c>
    </row>
    <row r="41" spans="1:4" ht="18" customHeight="1" x14ac:dyDescent="0.2">
      <c r="A41" s="8" t="s">
        <v>19</v>
      </c>
      <c r="B41" s="29">
        <v>50</v>
      </c>
      <c r="C41" s="10">
        <v>35</v>
      </c>
      <c r="D41" s="9">
        <v>85</v>
      </c>
    </row>
    <row r="42" spans="1:4" ht="18" customHeight="1" x14ac:dyDescent="0.2">
      <c r="A42" s="16">
        <v>30</v>
      </c>
      <c r="B42" s="29">
        <v>10</v>
      </c>
      <c r="C42" s="10">
        <v>3</v>
      </c>
      <c r="D42" s="9">
        <v>13</v>
      </c>
    </row>
    <row r="43" spans="1:4" ht="18" customHeight="1" x14ac:dyDescent="0.2">
      <c r="A43" s="16">
        <v>31</v>
      </c>
      <c r="B43" s="29">
        <v>10</v>
      </c>
      <c r="C43" s="10">
        <v>4</v>
      </c>
      <c r="D43" s="9">
        <v>14</v>
      </c>
    </row>
    <row r="44" spans="1:4" ht="18" customHeight="1" x14ac:dyDescent="0.2">
      <c r="A44" s="16">
        <v>32</v>
      </c>
      <c r="B44" s="29">
        <v>5</v>
      </c>
      <c r="C44" s="10">
        <v>8</v>
      </c>
      <c r="D44" s="9">
        <v>13</v>
      </c>
    </row>
    <row r="45" spans="1:4" ht="18" customHeight="1" x14ac:dyDescent="0.2">
      <c r="A45" s="16">
        <v>33</v>
      </c>
      <c r="B45" s="29">
        <v>7</v>
      </c>
      <c r="C45" s="10">
        <v>5</v>
      </c>
      <c r="D45" s="9">
        <v>12</v>
      </c>
    </row>
    <row r="46" spans="1:4" ht="18" customHeight="1" x14ac:dyDescent="0.2">
      <c r="A46" s="16">
        <v>34</v>
      </c>
      <c r="B46" s="29">
        <v>11</v>
      </c>
      <c r="C46" s="10">
        <v>8</v>
      </c>
      <c r="D46" s="9">
        <v>19</v>
      </c>
    </row>
    <row r="47" spans="1:4" ht="18" customHeight="1" x14ac:dyDescent="0.2">
      <c r="A47" s="8" t="s">
        <v>18</v>
      </c>
      <c r="B47" s="29">
        <v>43</v>
      </c>
      <c r="C47" s="10">
        <v>28</v>
      </c>
      <c r="D47" s="9">
        <v>71</v>
      </c>
    </row>
    <row r="48" spans="1:4" ht="18" customHeight="1" x14ac:dyDescent="0.2">
      <c r="A48" s="16">
        <v>35</v>
      </c>
      <c r="B48" s="29">
        <v>10</v>
      </c>
      <c r="C48" s="10">
        <v>6</v>
      </c>
      <c r="D48" s="9">
        <v>16</v>
      </c>
    </row>
    <row r="49" spans="1:4" ht="18" customHeight="1" x14ac:dyDescent="0.2">
      <c r="A49" s="16">
        <v>36</v>
      </c>
      <c r="B49" s="29">
        <v>7</v>
      </c>
      <c r="C49" s="10">
        <v>7</v>
      </c>
      <c r="D49" s="9">
        <v>14</v>
      </c>
    </row>
    <row r="50" spans="1:4" ht="18" customHeight="1" x14ac:dyDescent="0.2">
      <c r="A50" s="16">
        <v>37</v>
      </c>
      <c r="B50" s="29">
        <v>9</v>
      </c>
      <c r="C50" s="10">
        <v>3</v>
      </c>
      <c r="D50" s="9">
        <v>12</v>
      </c>
    </row>
    <row r="51" spans="1:4" ht="18" customHeight="1" x14ac:dyDescent="0.2">
      <c r="A51" s="16">
        <v>38</v>
      </c>
      <c r="B51" s="29">
        <v>11</v>
      </c>
      <c r="C51" s="10">
        <v>8</v>
      </c>
      <c r="D51" s="9">
        <v>19</v>
      </c>
    </row>
    <row r="52" spans="1:4" ht="18" customHeight="1" x14ac:dyDescent="0.2">
      <c r="A52" s="16">
        <v>39</v>
      </c>
      <c r="B52" s="29">
        <v>8</v>
      </c>
      <c r="C52" s="10">
        <v>15</v>
      </c>
      <c r="D52" s="9">
        <v>23</v>
      </c>
    </row>
    <row r="53" spans="1:4" ht="18" customHeight="1" x14ac:dyDescent="0.2">
      <c r="A53" s="8" t="s">
        <v>17</v>
      </c>
      <c r="B53" s="29">
        <v>45</v>
      </c>
      <c r="C53" s="10">
        <v>39</v>
      </c>
      <c r="D53" s="9">
        <v>84</v>
      </c>
    </row>
    <row r="54" spans="1:4" ht="18" customHeight="1" x14ac:dyDescent="0.2">
      <c r="A54" s="16">
        <v>40</v>
      </c>
      <c r="B54" s="29">
        <v>17</v>
      </c>
      <c r="C54" s="10">
        <v>11</v>
      </c>
      <c r="D54" s="9">
        <v>28</v>
      </c>
    </row>
    <row r="55" spans="1:4" ht="18" customHeight="1" x14ac:dyDescent="0.2">
      <c r="A55" s="16">
        <v>41</v>
      </c>
      <c r="B55" s="29">
        <v>12</v>
      </c>
      <c r="C55" s="10">
        <v>7</v>
      </c>
      <c r="D55" s="9">
        <v>19</v>
      </c>
    </row>
    <row r="56" spans="1:4" ht="18" customHeight="1" x14ac:dyDescent="0.2">
      <c r="A56" s="16">
        <v>42</v>
      </c>
      <c r="B56" s="29">
        <v>9</v>
      </c>
      <c r="C56" s="10">
        <v>16</v>
      </c>
      <c r="D56" s="9">
        <v>25</v>
      </c>
    </row>
    <row r="57" spans="1:4" ht="18" customHeight="1" x14ac:dyDescent="0.2">
      <c r="A57" s="16">
        <v>43</v>
      </c>
      <c r="B57" s="29">
        <v>12</v>
      </c>
      <c r="C57" s="10">
        <v>20</v>
      </c>
      <c r="D57" s="9">
        <v>32</v>
      </c>
    </row>
    <row r="58" spans="1:4" ht="18" customHeight="1" x14ac:dyDescent="0.2">
      <c r="A58" s="16">
        <v>44</v>
      </c>
      <c r="B58" s="29">
        <v>19</v>
      </c>
      <c r="C58" s="10">
        <v>10</v>
      </c>
      <c r="D58" s="9">
        <v>29</v>
      </c>
    </row>
    <row r="59" spans="1:4" ht="18" customHeight="1" x14ac:dyDescent="0.2">
      <c r="A59" s="8" t="s">
        <v>16</v>
      </c>
      <c r="B59" s="29">
        <v>69</v>
      </c>
      <c r="C59" s="10">
        <v>64</v>
      </c>
      <c r="D59" s="9">
        <v>133</v>
      </c>
    </row>
    <row r="60" spans="1:4" ht="18" customHeight="1" x14ac:dyDescent="0.2">
      <c r="A60" s="16">
        <v>45</v>
      </c>
      <c r="B60" s="29">
        <v>12</v>
      </c>
      <c r="C60" s="10">
        <v>13</v>
      </c>
      <c r="D60" s="9">
        <v>25</v>
      </c>
    </row>
    <row r="61" spans="1:4" ht="18" customHeight="1" x14ac:dyDescent="0.2">
      <c r="A61" s="16">
        <v>46</v>
      </c>
      <c r="B61" s="29">
        <v>18</v>
      </c>
      <c r="C61" s="10">
        <v>14</v>
      </c>
      <c r="D61" s="9">
        <v>32</v>
      </c>
    </row>
    <row r="62" spans="1:4" ht="18" customHeight="1" x14ac:dyDescent="0.2">
      <c r="A62" s="16">
        <v>47</v>
      </c>
      <c r="B62" s="29">
        <v>15</v>
      </c>
      <c r="C62" s="10">
        <v>19</v>
      </c>
      <c r="D62" s="9">
        <v>34</v>
      </c>
    </row>
    <row r="63" spans="1:4" ht="18" customHeight="1" x14ac:dyDescent="0.2">
      <c r="A63" s="16">
        <v>48</v>
      </c>
      <c r="B63" s="29">
        <v>20</v>
      </c>
      <c r="C63" s="10">
        <v>12</v>
      </c>
      <c r="D63" s="9">
        <v>32</v>
      </c>
    </row>
    <row r="64" spans="1:4" ht="18" customHeight="1" x14ac:dyDescent="0.2">
      <c r="A64" s="16">
        <v>49</v>
      </c>
      <c r="B64" s="29">
        <v>22</v>
      </c>
      <c r="C64" s="10">
        <v>13</v>
      </c>
      <c r="D64" s="9">
        <v>35</v>
      </c>
    </row>
    <row r="65" spans="1:4" ht="18" customHeight="1" x14ac:dyDescent="0.2">
      <c r="A65" s="8" t="s">
        <v>15</v>
      </c>
      <c r="B65" s="29">
        <v>87</v>
      </c>
      <c r="C65" s="10">
        <v>71</v>
      </c>
      <c r="D65" s="9">
        <v>158</v>
      </c>
    </row>
    <row r="66" spans="1:4" ht="18" customHeight="1" x14ac:dyDescent="0.2">
      <c r="A66" s="16">
        <v>50</v>
      </c>
      <c r="B66" s="29">
        <v>21</v>
      </c>
      <c r="C66" s="10">
        <v>20</v>
      </c>
      <c r="D66" s="9">
        <v>41</v>
      </c>
    </row>
    <row r="67" spans="1:4" ht="18" customHeight="1" x14ac:dyDescent="0.2">
      <c r="A67" s="16">
        <v>51</v>
      </c>
      <c r="B67" s="29">
        <v>15</v>
      </c>
      <c r="C67" s="10">
        <v>12</v>
      </c>
      <c r="D67" s="9">
        <v>27</v>
      </c>
    </row>
    <row r="68" spans="1:4" ht="18" customHeight="1" x14ac:dyDescent="0.2">
      <c r="A68" s="16">
        <v>52</v>
      </c>
      <c r="B68" s="29">
        <v>11</v>
      </c>
      <c r="C68" s="10">
        <v>18</v>
      </c>
      <c r="D68" s="9">
        <v>29</v>
      </c>
    </row>
    <row r="69" spans="1:4" ht="18" customHeight="1" x14ac:dyDescent="0.2">
      <c r="A69" s="16">
        <v>53</v>
      </c>
      <c r="B69" s="29">
        <v>14</v>
      </c>
      <c r="C69" s="10">
        <v>21</v>
      </c>
      <c r="D69" s="9">
        <v>35</v>
      </c>
    </row>
    <row r="70" spans="1:4" ht="18" customHeight="1" x14ac:dyDescent="0.2">
      <c r="A70" s="16">
        <v>54</v>
      </c>
      <c r="B70" s="29">
        <v>20</v>
      </c>
      <c r="C70" s="10">
        <v>14</v>
      </c>
      <c r="D70" s="9">
        <v>34</v>
      </c>
    </row>
    <row r="71" spans="1:4" ht="18" customHeight="1" x14ac:dyDescent="0.2">
      <c r="A71" s="8" t="s">
        <v>14</v>
      </c>
      <c r="B71" s="29">
        <v>81</v>
      </c>
      <c r="C71" s="10">
        <v>85</v>
      </c>
      <c r="D71" s="9">
        <v>166</v>
      </c>
    </row>
    <row r="72" spans="1:4" ht="18" customHeight="1" x14ac:dyDescent="0.2">
      <c r="A72" s="16">
        <v>55</v>
      </c>
      <c r="B72" s="29">
        <v>13</v>
      </c>
      <c r="C72" s="10">
        <v>15</v>
      </c>
      <c r="D72" s="9">
        <v>28</v>
      </c>
    </row>
    <row r="73" spans="1:4" ht="18" customHeight="1" x14ac:dyDescent="0.2">
      <c r="A73" s="16">
        <v>56</v>
      </c>
      <c r="B73" s="29">
        <v>17</v>
      </c>
      <c r="C73" s="10">
        <v>16</v>
      </c>
      <c r="D73" s="9">
        <v>33</v>
      </c>
    </row>
    <row r="74" spans="1:4" ht="18" customHeight="1" x14ac:dyDescent="0.2">
      <c r="A74" s="16">
        <v>57</v>
      </c>
      <c r="B74" s="29">
        <v>15</v>
      </c>
      <c r="C74" s="10">
        <v>13</v>
      </c>
      <c r="D74" s="9">
        <v>28</v>
      </c>
    </row>
    <row r="75" spans="1:4" ht="18" customHeight="1" x14ac:dyDescent="0.2">
      <c r="A75" s="16">
        <v>58</v>
      </c>
      <c r="B75" s="29">
        <v>14</v>
      </c>
      <c r="C75" s="10">
        <v>11</v>
      </c>
      <c r="D75" s="9">
        <v>25</v>
      </c>
    </row>
    <row r="76" spans="1:4" ht="18" customHeight="1" x14ac:dyDescent="0.2">
      <c r="A76" s="16">
        <v>59</v>
      </c>
      <c r="B76" s="29">
        <v>9</v>
      </c>
      <c r="C76" s="10">
        <v>12</v>
      </c>
      <c r="D76" s="9">
        <v>21</v>
      </c>
    </row>
    <row r="77" spans="1:4" ht="18" customHeight="1" x14ac:dyDescent="0.2">
      <c r="A77" s="8" t="s">
        <v>13</v>
      </c>
      <c r="B77" s="29">
        <v>68</v>
      </c>
      <c r="C77" s="10">
        <v>67</v>
      </c>
      <c r="D77" s="9">
        <v>135</v>
      </c>
    </row>
    <row r="78" spans="1:4" ht="18" customHeight="1" x14ac:dyDescent="0.2">
      <c r="A78" s="16">
        <v>60</v>
      </c>
      <c r="B78" s="29">
        <v>20</v>
      </c>
      <c r="C78" s="10">
        <v>17</v>
      </c>
      <c r="D78" s="9">
        <v>37</v>
      </c>
    </row>
    <row r="79" spans="1:4" ht="18" customHeight="1" x14ac:dyDescent="0.2">
      <c r="A79" s="16">
        <v>61</v>
      </c>
      <c r="B79" s="29">
        <v>16</v>
      </c>
      <c r="C79" s="10">
        <v>13</v>
      </c>
      <c r="D79" s="9">
        <v>29</v>
      </c>
    </row>
    <row r="80" spans="1:4" ht="18" customHeight="1" x14ac:dyDescent="0.2">
      <c r="A80" s="16">
        <v>62</v>
      </c>
      <c r="B80" s="29">
        <v>13</v>
      </c>
      <c r="C80" s="10">
        <v>19</v>
      </c>
      <c r="D80" s="9">
        <v>32</v>
      </c>
    </row>
    <row r="81" spans="1:4" ht="18" customHeight="1" x14ac:dyDescent="0.2">
      <c r="A81" s="16">
        <v>63</v>
      </c>
      <c r="B81" s="29">
        <v>12</v>
      </c>
      <c r="C81" s="10">
        <v>11</v>
      </c>
      <c r="D81" s="9">
        <v>23</v>
      </c>
    </row>
    <row r="82" spans="1:4" ht="18" customHeight="1" x14ac:dyDescent="0.2">
      <c r="A82" s="16">
        <v>64</v>
      </c>
      <c r="B82" s="29">
        <v>15</v>
      </c>
      <c r="C82" s="10">
        <v>12</v>
      </c>
      <c r="D82" s="9">
        <v>27</v>
      </c>
    </row>
    <row r="83" spans="1:4" ht="18" customHeight="1" x14ac:dyDescent="0.2">
      <c r="A83" s="8" t="s">
        <v>12</v>
      </c>
      <c r="B83" s="29">
        <v>76</v>
      </c>
      <c r="C83" s="10">
        <v>72</v>
      </c>
      <c r="D83" s="9">
        <v>148</v>
      </c>
    </row>
    <row r="84" spans="1:4" ht="18" customHeight="1" x14ac:dyDescent="0.2">
      <c r="A84" s="8" t="s">
        <v>11</v>
      </c>
      <c r="B84" s="29">
        <v>606</v>
      </c>
      <c r="C84" s="10">
        <v>539</v>
      </c>
      <c r="D84" s="9">
        <v>1145</v>
      </c>
    </row>
    <row r="85" spans="1:4" ht="18" customHeight="1" x14ac:dyDescent="0.2">
      <c r="A85" s="16">
        <v>65</v>
      </c>
      <c r="B85" s="29">
        <v>10</v>
      </c>
      <c r="C85" s="10">
        <v>11</v>
      </c>
      <c r="D85" s="9">
        <v>21</v>
      </c>
    </row>
    <row r="86" spans="1:4" ht="18" customHeight="1" x14ac:dyDescent="0.2">
      <c r="A86" s="16">
        <v>66</v>
      </c>
      <c r="B86" s="29">
        <v>11</v>
      </c>
      <c r="C86" s="10">
        <v>17</v>
      </c>
      <c r="D86" s="9">
        <v>28</v>
      </c>
    </row>
    <row r="87" spans="1:4" ht="18" customHeight="1" x14ac:dyDescent="0.2">
      <c r="A87" s="16">
        <v>67</v>
      </c>
      <c r="B87" s="29">
        <v>17</v>
      </c>
      <c r="C87" s="10">
        <v>20</v>
      </c>
      <c r="D87" s="9">
        <v>37</v>
      </c>
    </row>
    <row r="88" spans="1:4" ht="18" customHeight="1" x14ac:dyDescent="0.2">
      <c r="A88" s="16">
        <v>68</v>
      </c>
      <c r="B88" s="29">
        <v>19</v>
      </c>
      <c r="C88" s="10">
        <v>18</v>
      </c>
      <c r="D88" s="9">
        <v>37</v>
      </c>
    </row>
    <row r="89" spans="1:4" ht="18" customHeight="1" x14ac:dyDescent="0.2">
      <c r="A89" s="16">
        <v>69</v>
      </c>
      <c r="B89" s="29">
        <v>11</v>
      </c>
      <c r="C89" s="10">
        <v>20</v>
      </c>
      <c r="D89" s="9">
        <v>31</v>
      </c>
    </row>
    <row r="90" spans="1:4" ht="18" customHeight="1" x14ac:dyDescent="0.2">
      <c r="A90" s="8" t="s">
        <v>10</v>
      </c>
      <c r="B90" s="29">
        <v>68</v>
      </c>
      <c r="C90" s="10">
        <v>86</v>
      </c>
      <c r="D90" s="9">
        <v>154</v>
      </c>
    </row>
    <row r="91" spans="1:4" ht="18" customHeight="1" x14ac:dyDescent="0.2">
      <c r="A91" s="16">
        <v>70</v>
      </c>
      <c r="B91" s="29">
        <v>13</v>
      </c>
      <c r="C91" s="10">
        <v>27</v>
      </c>
      <c r="D91" s="9">
        <v>40</v>
      </c>
    </row>
    <row r="92" spans="1:4" ht="18" customHeight="1" x14ac:dyDescent="0.2">
      <c r="A92" s="16">
        <v>71</v>
      </c>
      <c r="B92" s="29">
        <v>25</v>
      </c>
      <c r="C92" s="10">
        <v>21</v>
      </c>
      <c r="D92" s="9">
        <v>46</v>
      </c>
    </row>
    <row r="93" spans="1:4" ht="18" customHeight="1" x14ac:dyDescent="0.2">
      <c r="A93" s="16">
        <v>72</v>
      </c>
      <c r="B93" s="29">
        <v>16</v>
      </c>
      <c r="C93" s="10">
        <v>22</v>
      </c>
      <c r="D93" s="9">
        <v>38</v>
      </c>
    </row>
    <row r="94" spans="1:4" ht="18" customHeight="1" x14ac:dyDescent="0.2">
      <c r="A94" s="16">
        <v>73</v>
      </c>
      <c r="B94" s="29">
        <v>18</v>
      </c>
      <c r="C94" s="10">
        <v>32</v>
      </c>
      <c r="D94" s="9">
        <v>50</v>
      </c>
    </row>
    <row r="95" spans="1:4" ht="18" customHeight="1" x14ac:dyDescent="0.2">
      <c r="A95" s="16">
        <v>74</v>
      </c>
      <c r="B95" s="29">
        <v>25</v>
      </c>
      <c r="C95" s="10">
        <v>32</v>
      </c>
      <c r="D95" s="9">
        <v>57</v>
      </c>
    </row>
    <row r="96" spans="1:4" ht="18" customHeight="1" x14ac:dyDescent="0.2">
      <c r="A96" s="8" t="s">
        <v>9</v>
      </c>
      <c r="B96" s="29">
        <v>97</v>
      </c>
      <c r="C96" s="10">
        <v>134</v>
      </c>
      <c r="D96" s="9">
        <v>231</v>
      </c>
    </row>
    <row r="97" spans="1:4" ht="18" customHeight="1" x14ac:dyDescent="0.2">
      <c r="A97" s="16">
        <v>75</v>
      </c>
      <c r="B97" s="29">
        <v>26</v>
      </c>
      <c r="C97" s="10">
        <v>32</v>
      </c>
      <c r="D97" s="9">
        <v>58</v>
      </c>
    </row>
    <row r="98" spans="1:4" ht="18" customHeight="1" x14ac:dyDescent="0.2">
      <c r="A98" s="16">
        <v>76</v>
      </c>
      <c r="B98" s="29">
        <v>24</v>
      </c>
      <c r="C98" s="10">
        <v>37</v>
      </c>
      <c r="D98" s="9">
        <v>61</v>
      </c>
    </row>
    <row r="99" spans="1:4" ht="18" customHeight="1" x14ac:dyDescent="0.2">
      <c r="A99" s="16">
        <v>77</v>
      </c>
      <c r="B99" s="29">
        <v>17</v>
      </c>
      <c r="C99" s="10">
        <v>15</v>
      </c>
      <c r="D99" s="9">
        <v>32</v>
      </c>
    </row>
    <row r="100" spans="1:4" ht="18" customHeight="1" x14ac:dyDescent="0.2">
      <c r="A100" s="16">
        <v>78</v>
      </c>
      <c r="B100" s="29">
        <v>12</v>
      </c>
      <c r="C100" s="10">
        <v>17</v>
      </c>
      <c r="D100" s="9">
        <v>29</v>
      </c>
    </row>
    <row r="101" spans="1:4" ht="18" customHeight="1" x14ac:dyDescent="0.2">
      <c r="A101" s="16">
        <v>79</v>
      </c>
      <c r="B101" s="29">
        <v>19</v>
      </c>
      <c r="C101" s="10">
        <v>21</v>
      </c>
      <c r="D101" s="9">
        <v>40</v>
      </c>
    </row>
    <row r="102" spans="1:4" ht="18" customHeight="1" x14ac:dyDescent="0.2">
      <c r="A102" s="8" t="s">
        <v>8</v>
      </c>
      <c r="B102" s="29">
        <v>98</v>
      </c>
      <c r="C102" s="10">
        <v>122</v>
      </c>
      <c r="D102" s="9">
        <v>220</v>
      </c>
    </row>
    <row r="103" spans="1:4" ht="18" customHeight="1" x14ac:dyDescent="0.2">
      <c r="A103" s="16">
        <v>80</v>
      </c>
      <c r="B103" s="29">
        <v>14</v>
      </c>
      <c r="C103" s="10">
        <v>20</v>
      </c>
      <c r="D103" s="9">
        <v>34</v>
      </c>
    </row>
    <row r="104" spans="1:4" ht="18" customHeight="1" x14ac:dyDescent="0.2">
      <c r="A104" s="16">
        <v>81</v>
      </c>
      <c r="B104" s="29">
        <v>16</v>
      </c>
      <c r="C104" s="10">
        <v>23</v>
      </c>
      <c r="D104" s="9">
        <v>39</v>
      </c>
    </row>
    <row r="105" spans="1:4" ht="18" customHeight="1" x14ac:dyDescent="0.2">
      <c r="A105" s="16">
        <v>82</v>
      </c>
      <c r="B105" s="29">
        <v>9</v>
      </c>
      <c r="C105" s="10">
        <v>12</v>
      </c>
      <c r="D105" s="9">
        <v>21</v>
      </c>
    </row>
    <row r="106" spans="1:4" ht="18" customHeight="1" x14ac:dyDescent="0.2">
      <c r="A106" s="16">
        <v>83</v>
      </c>
      <c r="B106" s="29">
        <v>8</v>
      </c>
      <c r="C106" s="10">
        <v>15</v>
      </c>
      <c r="D106" s="9">
        <v>23</v>
      </c>
    </row>
    <row r="107" spans="1:4" ht="18" customHeight="1" x14ac:dyDescent="0.2">
      <c r="A107" s="16">
        <v>84</v>
      </c>
      <c r="B107" s="29">
        <v>6</v>
      </c>
      <c r="C107" s="10">
        <v>10</v>
      </c>
      <c r="D107" s="9">
        <v>16</v>
      </c>
    </row>
    <row r="108" spans="1:4" ht="18" customHeight="1" x14ac:dyDescent="0.2">
      <c r="A108" s="8" t="s">
        <v>7</v>
      </c>
      <c r="B108" s="29">
        <v>53</v>
      </c>
      <c r="C108" s="10">
        <v>80</v>
      </c>
      <c r="D108" s="9">
        <v>133</v>
      </c>
    </row>
    <row r="109" spans="1:4" ht="18" customHeight="1" x14ac:dyDescent="0.2">
      <c r="A109" s="16">
        <v>85</v>
      </c>
      <c r="B109" s="29">
        <v>9</v>
      </c>
      <c r="C109" s="10">
        <v>14</v>
      </c>
      <c r="D109" s="9">
        <v>23</v>
      </c>
    </row>
    <row r="110" spans="1:4" ht="18" customHeight="1" x14ac:dyDescent="0.2">
      <c r="A110" s="16">
        <v>86</v>
      </c>
      <c r="B110" s="29">
        <v>5</v>
      </c>
      <c r="C110" s="10">
        <v>18</v>
      </c>
      <c r="D110" s="9">
        <v>23</v>
      </c>
    </row>
    <row r="111" spans="1:4" ht="18" customHeight="1" x14ac:dyDescent="0.2">
      <c r="A111" s="16">
        <v>87</v>
      </c>
      <c r="B111" s="29">
        <v>8</v>
      </c>
      <c r="C111" s="10">
        <v>11</v>
      </c>
      <c r="D111" s="9">
        <v>19</v>
      </c>
    </row>
    <row r="112" spans="1:4" ht="18" customHeight="1" x14ac:dyDescent="0.2">
      <c r="A112" s="16">
        <v>88</v>
      </c>
      <c r="B112" s="29">
        <v>6</v>
      </c>
      <c r="C112" s="10">
        <v>9</v>
      </c>
      <c r="D112" s="9">
        <v>15</v>
      </c>
    </row>
    <row r="113" spans="1:4" ht="18" customHeight="1" x14ac:dyDescent="0.2">
      <c r="A113" s="16">
        <v>89</v>
      </c>
      <c r="B113" s="29">
        <v>8</v>
      </c>
      <c r="C113" s="10">
        <v>11</v>
      </c>
      <c r="D113" s="9">
        <v>19</v>
      </c>
    </row>
    <row r="114" spans="1:4" ht="18" customHeight="1" x14ac:dyDescent="0.2">
      <c r="A114" s="8" t="s">
        <v>6</v>
      </c>
      <c r="B114" s="29">
        <v>36</v>
      </c>
      <c r="C114" s="10">
        <v>63</v>
      </c>
      <c r="D114" s="9">
        <v>99</v>
      </c>
    </row>
    <row r="115" spans="1:4" ht="18" customHeight="1" x14ac:dyDescent="0.2">
      <c r="A115" s="16">
        <v>90</v>
      </c>
      <c r="B115" s="29">
        <v>5</v>
      </c>
      <c r="C115" s="10">
        <v>13</v>
      </c>
      <c r="D115" s="9">
        <v>18</v>
      </c>
    </row>
    <row r="116" spans="1:4" ht="18" customHeight="1" x14ac:dyDescent="0.2">
      <c r="A116" s="16">
        <v>91</v>
      </c>
      <c r="B116" s="29">
        <v>4</v>
      </c>
      <c r="C116" s="10">
        <v>14</v>
      </c>
      <c r="D116" s="9">
        <v>18</v>
      </c>
    </row>
    <row r="117" spans="1:4" ht="18" customHeight="1" x14ac:dyDescent="0.2">
      <c r="A117" s="16">
        <v>92</v>
      </c>
      <c r="B117" s="29">
        <v>4</v>
      </c>
      <c r="C117" s="10">
        <v>5</v>
      </c>
      <c r="D117" s="9">
        <v>9</v>
      </c>
    </row>
    <row r="118" spans="1:4" ht="18" customHeight="1" x14ac:dyDescent="0.2">
      <c r="A118" s="16">
        <v>93</v>
      </c>
      <c r="B118" s="29">
        <v>0</v>
      </c>
      <c r="C118" s="10">
        <v>7</v>
      </c>
      <c r="D118" s="9">
        <v>7</v>
      </c>
    </row>
    <row r="119" spans="1:4" ht="18" customHeight="1" x14ac:dyDescent="0.2">
      <c r="A119" s="16">
        <v>94</v>
      </c>
      <c r="B119" s="29">
        <v>3</v>
      </c>
      <c r="C119" s="10">
        <v>6</v>
      </c>
      <c r="D119" s="9">
        <v>9</v>
      </c>
    </row>
    <row r="120" spans="1:4" ht="18" customHeight="1" x14ac:dyDescent="0.2">
      <c r="A120" s="8" t="s">
        <v>5</v>
      </c>
      <c r="B120" s="29">
        <v>16</v>
      </c>
      <c r="C120" s="10">
        <v>45</v>
      </c>
      <c r="D120" s="9">
        <v>61</v>
      </c>
    </row>
    <row r="121" spans="1:4" ht="18" customHeight="1" x14ac:dyDescent="0.2">
      <c r="A121" s="16">
        <v>95</v>
      </c>
      <c r="B121" s="29">
        <v>1</v>
      </c>
      <c r="C121" s="10">
        <v>6</v>
      </c>
      <c r="D121" s="9">
        <v>7</v>
      </c>
    </row>
    <row r="122" spans="1:4" ht="18" customHeight="1" x14ac:dyDescent="0.2">
      <c r="A122" s="16">
        <v>96</v>
      </c>
      <c r="B122" s="29">
        <v>0</v>
      </c>
      <c r="C122" s="10">
        <v>2</v>
      </c>
      <c r="D122" s="9">
        <v>2</v>
      </c>
    </row>
    <row r="123" spans="1:4" ht="18" customHeight="1" x14ac:dyDescent="0.2">
      <c r="A123" s="16">
        <v>97</v>
      </c>
      <c r="B123" s="29">
        <v>1</v>
      </c>
      <c r="C123" s="10">
        <v>3</v>
      </c>
      <c r="D123" s="9">
        <v>4</v>
      </c>
    </row>
    <row r="124" spans="1:4" ht="18" customHeight="1" x14ac:dyDescent="0.2">
      <c r="A124" s="16">
        <v>98</v>
      </c>
      <c r="B124" s="29">
        <v>0</v>
      </c>
      <c r="C124" s="10">
        <v>0</v>
      </c>
      <c r="D124" s="9">
        <v>0</v>
      </c>
    </row>
    <row r="125" spans="1:4" ht="18" customHeight="1" x14ac:dyDescent="0.2">
      <c r="A125" s="16">
        <v>99</v>
      </c>
      <c r="B125" s="29">
        <v>0</v>
      </c>
      <c r="C125" s="10">
        <v>3</v>
      </c>
      <c r="D125" s="9">
        <v>3</v>
      </c>
    </row>
    <row r="126" spans="1:4" ht="18" customHeight="1" x14ac:dyDescent="0.2">
      <c r="A126" s="8" t="s">
        <v>4</v>
      </c>
      <c r="B126" s="29">
        <v>2</v>
      </c>
      <c r="C126" s="10">
        <v>14</v>
      </c>
      <c r="D126" s="9">
        <v>16</v>
      </c>
    </row>
    <row r="127" spans="1:4" ht="18" customHeight="1" x14ac:dyDescent="0.2">
      <c r="A127" s="16">
        <v>100</v>
      </c>
      <c r="B127" s="29">
        <v>0</v>
      </c>
      <c r="C127" s="10">
        <v>2</v>
      </c>
      <c r="D127" s="9">
        <v>2</v>
      </c>
    </row>
    <row r="128" spans="1:4" ht="18" customHeight="1" x14ac:dyDescent="0.2">
      <c r="A128" s="15" t="s">
        <v>3</v>
      </c>
      <c r="B128" s="29">
        <v>0</v>
      </c>
      <c r="C128" s="10">
        <v>1</v>
      </c>
      <c r="D128" s="9">
        <v>1</v>
      </c>
    </row>
    <row r="129" spans="1:4" ht="18" customHeight="1" x14ac:dyDescent="0.2">
      <c r="A129" s="8" t="s">
        <v>2</v>
      </c>
      <c r="B129" s="29">
        <v>0</v>
      </c>
      <c r="C129" s="10">
        <v>3</v>
      </c>
      <c r="D129" s="9">
        <v>3</v>
      </c>
    </row>
    <row r="130" spans="1:4" ht="18" customHeight="1" x14ac:dyDescent="0.2">
      <c r="A130" s="8" t="s">
        <v>1</v>
      </c>
      <c r="B130" s="28">
        <v>370</v>
      </c>
      <c r="C130" s="6">
        <v>547</v>
      </c>
      <c r="D130" s="5">
        <v>917</v>
      </c>
    </row>
    <row r="131" spans="1:4" ht="18" customHeight="1" x14ac:dyDescent="0.2">
      <c r="A131" s="4" t="s">
        <v>0</v>
      </c>
      <c r="B131" s="27">
        <v>1081</v>
      </c>
      <c r="C131" s="2">
        <v>1172</v>
      </c>
      <c r="D131" s="1">
        <v>2253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233F1D7-5BAC-481B-9BD5-CB9434F7DAF5}">
  <sheetPr codeName="Sheet4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66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6</v>
      </c>
      <c r="C5" s="18">
        <v>8</v>
      </c>
      <c r="D5" s="17">
        <v>14</v>
      </c>
    </row>
    <row r="6" spans="1:4" ht="18" customHeight="1" x14ac:dyDescent="0.2">
      <c r="A6" s="16">
        <v>1</v>
      </c>
      <c r="B6" s="29">
        <v>7</v>
      </c>
      <c r="C6" s="10">
        <v>6</v>
      </c>
      <c r="D6" s="9">
        <v>13</v>
      </c>
    </row>
    <row r="7" spans="1:4" ht="18" customHeight="1" x14ac:dyDescent="0.2">
      <c r="A7" s="16">
        <v>2</v>
      </c>
      <c r="B7" s="29">
        <v>4</v>
      </c>
      <c r="C7" s="10">
        <v>5</v>
      </c>
      <c r="D7" s="9">
        <v>9</v>
      </c>
    </row>
    <row r="8" spans="1:4" ht="18" customHeight="1" x14ac:dyDescent="0.2">
      <c r="A8" s="16">
        <v>3</v>
      </c>
      <c r="B8" s="29">
        <v>3</v>
      </c>
      <c r="C8" s="10">
        <v>10</v>
      </c>
      <c r="D8" s="9">
        <v>13</v>
      </c>
    </row>
    <row r="9" spans="1:4" ht="18" customHeight="1" x14ac:dyDescent="0.2">
      <c r="A9" s="16">
        <v>4</v>
      </c>
      <c r="B9" s="29">
        <v>7</v>
      </c>
      <c r="C9" s="10">
        <v>8</v>
      </c>
      <c r="D9" s="9">
        <v>15</v>
      </c>
    </row>
    <row r="10" spans="1:4" ht="18" customHeight="1" x14ac:dyDescent="0.2">
      <c r="A10" s="8" t="s">
        <v>25</v>
      </c>
      <c r="B10" s="29">
        <v>27</v>
      </c>
      <c r="C10" s="10">
        <v>37</v>
      </c>
      <c r="D10" s="9">
        <v>64</v>
      </c>
    </row>
    <row r="11" spans="1:4" ht="18" customHeight="1" x14ac:dyDescent="0.2">
      <c r="A11" s="16">
        <v>5</v>
      </c>
      <c r="B11" s="29">
        <v>12</v>
      </c>
      <c r="C11" s="10">
        <v>7</v>
      </c>
      <c r="D11" s="9">
        <v>19</v>
      </c>
    </row>
    <row r="12" spans="1:4" ht="18" customHeight="1" x14ac:dyDescent="0.2">
      <c r="A12" s="16">
        <v>6</v>
      </c>
      <c r="B12" s="29">
        <v>10</v>
      </c>
      <c r="C12" s="10">
        <v>5</v>
      </c>
      <c r="D12" s="9">
        <v>15</v>
      </c>
    </row>
    <row r="13" spans="1:4" ht="18" customHeight="1" x14ac:dyDescent="0.2">
      <c r="A13" s="16">
        <v>7</v>
      </c>
      <c r="B13" s="29">
        <v>9</v>
      </c>
      <c r="C13" s="10">
        <v>11</v>
      </c>
      <c r="D13" s="9">
        <v>20</v>
      </c>
    </row>
    <row r="14" spans="1:4" ht="18" customHeight="1" x14ac:dyDescent="0.2">
      <c r="A14" s="16">
        <v>8</v>
      </c>
      <c r="B14" s="29">
        <v>11</v>
      </c>
      <c r="C14" s="10">
        <v>6</v>
      </c>
      <c r="D14" s="9">
        <v>17</v>
      </c>
    </row>
    <row r="15" spans="1:4" ht="18" customHeight="1" x14ac:dyDescent="0.2">
      <c r="A15" s="16">
        <v>9</v>
      </c>
      <c r="B15" s="29">
        <v>11</v>
      </c>
      <c r="C15" s="10">
        <v>9</v>
      </c>
      <c r="D15" s="9">
        <v>20</v>
      </c>
    </row>
    <row r="16" spans="1:4" ht="18" customHeight="1" x14ac:dyDescent="0.2">
      <c r="A16" s="8" t="s">
        <v>24</v>
      </c>
      <c r="B16" s="29">
        <v>53</v>
      </c>
      <c r="C16" s="10">
        <v>38</v>
      </c>
      <c r="D16" s="9">
        <v>91</v>
      </c>
    </row>
    <row r="17" spans="1:4" ht="18" customHeight="1" x14ac:dyDescent="0.2">
      <c r="A17" s="16">
        <v>10</v>
      </c>
      <c r="B17" s="29">
        <v>9</v>
      </c>
      <c r="C17" s="10">
        <v>13</v>
      </c>
      <c r="D17" s="9">
        <v>22</v>
      </c>
    </row>
    <row r="18" spans="1:4" ht="18" customHeight="1" x14ac:dyDescent="0.2">
      <c r="A18" s="16">
        <v>11</v>
      </c>
      <c r="B18" s="29">
        <v>12</v>
      </c>
      <c r="C18" s="10">
        <v>11</v>
      </c>
      <c r="D18" s="9">
        <v>23</v>
      </c>
    </row>
    <row r="19" spans="1:4" ht="18" customHeight="1" x14ac:dyDescent="0.2">
      <c r="A19" s="16">
        <v>12</v>
      </c>
      <c r="B19" s="29">
        <v>9</v>
      </c>
      <c r="C19" s="10">
        <v>13</v>
      </c>
      <c r="D19" s="9">
        <v>22</v>
      </c>
    </row>
    <row r="20" spans="1:4" ht="18" customHeight="1" x14ac:dyDescent="0.2">
      <c r="A20" s="16">
        <v>13</v>
      </c>
      <c r="B20" s="29">
        <v>13</v>
      </c>
      <c r="C20" s="10">
        <v>9</v>
      </c>
      <c r="D20" s="9">
        <v>22</v>
      </c>
    </row>
    <row r="21" spans="1:4" ht="18" customHeight="1" x14ac:dyDescent="0.2">
      <c r="A21" s="16">
        <v>14</v>
      </c>
      <c r="B21" s="29">
        <v>8</v>
      </c>
      <c r="C21" s="10">
        <v>10</v>
      </c>
      <c r="D21" s="9">
        <v>18</v>
      </c>
    </row>
    <row r="22" spans="1:4" ht="18" customHeight="1" x14ac:dyDescent="0.2">
      <c r="A22" s="8" t="s">
        <v>23</v>
      </c>
      <c r="B22" s="29">
        <v>51</v>
      </c>
      <c r="C22" s="10">
        <v>56</v>
      </c>
      <c r="D22" s="9">
        <v>107</v>
      </c>
    </row>
    <row r="23" spans="1:4" ht="18" customHeight="1" x14ac:dyDescent="0.2">
      <c r="A23" s="8" t="s">
        <v>22</v>
      </c>
      <c r="B23" s="29">
        <v>131</v>
      </c>
      <c r="C23" s="10">
        <v>131</v>
      </c>
      <c r="D23" s="9">
        <v>262</v>
      </c>
    </row>
    <row r="24" spans="1:4" ht="18" customHeight="1" x14ac:dyDescent="0.2">
      <c r="A24" s="16">
        <v>15</v>
      </c>
      <c r="B24" s="29">
        <v>8</v>
      </c>
      <c r="C24" s="10">
        <v>20</v>
      </c>
      <c r="D24" s="9">
        <v>28</v>
      </c>
    </row>
    <row r="25" spans="1:4" ht="18" customHeight="1" x14ac:dyDescent="0.2">
      <c r="A25" s="16">
        <v>16</v>
      </c>
      <c r="B25" s="29">
        <v>12</v>
      </c>
      <c r="C25" s="10">
        <v>8</v>
      </c>
      <c r="D25" s="9">
        <v>20</v>
      </c>
    </row>
    <row r="26" spans="1:4" ht="18" customHeight="1" x14ac:dyDescent="0.2">
      <c r="A26" s="16">
        <v>17</v>
      </c>
      <c r="B26" s="29">
        <v>13</v>
      </c>
      <c r="C26" s="10">
        <v>8</v>
      </c>
      <c r="D26" s="9">
        <v>21</v>
      </c>
    </row>
    <row r="27" spans="1:4" ht="18" customHeight="1" x14ac:dyDescent="0.2">
      <c r="A27" s="16">
        <v>18</v>
      </c>
      <c r="B27" s="29">
        <v>15</v>
      </c>
      <c r="C27" s="10">
        <v>19</v>
      </c>
      <c r="D27" s="9">
        <v>34</v>
      </c>
    </row>
    <row r="28" spans="1:4" ht="18" customHeight="1" x14ac:dyDescent="0.2">
      <c r="A28" s="16">
        <v>19</v>
      </c>
      <c r="B28" s="29">
        <v>11</v>
      </c>
      <c r="C28" s="10">
        <v>8</v>
      </c>
      <c r="D28" s="9">
        <v>19</v>
      </c>
    </row>
    <row r="29" spans="1:4" ht="18" customHeight="1" x14ac:dyDescent="0.2">
      <c r="A29" s="8" t="s">
        <v>21</v>
      </c>
      <c r="B29" s="29">
        <v>59</v>
      </c>
      <c r="C29" s="10">
        <v>63</v>
      </c>
      <c r="D29" s="9">
        <v>122</v>
      </c>
    </row>
    <row r="30" spans="1:4" ht="18" customHeight="1" x14ac:dyDescent="0.2">
      <c r="A30" s="16">
        <v>20</v>
      </c>
      <c r="B30" s="29">
        <v>15</v>
      </c>
      <c r="C30" s="10">
        <v>14</v>
      </c>
      <c r="D30" s="9">
        <v>29</v>
      </c>
    </row>
    <row r="31" spans="1:4" ht="18" customHeight="1" x14ac:dyDescent="0.2">
      <c r="A31" s="16">
        <v>21</v>
      </c>
      <c r="B31" s="29">
        <v>11</v>
      </c>
      <c r="C31" s="10">
        <v>15</v>
      </c>
      <c r="D31" s="9">
        <v>26</v>
      </c>
    </row>
    <row r="32" spans="1:4" ht="18" customHeight="1" x14ac:dyDescent="0.2">
      <c r="A32" s="16">
        <v>22</v>
      </c>
      <c r="B32" s="29">
        <v>11</v>
      </c>
      <c r="C32" s="10">
        <v>11</v>
      </c>
      <c r="D32" s="9">
        <v>22</v>
      </c>
    </row>
    <row r="33" spans="1:4" ht="18" customHeight="1" x14ac:dyDescent="0.2">
      <c r="A33" s="16">
        <v>23</v>
      </c>
      <c r="B33" s="29">
        <v>21</v>
      </c>
      <c r="C33" s="10">
        <v>11</v>
      </c>
      <c r="D33" s="9">
        <v>32</v>
      </c>
    </row>
    <row r="34" spans="1:4" ht="18" customHeight="1" x14ac:dyDescent="0.2">
      <c r="A34" s="16">
        <v>24</v>
      </c>
      <c r="B34" s="29">
        <v>15</v>
      </c>
      <c r="C34" s="10">
        <v>7</v>
      </c>
      <c r="D34" s="9">
        <v>22</v>
      </c>
    </row>
    <row r="35" spans="1:4" ht="18" customHeight="1" x14ac:dyDescent="0.2">
      <c r="A35" s="8" t="s">
        <v>20</v>
      </c>
      <c r="B35" s="29">
        <v>73</v>
      </c>
      <c r="C35" s="10">
        <v>58</v>
      </c>
      <c r="D35" s="9">
        <v>131</v>
      </c>
    </row>
    <row r="36" spans="1:4" ht="18" customHeight="1" x14ac:dyDescent="0.2">
      <c r="A36" s="16">
        <v>25</v>
      </c>
      <c r="B36" s="29">
        <v>10</v>
      </c>
      <c r="C36" s="10">
        <v>7</v>
      </c>
      <c r="D36" s="9">
        <v>17</v>
      </c>
    </row>
    <row r="37" spans="1:4" ht="18" customHeight="1" x14ac:dyDescent="0.2">
      <c r="A37" s="16">
        <v>26</v>
      </c>
      <c r="B37" s="29">
        <v>15</v>
      </c>
      <c r="C37" s="10">
        <v>9</v>
      </c>
      <c r="D37" s="9">
        <v>24</v>
      </c>
    </row>
    <row r="38" spans="1:4" ht="18" customHeight="1" x14ac:dyDescent="0.2">
      <c r="A38" s="16">
        <v>27</v>
      </c>
      <c r="B38" s="29">
        <v>15</v>
      </c>
      <c r="C38" s="10">
        <v>7</v>
      </c>
      <c r="D38" s="9">
        <v>22</v>
      </c>
    </row>
    <row r="39" spans="1:4" ht="18" customHeight="1" x14ac:dyDescent="0.2">
      <c r="A39" s="16">
        <v>28</v>
      </c>
      <c r="B39" s="29">
        <v>15</v>
      </c>
      <c r="C39" s="10">
        <v>10</v>
      </c>
      <c r="D39" s="9">
        <v>25</v>
      </c>
    </row>
    <row r="40" spans="1:4" ht="18" customHeight="1" x14ac:dyDescent="0.2">
      <c r="A40" s="16">
        <v>29</v>
      </c>
      <c r="B40" s="29">
        <v>13</v>
      </c>
      <c r="C40" s="10">
        <v>8</v>
      </c>
      <c r="D40" s="9">
        <v>21</v>
      </c>
    </row>
    <row r="41" spans="1:4" ht="18" customHeight="1" x14ac:dyDescent="0.2">
      <c r="A41" s="8" t="s">
        <v>19</v>
      </c>
      <c r="B41" s="29">
        <v>68</v>
      </c>
      <c r="C41" s="10">
        <v>41</v>
      </c>
      <c r="D41" s="9">
        <v>109</v>
      </c>
    </row>
    <row r="42" spans="1:4" ht="18" customHeight="1" x14ac:dyDescent="0.2">
      <c r="A42" s="16">
        <v>30</v>
      </c>
      <c r="B42" s="29">
        <v>18</v>
      </c>
      <c r="C42" s="10">
        <v>8</v>
      </c>
      <c r="D42" s="9">
        <v>26</v>
      </c>
    </row>
    <row r="43" spans="1:4" ht="18" customHeight="1" x14ac:dyDescent="0.2">
      <c r="A43" s="16">
        <v>31</v>
      </c>
      <c r="B43" s="29">
        <v>6</v>
      </c>
      <c r="C43" s="10">
        <v>9</v>
      </c>
      <c r="D43" s="9">
        <v>15</v>
      </c>
    </row>
    <row r="44" spans="1:4" ht="18" customHeight="1" x14ac:dyDescent="0.2">
      <c r="A44" s="16">
        <v>32</v>
      </c>
      <c r="B44" s="29">
        <v>8</v>
      </c>
      <c r="C44" s="10">
        <v>11</v>
      </c>
      <c r="D44" s="9">
        <v>19</v>
      </c>
    </row>
    <row r="45" spans="1:4" ht="18" customHeight="1" x14ac:dyDescent="0.2">
      <c r="A45" s="16">
        <v>33</v>
      </c>
      <c r="B45" s="29">
        <v>12</v>
      </c>
      <c r="C45" s="10">
        <v>6</v>
      </c>
      <c r="D45" s="9">
        <v>18</v>
      </c>
    </row>
    <row r="46" spans="1:4" ht="18" customHeight="1" x14ac:dyDescent="0.2">
      <c r="A46" s="16">
        <v>34</v>
      </c>
      <c r="B46" s="29">
        <v>11</v>
      </c>
      <c r="C46" s="10">
        <v>13</v>
      </c>
      <c r="D46" s="9">
        <v>24</v>
      </c>
    </row>
    <row r="47" spans="1:4" ht="18" customHeight="1" x14ac:dyDescent="0.2">
      <c r="A47" s="8" t="s">
        <v>18</v>
      </c>
      <c r="B47" s="29">
        <v>55</v>
      </c>
      <c r="C47" s="10">
        <v>47</v>
      </c>
      <c r="D47" s="9">
        <v>102</v>
      </c>
    </row>
    <row r="48" spans="1:4" ht="18" customHeight="1" x14ac:dyDescent="0.2">
      <c r="A48" s="16">
        <v>35</v>
      </c>
      <c r="B48" s="29">
        <v>15</v>
      </c>
      <c r="C48" s="10">
        <v>7</v>
      </c>
      <c r="D48" s="9">
        <v>22</v>
      </c>
    </row>
    <row r="49" spans="1:4" ht="18" customHeight="1" x14ac:dyDescent="0.2">
      <c r="A49" s="16">
        <v>36</v>
      </c>
      <c r="B49" s="29">
        <v>12</v>
      </c>
      <c r="C49" s="10">
        <v>13</v>
      </c>
      <c r="D49" s="9">
        <v>25</v>
      </c>
    </row>
    <row r="50" spans="1:4" ht="18" customHeight="1" x14ac:dyDescent="0.2">
      <c r="A50" s="16">
        <v>37</v>
      </c>
      <c r="B50" s="29">
        <v>9</v>
      </c>
      <c r="C50" s="10">
        <v>8</v>
      </c>
      <c r="D50" s="9">
        <v>17</v>
      </c>
    </row>
    <row r="51" spans="1:4" ht="18" customHeight="1" x14ac:dyDescent="0.2">
      <c r="A51" s="16">
        <v>38</v>
      </c>
      <c r="B51" s="29">
        <v>17</v>
      </c>
      <c r="C51" s="10">
        <v>14</v>
      </c>
      <c r="D51" s="9">
        <v>31</v>
      </c>
    </row>
    <row r="52" spans="1:4" ht="18" customHeight="1" x14ac:dyDescent="0.2">
      <c r="A52" s="16">
        <v>39</v>
      </c>
      <c r="B52" s="29">
        <v>14</v>
      </c>
      <c r="C52" s="10">
        <v>14</v>
      </c>
      <c r="D52" s="9">
        <v>28</v>
      </c>
    </row>
    <row r="53" spans="1:4" ht="18" customHeight="1" x14ac:dyDescent="0.2">
      <c r="A53" s="8" t="s">
        <v>17</v>
      </c>
      <c r="B53" s="29">
        <v>67</v>
      </c>
      <c r="C53" s="10">
        <v>56</v>
      </c>
      <c r="D53" s="9">
        <v>123</v>
      </c>
    </row>
    <row r="54" spans="1:4" ht="18" customHeight="1" x14ac:dyDescent="0.2">
      <c r="A54" s="16">
        <v>40</v>
      </c>
      <c r="B54" s="29">
        <v>17</v>
      </c>
      <c r="C54" s="10">
        <v>9</v>
      </c>
      <c r="D54" s="9">
        <v>26</v>
      </c>
    </row>
    <row r="55" spans="1:4" ht="18" customHeight="1" x14ac:dyDescent="0.2">
      <c r="A55" s="16">
        <v>41</v>
      </c>
      <c r="B55" s="29">
        <v>15</v>
      </c>
      <c r="C55" s="10">
        <v>12</v>
      </c>
      <c r="D55" s="9">
        <v>27</v>
      </c>
    </row>
    <row r="56" spans="1:4" ht="18" customHeight="1" x14ac:dyDescent="0.2">
      <c r="A56" s="16">
        <v>42</v>
      </c>
      <c r="B56" s="29">
        <v>22</v>
      </c>
      <c r="C56" s="10">
        <v>11</v>
      </c>
      <c r="D56" s="9">
        <v>33</v>
      </c>
    </row>
    <row r="57" spans="1:4" ht="18" customHeight="1" x14ac:dyDescent="0.2">
      <c r="A57" s="16">
        <v>43</v>
      </c>
      <c r="B57" s="29">
        <v>12</v>
      </c>
      <c r="C57" s="10">
        <v>14</v>
      </c>
      <c r="D57" s="9">
        <v>26</v>
      </c>
    </row>
    <row r="58" spans="1:4" ht="18" customHeight="1" x14ac:dyDescent="0.2">
      <c r="A58" s="16">
        <v>44</v>
      </c>
      <c r="B58" s="29">
        <v>19</v>
      </c>
      <c r="C58" s="10">
        <v>18</v>
      </c>
      <c r="D58" s="9">
        <v>37</v>
      </c>
    </row>
    <row r="59" spans="1:4" ht="18" customHeight="1" x14ac:dyDescent="0.2">
      <c r="A59" s="8" t="s">
        <v>16</v>
      </c>
      <c r="B59" s="29">
        <v>85</v>
      </c>
      <c r="C59" s="10">
        <v>64</v>
      </c>
      <c r="D59" s="9">
        <v>149</v>
      </c>
    </row>
    <row r="60" spans="1:4" ht="18" customHeight="1" x14ac:dyDescent="0.2">
      <c r="A60" s="16">
        <v>45</v>
      </c>
      <c r="B60" s="29">
        <v>19</v>
      </c>
      <c r="C60" s="10">
        <v>24</v>
      </c>
      <c r="D60" s="9">
        <v>43</v>
      </c>
    </row>
    <row r="61" spans="1:4" ht="18" customHeight="1" x14ac:dyDescent="0.2">
      <c r="A61" s="16">
        <v>46</v>
      </c>
      <c r="B61" s="29">
        <v>24</v>
      </c>
      <c r="C61" s="10">
        <v>14</v>
      </c>
      <c r="D61" s="9">
        <v>38</v>
      </c>
    </row>
    <row r="62" spans="1:4" ht="18" customHeight="1" x14ac:dyDescent="0.2">
      <c r="A62" s="16">
        <v>47</v>
      </c>
      <c r="B62" s="29">
        <v>18</v>
      </c>
      <c r="C62" s="10">
        <v>15</v>
      </c>
      <c r="D62" s="9">
        <v>33</v>
      </c>
    </row>
    <row r="63" spans="1:4" ht="18" customHeight="1" x14ac:dyDescent="0.2">
      <c r="A63" s="16">
        <v>48</v>
      </c>
      <c r="B63" s="29">
        <v>22</v>
      </c>
      <c r="C63" s="10">
        <v>21</v>
      </c>
      <c r="D63" s="9">
        <v>43</v>
      </c>
    </row>
    <row r="64" spans="1:4" ht="18" customHeight="1" x14ac:dyDescent="0.2">
      <c r="A64" s="16">
        <v>49</v>
      </c>
      <c r="B64" s="29">
        <v>25</v>
      </c>
      <c r="C64" s="10">
        <v>16</v>
      </c>
      <c r="D64" s="9">
        <v>41</v>
      </c>
    </row>
    <row r="65" spans="1:4" ht="18" customHeight="1" x14ac:dyDescent="0.2">
      <c r="A65" s="8" t="s">
        <v>15</v>
      </c>
      <c r="B65" s="29">
        <v>108</v>
      </c>
      <c r="C65" s="10">
        <v>90</v>
      </c>
      <c r="D65" s="9">
        <v>198</v>
      </c>
    </row>
    <row r="66" spans="1:4" ht="18" customHeight="1" x14ac:dyDescent="0.2">
      <c r="A66" s="16">
        <v>50</v>
      </c>
      <c r="B66" s="29">
        <v>25</v>
      </c>
      <c r="C66" s="10">
        <v>25</v>
      </c>
      <c r="D66" s="9">
        <v>50</v>
      </c>
    </row>
    <row r="67" spans="1:4" ht="18" customHeight="1" x14ac:dyDescent="0.2">
      <c r="A67" s="16">
        <v>51</v>
      </c>
      <c r="B67" s="29">
        <v>16</v>
      </c>
      <c r="C67" s="10">
        <v>25</v>
      </c>
      <c r="D67" s="9">
        <v>41</v>
      </c>
    </row>
    <row r="68" spans="1:4" ht="18" customHeight="1" x14ac:dyDescent="0.2">
      <c r="A68" s="16">
        <v>52</v>
      </c>
      <c r="B68" s="29">
        <v>20</v>
      </c>
      <c r="C68" s="10">
        <v>23</v>
      </c>
      <c r="D68" s="9">
        <v>43</v>
      </c>
    </row>
    <row r="69" spans="1:4" ht="18" customHeight="1" x14ac:dyDescent="0.2">
      <c r="A69" s="16">
        <v>53</v>
      </c>
      <c r="B69" s="29">
        <v>21</v>
      </c>
      <c r="C69" s="10">
        <v>13</v>
      </c>
      <c r="D69" s="9">
        <v>34</v>
      </c>
    </row>
    <row r="70" spans="1:4" ht="18" customHeight="1" x14ac:dyDescent="0.2">
      <c r="A70" s="16">
        <v>54</v>
      </c>
      <c r="B70" s="29">
        <v>24</v>
      </c>
      <c r="C70" s="10">
        <v>18</v>
      </c>
      <c r="D70" s="9">
        <v>42</v>
      </c>
    </row>
    <row r="71" spans="1:4" ht="18" customHeight="1" x14ac:dyDescent="0.2">
      <c r="A71" s="8" t="s">
        <v>14</v>
      </c>
      <c r="B71" s="29">
        <v>106</v>
      </c>
      <c r="C71" s="10">
        <v>104</v>
      </c>
      <c r="D71" s="9">
        <v>210</v>
      </c>
    </row>
    <row r="72" spans="1:4" ht="18" customHeight="1" x14ac:dyDescent="0.2">
      <c r="A72" s="16">
        <v>55</v>
      </c>
      <c r="B72" s="29">
        <v>21</v>
      </c>
      <c r="C72" s="10">
        <v>18</v>
      </c>
      <c r="D72" s="9">
        <v>39</v>
      </c>
    </row>
    <row r="73" spans="1:4" ht="18" customHeight="1" x14ac:dyDescent="0.2">
      <c r="A73" s="16">
        <v>56</v>
      </c>
      <c r="B73" s="29">
        <v>26</v>
      </c>
      <c r="C73" s="10">
        <v>14</v>
      </c>
      <c r="D73" s="9">
        <v>40</v>
      </c>
    </row>
    <row r="74" spans="1:4" ht="18" customHeight="1" x14ac:dyDescent="0.2">
      <c r="A74" s="16">
        <v>57</v>
      </c>
      <c r="B74" s="29">
        <v>11</v>
      </c>
      <c r="C74" s="10">
        <v>16</v>
      </c>
      <c r="D74" s="9">
        <v>27</v>
      </c>
    </row>
    <row r="75" spans="1:4" ht="18" customHeight="1" x14ac:dyDescent="0.2">
      <c r="A75" s="16">
        <v>58</v>
      </c>
      <c r="B75" s="29">
        <v>23</v>
      </c>
      <c r="C75" s="10">
        <v>18</v>
      </c>
      <c r="D75" s="9">
        <v>41</v>
      </c>
    </row>
    <row r="76" spans="1:4" ht="18" customHeight="1" x14ac:dyDescent="0.2">
      <c r="A76" s="16">
        <v>59</v>
      </c>
      <c r="B76" s="29">
        <v>20</v>
      </c>
      <c r="C76" s="10">
        <v>27</v>
      </c>
      <c r="D76" s="9">
        <v>47</v>
      </c>
    </row>
    <row r="77" spans="1:4" ht="18" customHeight="1" x14ac:dyDescent="0.2">
      <c r="A77" s="8" t="s">
        <v>13</v>
      </c>
      <c r="B77" s="29">
        <v>101</v>
      </c>
      <c r="C77" s="10">
        <v>93</v>
      </c>
      <c r="D77" s="9">
        <v>194</v>
      </c>
    </row>
    <row r="78" spans="1:4" ht="18" customHeight="1" x14ac:dyDescent="0.2">
      <c r="A78" s="16">
        <v>60</v>
      </c>
      <c r="B78" s="29">
        <v>16</v>
      </c>
      <c r="C78" s="10">
        <v>19</v>
      </c>
      <c r="D78" s="9">
        <v>35</v>
      </c>
    </row>
    <row r="79" spans="1:4" ht="18" customHeight="1" x14ac:dyDescent="0.2">
      <c r="A79" s="16">
        <v>61</v>
      </c>
      <c r="B79" s="29">
        <v>18</v>
      </c>
      <c r="C79" s="10">
        <v>20</v>
      </c>
      <c r="D79" s="9">
        <v>38</v>
      </c>
    </row>
    <row r="80" spans="1:4" ht="18" customHeight="1" x14ac:dyDescent="0.2">
      <c r="A80" s="16">
        <v>62</v>
      </c>
      <c r="B80" s="29">
        <v>16</v>
      </c>
      <c r="C80" s="10">
        <v>23</v>
      </c>
      <c r="D80" s="9">
        <v>39</v>
      </c>
    </row>
    <row r="81" spans="1:4" ht="18" customHeight="1" x14ac:dyDescent="0.2">
      <c r="A81" s="16">
        <v>63</v>
      </c>
      <c r="B81" s="29">
        <v>21</v>
      </c>
      <c r="C81" s="10">
        <v>21</v>
      </c>
      <c r="D81" s="9">
        <v>42</v>
      </c>
    </row>
    <row r="82" spans="1:4" ht="18" customHeight="1" x14ac:dyDescent="0.2">
      <c r="A82" s="16">
        <v>64</v>
      </c>
      <c r="B82" s="29">
        <v>15</v>
      </c>
      <c r="C82" s="10">
        <v>16</v>
      </c>
      <c r="D82" s="9">
        <v>31</v>
      </c>
    </row>
    <row r="83" spans="1:4" ht="18" customHeight="1" x14ac:dyDescent="0.2">
      <c r="A83" s="8" t="s">
        <v>12</v>
      </c>
      <c r="B83" s="29">
        <v>86</v>
      </c>
      <c r="C83" s="10">
        <v>99</v>
      </c>
      <c r="D83" s="9">
        <v>185</v>
      </c>
    </row>
    <row r="84" spans="1:4" ht="18" customHeight="1" x14ac:dyDescent="0.2">
      <c r="A84" s="8" t="s">
        <v>11</v>
      </c>
      <c r="B84" s="29">
        <v>808</v>
      </c>
      <c r="C84" s="10">
        <v>715</v>
      </c>
      <c r="D84" s="9">
        <v>1523</v>
      </c>
    </row>
    <row r="85" spans="1:4" ht="18" customHeight="1" x14ac:dyDescent="0.2">
      <c r="A85" s="16">
        <v>65</v>
      </c>
      <c r="B85" s="29">
        <v>18</v>
      </c>
      <c r="C85" s="10">
        <v>24</v>
      </c>
      <c r="D85" s="9">
        <v>42</v>
      </c>
    </row>
    <row r="86" spans="1:4" ht="18" customHeight="1" x14ac:dyDescent="0.2">
      <c r="A86" s="16">
        <v>66</v>
      </c>
      <c r="B86" s="29">
        <v>26</v>
      </c>
      <c r="C86" s="10">
        <v>23</v>
      </c>
      <c r="D86" s="9">
        <v>49</v>
      </c>
    </row>
    <row r="87" spans="1:4" ht="18" customHeight="1" x14ac:dyDescent="0.2">
      <c r="A87" s="16">
        <v>67</v>
      </c>
      <c r="B87" s="29">
        <v>17</v>
      </c>
      <c r="C87" s="10">
        <v>28</v>
      </c>
      <c r="D87" s="9">
        <v>45</v>
      </c>
    </row>
    <row r="88" spans="1:4" ht="18" customHeight="1" x14ac:dyDescent="0.2">
      <c r="A88" s="16">
        <v>68</v>
      </c>
      <c r="B88" s="29">
        <v>17</v>
      </c>
      <c r="C88" s="10">
        <v>17</v>
      </c>
      <c r="D88" s="9">
        <v>34</v>
      </c>
    </row>
    <row r="89" spans="1:4" ht="18" customHeight="1" x14ac:dyDescent="0.2">
      <c r="A89" s="16">
        <v>69</v>
      </c>
      <c r="B89" s="29">
        <v>30</v>
      </c>
      <c r="C89" s="10">
        <v>29</v>
      </c>
      <c r="D89" s="9">
        <v>59</v>
      </c>
    </row>
    <row r="90" spans="1:4" ht="18" customHeight="1" x14ac:dyDescent="0.2">
      <c r="A90" s="8" t="s">
        <v>10</v>
      </c>
      <c r="B90" s="29">
        <v>108</v>
      </c>
      <c r="C90" s="10">
        <v>121</v>
      </c>
      <c r="D90" s="9">
        <v>229</v>
      </c>
    </row>
    <row r="91" spans="1:4" ht="18" customHeight="1" x14ac:dyDescent="0.2">
      <c r="A91" s="16">
        <v>70</v>
      </c>
      <c r="B91" s="29">
        <v>27</v>
      </c>
      <c r="C91" s="10">
        <v>30</v>
      </c>
      <c r="D91" s="9">
        <v>57</v>
      </c>
    </row>
    <row r="92" spans="1:4" ht="18" customHeight="1" x14ac:dyDescent="0.2">
      <c r="A92" s="16">
        <v>71</v>
      </c>
      <c r="B92" s="29">
        <v>29</v>
      </c>
      <c r="C92" s="10">
        <v>23</v>
      </c>
      <c r="D92" s="9">
        <v>52</v>
      </c>
    </row>
    <row r="93" spans="1:4" ht="18" customHeight="1" x14ac:dyDescent="0.2">
      <c r="A93" s="16">
        <v>72</v>
      </c>
      <c r="B93" s="29">
        <v>29</v>
      </c>
      <c r="C93" s="10">
        <v>16</v>
      </c>
      <c r="D93" s="9">
        <v>45</v>
      </c>
    </row>
    <row r="94" spans="1:4" ht="18" customHeight="1" x14ac:dyDescent="0.2">
      <c r="A94" s="16">
        <v>73</v>
      </c>
      <c r="B94" s="29">
        <v>20</v>
      </c>
      <c r="C94" s="10">
        <v>27</v>
      </c>
      <c r="D94" s="9">
        <v>47</v>
      </c>
    </row>
    <row r="95" spans="1:4" ht="18" customHeight="1" x14ac:dyDescent="0.2">
      <c r="A95" s="16">
        <v>74</v>
      </c>
      <c r="B95" s="29">
        <v>32</v>
      </c>
      <c r="C95" s="10">
        <v>37</v>
      </c>
      <c r="D95" s="9">
        <v>69</v>
      </c>
    </row>
    <row r="96" spans="1:4" ht="18" customHeight="1" x14ac:dyDescent="0.2">
      <c r="A96" s="8" t="s">
        <v>9</v>
      </c>
      <c r="B96" s="29">
        <v>137</v>
      </c>
      <c r="C96" s="10">
        <v>133</v>
      </c>
      <c r="D96" s="9">
        <v>270</v>
      </c>
    </row>
    <row r="97" spans="1:4" ht="18" customHeight="1" x14ac:dyDescent="0.2">
      <c r="A97" s="16">
        <v>75</v>
      </c>
      <c r="B97" s="29">
        <v>37</v>
      </c>
      <c r="C97" s="10">
        <v>26</v>
      </c>
      <c r="D97" s="9">
        <v>63</v>
      </c>
    </row>
    <row r="98" spans="1:4" ht="18" customHeight="1" x14ac:dyDescent="0.2">
      <c r="A98" s="16">
        <v>76</v>
      </c>
      <c r="B98" s="29">
        <v>29</v>
      </c>
      <c r="C98" s="10">
        <v>30</v>
      </c>
      <c r="D98" s="9">
        <v>59</v>
      </c>
    </row>
    <row r="99" spans="1:4" ht="18" customHeight="1" x14ac:dyDescent="0.2">
      <c r="A99" s="16">
        <v>77</v>
      </c>
      <c r="B99" s="29">
        <v>14</v>
      </c>
      <c r="C99" s="10">
        <v>12</v>
      </c>
      <c r="D99" s="9">
        <v>26</v>
      </c>
    </row>
    <row r="100" spans="1:4" ht="18" customHeight="1" x14ac:dyDescent="0.2">
      <c r="A100" s="16">
        <v>78</v>
      </c>
      <c r="B100" s="29">
        <v>21</v>
      </c>
      <c r="C100" s="10">
        <v>25</v>
      </c>
      <c r="D100" s="9">
        <v>46</v>
      </c>
    </row>
    <row r="101" spans="1:4" ht="18" customHeight="1" x14ac:dyDescent="0.2">
      <c r="A101" s="16">
        <v>79</v>
      </c>
      <c r="B101" s="29">
        <v>13</v>
      </c>
      <c r="C101" s="10">
        <v>24</v>
      </c>
      <c r="D101" s="9">
        <v>37</v>
      </c>
    </row>
    <row r="102" spans="1:4" ht="18" customHeight="1" x14ac:dyDescent="0.2">
      <c r="A102" s="8" t="s">
        <v>8</v>
      </c>
      <c r="B102" s="29">
        <v>114</v>
      </c>
      <c r="C102" s="10">
        <v>117</v>
      </c>
      <c r="D102" s="9">
        <v>231</v>
      </c>
    </row>
    <row r="103" spans="1:4" ht="18" customHeight="1" x14ac:dyDescent="0.2">
      <c r="A103" s="16">
        <v>80</v>
      </c>
      <c r="B103" s="29">
        <v>12</v>
      </c>
      <c r="C103" s="10">
        <v>15</v>
      </c>
      <c r="D103" s="9">
        <v>27</v>
      </c>
    </row>
    <row r="104" spans="1:4" ht="18" customHeight="1" x14ac:dyDescent="0.2">
      <c r="A104" s="16">
        <v>81</v>
      </c>
      <c r="B104" s="29">
        <v>17</v>
      </c>
      <c r="C104" s="10">
        <v>19</v>
      </c>
      <c r="D104" s="9">
        <v>36</v>
      </c>
    </row>
    <row r="105" spans="1:4" ht="18" customHeight="1" x14ac:dyDescent="0.2">
      <c r="A105" s="16">
        <v>82</v>
      </c>
      <c r="B105" s="29">
        <v>16</v>
      </c>
      <c r="C105" s="10">
        <v>16</v>
      </c>
      <c r="D105" s="9">
        <v>32</v>
      </c>
    </row>
    <row r="106" spans="1:4" ht="18" customHeight="1" x14ac:dyDescent="0.2">
      <c r="A106" s="16">
        <v>83</v>
      </c>
      <c r="B106" s="29">
        <v>15</v>
      </c>
      <c r="C106" s="10">
        <v>11</v>
      </c>
      <c r="D106" s="9">
        <v>26</v>
      </c>
    </row>
    <row r="107" spans="1:4" ht="18" customHeight="1" x14ac:dyDescent="0.2">
      <c r="A107" s="16">
        <v>84</v>
      </c>
      <c r="B107" s="29">
        <v>9</v>
      </c>
      <c r="C107" s="10">
        <v>17</v>
      </c>
      <c r="D107" s="9">
        <v>26</v>
      </c>
    </row>
    <row r="108" spans="1:4" ht="18" customHeight="1" x14ac:dyDescent="0.2">
      <c r="A108" s="8" t="s">
        <v>7</v>
      </c>
      <c r="B108" s="29">
        <v>69</v>
      </c>
      <c r="C108" s="10">
        <v>78</v>
      </c>
      <c r="D108" s="9">
        <v>147</v>
      </c>
    </row>
    <row r="109" spans="1:4" ht="18" customHeight="1" x14ac:dyDescent="0.2">
      <c r="A109" s="16">
        <v>85</v>
      </c>
      <c r="B109" s="29">
        <v>4</v>
      </c>
      <c r="C109" s="10">
        <v>12</v>
      </c>
      <c r="D109" s="9">
        <v>16</v>
      </c>
    </row>
    <row r="110" spans="1:4" ht="18" customHeight="1" x14ac:dyDescent="0.2">
      <c r="A110" s="16">
        <v>86</v>
      </c>
      <c r="B110" s="29">
        <v>9</v>
      </c>
      <c r="C110" s="10">
        <v>12</v>
      </c>
      <c r="D110" s="9">
        <v>21</v>
      </c>
    </row>
    <row r="111" spans="1:4" ht="18" customHeight="1" x14ac:dyDescent="0.2">
      <c r="A111" s="16">
        <v>87</v>
      </c>
      <c r="B111" s="29">
        <v>10</v>
      </c>
      <c r="C111" s="10">
        <v>12</v>
      </c>
      <c r="D111" s="9">
        <v>22</v>
      </c>
    </row>
    <row r="112" spans="1:4" ht="18" customHeight="1" x14ac:dyDescent="0.2">
      <c r="A112" s="16">
        <v>88</v>
      </c>
      <c r="B112" s="29">
        <v>3</v>
      </c>
      <c r="C112" s="10">
        <v>11</v>
      </c>
      <c r="D112" s="9">
        <v>14</v>
      </c>
    </row>
    <row r="113" spans="1:4" ht="18" customHeight="1" x14ac:dyDescent="0.2">
      <c r="A113" s="16">
        <v>89</v>
      </c>
      <c r="B113" s="29">
        <v>3</v>
      </c>
      <c r="C113" s="10">
        <v>6</v>
      </c>
      <c r="D113" s="9">
        <v>9</v>
      </c>
    </row>
    <row r="114" spans="1:4" ht="18" customHeight="1" x14ac:dyDescent="0.2">
      <c r="A114" s="8" t="s">
        <v>6</v>
      </c>
      <c r="B114" s="29">
        <v>29</v>
      </c>
      <c r="C114" s="10">
        <v>53</v>
      </c>
      <c r="D114" s="9">
        <v>82</v>
      </c>
    </row>
    <row r="115" spans="1:4" ht="18" customHeight="1" x14ac:dyDescent="0.2">
      <c r="A115" s="16">
        <v>90</v>
      </c>
      <c r="B115" s="29">
        <v>2</v>
      </c>
      <c r="C115" s="10">
        <v>14</v>
      </c>
      <c r="D115" s="9">
        <v>16</v>
      </c>
    </row>
    <row r="116" spans="1:4" ht="18" customHeight="1" x14ac:dyDescent="0.2">
      <c r="A116" s="16">
        <v>91</v>
      </c>
      <c r="B116" s="29">
        <v>2</v>
      </c>
      <c r="C116" s="10">
        <v>10</v>
      </c>
      <c r="D116" s="9">
        <v>12</v>
      </c>
    </row>
    <row r="117" spans="1:4" ht="18" customHeight="1" x14ac:dyDescent="0.2">
      <c r="A117" s="16">
        <v>92</v>
      </c>
      <c r="B117" s="29">
        <v>0</v>
      </c>
      <c r="C117" s="10">
        <v>8</v>
      </c>
      <c r="D117" s="9">
        <v>8</v>
      </c>
    </row>
    <row r="118" spans="1:4" ht="18" customHeight="1" x14ac:dyDescent="0.2">
      <c r="A118" s="16">
        <v>93</v>
      </c>
      <c r="B118" s="29">
        <v>2</v>
      </c>
      <c r="C118" s="10">
        <v>2</v>
      </c>
      <c r="D118" s="9">
        <v>4</v>
      </c>
    </row>
    <row r="119" spans="1:4" ht="18" customHeight="1" x14ac:dyDescent="0.2">
      <c r="A119" s="16">
        <v>94</v>
      </c>
      <c r="B119" s="29">
        <v>0</v>
      </c>
      <c r="C119" s="10">
        <v>3</v>
      </c>
      <c r="D119" s="9">
        <v>3</v>
      </c>
    </row>
    <row r="120" spans="1:4" ht="18" customHeight="1" x14ac:dyDescent="0.2">
      <c r="A120" s="8" t="s">
        <v>5</v>
      </c>
      <c r="B120" s="29">
        <v>6</v>
      </c>
      <c r="C120" s="10">
        <v>37</v>
      </c>
      <c r="D120" s="9">
        <v>43</v>
      </c>
    </row>
    <row r="121" spans="1:4" ht="18" customHeight="1" x14ac:dyDescent="0.2">
      <c r="A121" s="16">
        <v>95</v>
      </c>
      <c r="B121" s="29">
        <v>1</v>
      </c>
      <c r="C121" s="10">
        <v>5</v>
      </c>
      <c r="D121" s="9">
        <v>6</v>
      </c>
    </row>
    <row r="122" spans="1:4" ht="18" customHeight="1" x14ac:dyDescent="0.2">
      <c r="A122" s="16">
        <v>96</v>
      </c>
      <c r="B122" s="29">
        <v>1</v>
      </c>
      <c r="C122" s="10">
        <v>4</v>
      </c>
      <c r="D122" s="9">
        <v>5</v>
      </c>
    </row>
    <row r="123" spans="1:4" ht="18" customHeight="1" x14ac:dyDescent="0.2">
      <c r="A123" s="16">
        <v>97</v>
      </c>
      <c r="B123" s="29">
        <v>0</v>
      </c>
      <c r="C123" s="10">
        <v>2</v>
      </c>
      <c r="D123" s="9">
        <v>2</v>
      </c>
    </row>
    <row r="124" spans="1:4" ht="18" customHeight="1" x14ac:dyDescent="0.2">
      <c r="A124" s="16">
        <v>98</v>
      </c>
      <c r="B124" s="29">
        <v>0</v>
      </c>
      <c r="C124" s="10">
        <v>0</v>
      </c>
      <c r="D124" s="9">
        <v>0</v>
      </c>
    </row>
    <row r="125" spans="1:4" ht="18" customHeight="1" x14ac:dyDescent="0.2">
      <c r="A125" s="16">
        <v>99</v>
      </c>
      <c r="B125" s="29">
        <v>0</v>
      </c>
      <c r="C125" s="10">
        <v>2</v>
      </c>
      <c r="D125" s="9">
        <v>2</v>
      </c>
    </row>
    <row r="126" spans="1:4" ht="18" customHeight="1" x14ac:dyDescent="0.2">
      <c r="A126" s="8" t="s">
        <v>4</v>
      </c>
      <c r="B126" s="29">
        <v>2</v>
      </c>
      <c r="C126" s="10">
        <v>13</v>
      </c>
      <c r="D126" s="9">
        <v>15</v>
      </c>
    </row>
    <row r="127" spans="1:4" ht="18" customHeight="1" x14ac:dyDescent="0.2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2">
      <c r="A128" s="15" t="s">
        <v>3</v>
      </c>
      <c r="B128" s="29">
        <v>0</v>
      </c>
      <c r="C128" s="10">
        <v>1</v>
      </c>
      <c r="D128" s="9">
        <v>1</v>
      </c>
    </row>
    <row r="129" spans="1:4" ht="18" customHeight="1" x14ac:dyDescent="0.2">
      <c r="A129" s="8" t="s">
        <v>2</v>
      </c>
      <c r="B129" s="29">
        <v>0</v>
      </c>
      <c r="C129" s="10">
        <v>2</v>
      </c>
      <c r="D129" s="9">
        <v>2</v>
      </c>
    </row>
    <row r="130" spans="1:4" ht="18" customHeight="1" x14ac:dyDescent="0.2">
      <c r="A130" s="8" t="s">
        <v>1</v>
      </c>
      <c r="B130" s="28">
        <v>465</v>
      </c>
      <c r="C130" s="6">
        <v>554</v>
      </c>
      <c r="D130" s="5">
        <v>1019</v>
      </c>
    </row>
    <row r="131" spans="1:4" ht="18" customHeight="1" x14ac:dyDescent="0.2">
      <c r="A131" s="4" t="s">
        <v>0</v>
      </c>
      <c r="B131" s="27">
        <v>1404</v>
      </c>
      <c r="C131" s="2">
        <v>1400</v>
      </c>
      <c r="D131" s="1">
        <v>2804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F0E4AE-B6BF-44A9-83D4-709528ECAD07}">
  <sheetPr codeName="Sheet4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67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1</v>
      </c>
      <c r="C5" s="18">
        <v>12</v>
      </c>
      <c r="D5" s="17">
        <v>13</v>
      </c>
    </row>
    <row r="6" spans="1:4" ht="18" customHeight="1" x14ac:dyDescent="0.2">
      <c r="A6" s="16">
        <v>1</v>
      </c>
      <c r="B6" s="29">
        <v>6</v>
      </c>
      <c r="C6" s="10">
        <v>14</v>
      </c>
      <c r="D6" s="9">
        <v>20</v>
      </c>
    </row>
    <row r="7" spans="1:4" ht="18" customHeight="1" x14ac:dyDescent="0.2">
      <c r="A7" s="16">
        <v>2</v>
      </c>
      <c r="B7" s="29">
        <v>11</v>
      </c>
      <c r="C7" s="10">
        <v>10</v>
      </c>
      <c r="D7" s="9">
        <v>21</v>
      </c>
    </row>
    <row r="8" spans="1:4" ht="18" customHeight="1" x14ac:dyDescent="0.2">
      <c r="A8" s="16">
        <v>3</v>
      </c>
      <c r="B8" s="29">
        <v>9</v>
      </c>
      <c r="C8" s="10">
        <v>9</v>
      </c>
      <c r="D8" s="9">
        <v>18</v>
      </c>
    </row>
    <row r="9" spans="1:4" ht="18" customHeight="1" x14ac:dyDescent="0.2">
      <c r="A9" s="16">
        <v>4</v>
      </c>
      <c r="B9" s="29">
        <v>10</v>
      </c>
      <c r="C9" s="10">
        <v>17</v>
      </c>
      <c r="D9" s="9">
        <v>27</v>
      </c>
    </row>
    <row r="10" spans="1:4" ht="18" customHeight="1" x14ac:dyDescent="0.2">
      <c r="A10" s="8" t="s">
        <v>25</v>
      </c>
      <c r="B10" s="29">
        <v>37</v>
      </c>
      <c r="C10" s="10">
        <v>62</v>
      </c>
      <c r="D10" s="9">
        <v>99</v>
      </c>
    </row>
    <row r="11" spans="1:4" ht="18" customHeight="1" x14ac:dyDescent="0.2">
      <c r="A11" s="16">
        <v>5</v>
      </c>
      <c r="B11" s="29">
        <v>12</v>
      </c>
      <c r="C11" s="10">
        <v>14</v>
      </c>
      <c r="D11" s="9">
        <v>26</v>
      </c>
    </row>
    <row r="12" spans="1:4" ht="18" customHeight="1" x14ac:dyDescent="0.2">
      <c r="A12" s="16">
        <v>6</v>
      </c>
      <c r="B12" s="29">
        <v>14</v>
      </c>
      <c r="C12" s="10">
        <v>9</v>
      </c>
      <c r="D12" s="9">
        <v>23</v>
      </c>
    </row>
    <row r="13" spans="1:4" ht="18" customHeight="1" x14ac:dyDescent="0.2">
      <c r="A13" s="16">
        <v>7</v>
      </c>
      <c r="B13" s="29">
        <v>8</v>
      </c>
      <c r="C13" s="10">
        <v>2</v>
      </c>
      <c r="D13" s="9">
        <v>10</v>
      </c>
    </row>
    <row r="14" spans="1:4" ht="18" customHeight="1" x14ac:dyDescent="0.2">
      <c r="A14" s="16">
        <v>8</v>
      </c>
      <c r="B14" s="29">
        <v>16</v>
      </c>
      <c r="C14" s="10">
        <v>13</v>
      </c>
      <c r="D14" s="9">
        <v>29</v>
      </c>
    </row>
    <row r="15" spans="1:4" ht="18" customHeight="1" x14ac:dyDescent="0.2">
      <c r="A15" s="16">
        <v>9</v>
      </c>
      <c r="B15" s="29">
        <v>11</v>
      </c>
      <c r="C15" s="10">
        <v>23</v>
      </c>
      <c r="D15" s="9">
        <v>34</v>
      </c>
    </row>
    <row r="16" spans="1:4" ht="18" customHeight="1" x14ac:dyDescent="0.2">
      <c r="A16" s="8" t="s">
        <v>24</v>
      </c>
      <c r="B16" s="29">
        <v>61</v>
      </c>
      <c r="C16" s="10">
        <v>61</v>
      </c>
      <c r="D16" s="9">
        <v>122</v>
      </c>
    </row>
    <row r="17" spans="1:4" ht="18" customHeight="1" x14ac:dyDescent="0.2">
      <c r="A17" s="16">
        <v>10</v>
      </c>
      <c r="B17" s="29">
        <v>11</v>
      </c>
      <c r="C17" s="10">
        <v>9</v>
      </c>
      <c r="D17" s="9">
        <v>20</v>
      </c>
    </row>
    <row r="18" spans="1:4" ht="18" customHeight="1" x14ac:dyDescent="0.2">
      <c r="A18" s="16">
        <v>11</v>
      </c>
      <c r="B18" s="29">
        <v>23</v>
      </c>
      <c r="C18" s="10">
        <v>18</v>
      </c>
      <c r="D18" s="9">
        <v>41</v>
      </c>
    </row>
    <row r="19" spans="1:4" ht="18" customHeight="1" x14ac:dyDescent="0.2">
      <c r="A19" s="16">
        <v>12</v>
      </c>
      <c r="B19" s="29">
        <v>19</v>
      </c>
      <c r="C19" s="10">
        <v>11</v>
      </c>
      <c r="D19" s="9">
        <v>30</v>
      </c>
    </row>
    <row r="20" spans="1:4" ht="18" customHeight="1" x14ac:dyDescent="0.2">
      <c r="A20" s="16">
        <v>13</v>
      </c>
      <c r="B20" s="29">
        <v>14</v>
      </c>
      <c r="C20" s="10">
        <v>18</v>
      </c>
      <c r="D20" s="9">
        <v>32</v>
      </c>
    </row>
    <row r="21" spans="1:4" ht="18" customHeight="1" x14ac:dyDescent="0.2">
      <c r="A21" s="16">
        <v>14</v>
      </c>
      <c r="B21" s="29">
        <v>25</v>
      </c>
      <c r="C21" s="10">
        <v>21</v>
      </c>
      <c r="D21" s="9">
        <v>46</v>
      </c>
    </row>
    <row r="22" spans="1:4" ht="18" customHeight="1" x14ac:dyDescent="0.2">
      <c r="A22" s="8" t="s">
        <v>23</v>
      </c>
      <c r="B22" s="29">
        <v>92</v>
      </c>
      <c r="C22" s="10">
        <v>77</v>
      </c>
      <c r="D22" s="9">
        <v>169</v>
      </c>
    </row>
    <row r="23" spans="1:4" ht="18" customHeight="1" x14ac:dyDescent="0.2">
      <c r="A23" s="8" t="s">
        <v>22</v>
      </c>
      <c r="B23" s="29">
        <v>190</v>
      </c>
      <c r="C23" s="10">
        <v>200</v>
      </c>
      <c r="D23" s="9">
        <v>390</v>
      </c>
    </row>
    <row r="24" spans="1:4" ht="18" customHeight="1" x14ac:dyDescent="0.2">
      <c r="A24" s="16">
        <v>15</v>
      </c>
      <c r="B24" s="29">
        <v>17</v>
      </c>
      <c r="C24" s="10">
        <v>23</v>
      </c>
      <c r="D24" s="9">
        <v>40</v>
      </c>
    </row>
    <row r="25" spans="1:4" ht="18" customHeight="1" x14ac:dyDescent="0.2">
      <c r="A25" s="16">
        <v>16</v>
      </c>
      <c r="B25" s="29">
        <v>11</v>
      </c>
      <c r="C25" s="10">
        <v>15</v>
      </c>
      <c r="D25" s="9">
        <v>26</v>
      </c>
    </row>
    <row r="26" spans="1:4" ht="18" customHeight="1" x14ac:dyDescent="0.2">
      <c r="A26" s="16">
        <v>17</v>
      </c>
      <c r="B26" s="29">
        <v>9</v>
      </c>
      <c r="C26" s="10">
        <v>15</v>
      </c>
      <c r="D26" s="9">
        <v>24</v>
      </c>
    </row>
    <row r="27" spans="1:4" ht="18" customHeight="1" x14ac:dyDescent="0.2">
      <c r="A27" s="16">
        <v>18</v>
      </c>
      <c r="B27" s="29">
        <v>14</v>
      </c>
      <c r="C27" s="10">
        <v>15</v>
      </c>
      <c r="D27" s="9">
        <v>29</v>
      </c>
    </row>
    <row r="28" spans="1:4" ht="18" customHeight="1" x14ac:dyDescent="0.2">
      <c r="A28" s="16">
        <v>19</v>
      </c>
      <c r="B28" s="29">
        <v>12</v>
      </c>
      <c r="C28" s="10">
        <v>11</v>
      </c>
      <c r="D28" s="9">
        <v>23</v>
      </c>
    </row>
    <row r="29" spans="1:4" ht="18" customHeight="1" x14ac:dyDescent="0.2">
      <c r="A29" s="8" t="s">
        <v>21</v>
      </c>
      <c r="B29" s="29">
        <v>63</v>
      </c>
      <c r="C29" s="10">
        <v>79</v>
      </c>
      <c r="D29" s="9">
        <v>142</v>
      </c>
    </row>
    <row r="30" spans="1:4" ht="18" customHeight="1" x14ac:dyDescent="0.2">
      <c r="A30" s="16">
        <v>20</v>
      </c>
      <c r="B30" s="29">
        <v>23</v>
      </c>
      <c r="C30" s="10">
        <v>13</v>
      </c>
      <c r="D30" s="9">
        <v>36</v>
      </c>
    </row>
    <row r="31" spans="1:4" ht="18" customHeight="1" x14ac:dyDescent="0.2">
      <c r="A31" s="16">
        <v>21</v>
      </c>
      <c r="B31" s="29">
        <v>17</v>
      </c>
      <c r="C31" s="10">
        <v>19</v>
      </c>
      <c r="D31" s="9">
        <v>36</v>
      </c>
    </row>
    <row r="32" spans="1:4" ht="18" customHeight="1" x14ac:dyDescent="0.2">
      <c r="A32" s="16">
        <v>22</v>
      </c>
      <c r="B32" s="29">
        <v>14</v>
      </c>
      <c r="C32" s="10">
        <v>12</v>
      </c>
      <c r="D32" s="9">
        <v>26</v>
      </c>
    </row>
    <row r="33" spans="1:4" ht="18" customHeight="1" x14ac:dyDescent="0.2">
      <c r="A33" s="16">
        <v>23</v>
      </c>
      <c r="B33" s="29">
        <v>12</v>
      </c>
      <c r="C33" s="10">
        <v>7</v>
      </c>
      <c r="D33" s="9">
        <v>19</v>
      </c>
    </row>
    <row r="34" spans="1:4" ht="18" customHeight="1" x14ac:dyDescent="0.2">
      <c r="A34" s="16">
        <v>24</v>
      </c>
      <c r="B34" s="29">
        <v>16</v>
      </c>
      <c r="C34" s="10">
        <v>9</v>
      </c>
      <c r="D34" s="9">
        <v>25</v>
      </c>
    </row>
    <row r="35" spans="1:4" ht="18" customHeight="1" x14ac:dyDescent="0.2">
      <c r="A35" s="8" t="s">
        <v>20</v>
      </c>
      <c r="B35" s="29">
        <v>82</v>
      </c>
      <c r="C35" s="10">
        <v>60</v>
      </c>
      <c r="D35" s="9">
        <v>142</v>
      </c>
    </row>
    <row r="36" spans="1:4" ht="18" customHeight="1" x14ac:dyDescent="0.2">
      <c r="A36" s="16">
        <v>25</v>
      </c>
      <c r="B36" s="29">
        <v>10</v>
      </c>
      <c r="C36" s="10">
        <v>6</v>
      </c>
      <c r="D36" s="9">
        <v>16</v>
      </c>
    </row>
    <row r="37" spans="1:4" ht="18" customHeight="1" x14ac:dyDescent="0.2">
      <c r="A37" s="16">
        <v>26</v>
      </c>
      <c r="B37" s="29">
        <v>11</v>
      </c>
      <c r="C37" s="10">
        <v>10</v>
      </c>
      <c r="D37" s="9">
        <v>21</v>
      </c>
    </row>
    <row r="38" spans="1:4" ht="18" customHeight="1" x14ac:dyDescent="0.2">
      <c r="A38" s="16">
        <v>27</v>
      </c>
      <c r="B38" s="29">
        <v>10</v>
      </c>
      <c r="C38" s="10">
        <v>10</v>
      </c>
      <c r="D38" s="9">
        <v>20</v>
      </c>
    </row>
    <row r="39" spans="1:4" ht="18" customHeight="1" x14ac:dyDescent="0.2">
      <c r="A39" s="16">
        <v>28</v>
      </c>
      <c r="B39" s="29">
        <v>11</v>
      </c>
      <c r="C39" s="10">
        <v>12</v>
      </c>
      <c r="D39" s="9">
        <v>23</v>
      </c>
    </row>
    <row r="40" spans="1:4" ht="18" customHeight="1" x14ac:dyDescent="0.2">
      <c r="A40" s="16">
        <v>29</v>
      </c>
      <c r="B40" s="29">
        <v>7</v>
      </c>
      <c r="C40" s="10">
        <v>10</v>
      </c>
      <c r="D40" s="9">
        <v>17</v>
      </c>
    </row>
    <row r="41" spans="1:4" ht="18" customHeight="1" x14ac:dyDescent="0.2">
      <c r="A41" s="8" t="s">
        <v>19</v>
      </c>
      <c r="B41" s="29">
        <v>49</v>
      </c>
      <c r="C41" s="10">
        <v>48</v>
      </c>
      <c r="D41" s="9">
        <v>97</v>
      </c>
    </row>
    <row r="42" spans="1:4" ht="18" customHeight="1" x14ac:dyDescent="0.2">
      <c r="A42" s="16">
        <v>30</v>
      </c>
      <c r="B42" s="29">
        <v>9</v>
      </c>
      <c r="C42" s="10">
        <v>12</v>
      </c>
      <c r="D42" s="9">
        <v>21</v>
      </c>
    </row>
    <row r="43" spans="1:4" ht="18" customHeight="1" x14ac:dyDescent="0.2">
      <c r="A43" s="16">
        <v>31</v>
      </c>
      <c r="B43" s="29">
        <v>14</v>
      </c>
      <c r="C43" s="10">
        <v>9</v>
      </c>
      <c r="D43" s="9">
        <v>23</v>
      </c>
    </row>
    <row r="44" spans="1:4" ht="18" customHeight="1" x14ac:dyDescent="0.2">
      <c r="A44" s="16">
        <v>32</v>
      </c>
      <c r="B44" s="29">
        <v>15</v>
      </c>
      <c r="C44" s="10">
        <v>16</v>
      </c>
      <c r="D44" s="9">
        <v>31</v>
      </c>
    </row>
    <row r="45" spans="1:4" ht="18" customHeight="1" x14ac:dyDescent="0.2">
      <c r="A45" s="16">
        <v>33</v>
      </c>
      <c r="B45" s="29">
        <v>9</v>
      </c>
      <c r="C45" s="10">
        <v>14</v>
      </c>
      <c r="D45" s="9">
        <v>23</v>
      </c>
    </row>
    <row r="46" spans="1:4" ht="18" customHeight="1" x14ac:dyDescent="0.2">
      <c r="A46" s="16">
        <v>34</v>
      </c>
      <c r="B46" s="29">
        <v>11</v>
      </c>
      <c r="C46" s="10">
        <v>8</v>
      </c>
      <c r="D46" s="9">
        <v>19</v>
      </c>
    </row>
    <row r="47" spans="1:4" ht="18" customHeight="1" x14ac:dyDescent="0.2">
      <c r="A47" s="8" t="s">
        <v>18</v>
      </c>
      <c r="B47" s="29">
        <v>58</v>
      </c>
      <c r="C47" s="10">
        <v>59</v>
      </c>
      <c r="D47" s="9">
        <v>117</v>
      </c>
    </row>
    <row r="48" spans="1:4" ht="18" customHeight="1" x14ac:dyDescent="0.2">
      <c r="A48" s="16">
        <v>35</v>
      </c>
      <c r="B48" s="29">
        <v>14</v>
      </c>
      <c r="C48" s="10">
        <v>10</v>
      </c>
      <c r="D48" s="9">
        <v>24</v>
      </c>
    </row>
    <row r="49" spans="1:4" ht="18" customHeight="1" x14ac:dyDescent="0.2">
      <c r="A49" s="16">
        <v>36</v>
      </c>
      <c r="B49" s="29">
        <v>8</v>
      </c>
      <c r="C49" s="10">
        <v>9</v>
      </c>
      <c r="D49" s="9">
        <v>17</v>
      </c>
    </row>
    <row r="50" spans="1:4" ht="18" customHeight="1" x14ac:dyDescent="0.2">
      <c r="A50" s="16">
        <v>37</v>
      </c>
      <c r="B50" s="29">
        <v>17</v>
      </c>
      <c r="C50" s="10">
        <v>17</v>
      </c>
      <c r="D50" s="9">
        <v>34</v>
      </c>
    </row>
    <row r="51" spans="1:4" ht="18" customHeight="1" x14ac:dyDescent="0.2">
      <c r="A51" s="16">
        <v>38</v>
      </c>
      <c r="B51" s="29">
        <v>15</v>
      </c>
      <c r="C51" s="10">
        <v>14</v>
      </c>
      <c r="D51" s="9">
        <v>29</v>
      </c>
    </row>
    <row r="52" spans="1:4" ht="18" customHeight="1" x14ac:dyDescent="0.2">
      <c r="A52" s="16">
        <v>39</v>
      </c>
      <c r="B52" s="29">
        <v>18</v>
      </c>
      <c r="C52" s="10">
        <v>16</v>
      </c>
      <c r="D52" s="9">
        <v>34</v>
      </c>
    </row>
    <row r="53" spans="1:4" ht="18" customHeight="1" x14ac:dyDescent="0.2">
      <c r="A53" s="8" t="s">
        <v>17</v>
      </c>
      <c r="B53" s="29">
        <v>72</v>
      </c>
      <c r="C53" s="10">
        <v>66</v>
      </c>
      <c r="D53" s="9">
        <v>138</v>
      </c>
    </row>
    <row r="54" spans="1:4" ht="18" customHeight="1" x14ac:dyDescent="0.2">
      <c r="A54" s="16">
        <v>40</v>
      </c>
      <c r="B54" s="29">
        <v>14</v>
      </c>
      <c r="C54" s="10">
        <v>14</v>
      </c>
      <c r="D54" s="9">
        <v>28</v>
      </c>
    </row>
    <row r="55" spans="1:4" ht="18" customHeight="1" x14ac:dyDescent="0.2">
      <c r="A55" s="16">
        <v>41</v>
      </c>
      <c r="B55" s="29">
        <v>13</v>
      </c>
      <c r="C55" s="10">
        <v>13</v>
      </c>
      <c r="D55" s="9">
        <v>26</v>
      </c>
    </row>
    <row r="56" spans="1:4" ht="18" customHeight="1" x14ac:dyDescent="0.2">
      <c r="A56" s="16">
        <v>42</v>
      </c>
      <c r="B56" s="29">
        <v>20</v>
      </c>
      <c r="C56" s="10">
        <v>17</v>
      </c>
      <c r="D56" s="9">
        <v>37</v>
      </c>
    </row>
    <row r="57" spans="1:4" ht="18" customHeight="1" x14ac:dyDescent="0.2">
      <c r="A57" s="16">
        <v>43</v>
      </c>
      <c r="B57" s="29">
        <v>14</v>
      </c>
      <c r="C57" s="10">
        <v>18</v>
      </c>
      <c r="D57" s="9">
        <v>32</v>
      </c>
    </row>
    <row r="58" spans="1:4" ht="18" customHeight="1" x14ac:dyDescent="0.2">
      <c r="A58" s="16">
        <v>44</v>
      </c>
      <c r="B58" s="29">
        <v>15</v>
      </c>
      <c r="C58" s="10">
        <v>25</v>
      </c>
      <c r="D58" s="9">
        <v>40</v>
      </c>
    </row>
    <row r="59" spans="1:4" ht="18" customHeight="1" x14ac:dyDescent="0.2">
      <c r="A59" s="8" t="s">
        <v>16</v>
      </c>
      <c r="B59" s="29">
        <v>76</v>
      </c>
      <c r="C59" s="10">
        <v>87</v>
      </c>
      <c r="D59" s="9">
        <v>163</v>
      </c>
    </row>
    <row r="60" spans="1:4" ht="18" customHeight="1" x14ac:dyDescent="0.2">
      <c r="A60" s="16">
        <v>45</v>
      </c>
      <c r="B60" s="29">
        <v>27</v>
      </c>
      <c r="C60" s="10">
        <v>29</v>
      </c>
      <c r="D60" s="9">
        <v>56</v>
      </c>
    </row>
    <row r="61" spans="1:4" ht="18" customHeight="1" x14ac:dyDescent="0.2">
      <c r="A61" s="16">
        <v>46</v>
      </c>
      <c r="B61" s="29">
        <v>24</v>
      </c>
      <c r="C61" s="10">
        <v>22</v>
      </c>
      <c r="D61" s="9">
        <v>46</v>
      </c>
    </row>
    <row r="62" spans="1:4" ht="18" customHeight="1" x14ac:dyDescent="0.2">
      <c r="A62" s="16">
        <v>47</v>
      </c>
      <c r="B62" s="29">
        <v>28</v>
      </c>
      <c r="C62" s="10">
        <v>23</v>
      </c>
      <c r="D62" s="9">
        <v>51</v>
      </c>
    </row>
    <row r="63" spans="1:4" ht="18" customHeight="1" x14ac:dyDescent="0.2">
      <c r="A63" s="16">
        <v>48</v>
      </c>
      <c r="B63" s="29">
        <v>29</v>
      </c>
      <c r="C63" s="10">
        <v>20</v>
      </c>
      <c r="D63" s="9">
        <v>49</v>
      </c>
    </row>
    <row r="64" spans="1:4" ht="18" customHeight="1" x14ac:dyDescent="0.2">
      <c r="A64" s="16">
        <v>49</v>
      </c>
      <c r="B64" s="29">
        <v>24</v>
      </c>
      <c r="C64" s="10">
        <v>28</v>
      </c>
      <c r="D64" s="9">
        <v>52</v>
      </c>
    </row>
    <row r="65" spans="1:4" ht="18" customHeight="1" x14ac:dyDescent="0.2">
      <c r="A65" s="8" t="s">
        <v>15</v>
      </c>
      <c r="B65" s="29">
        <v>132</v>
      </c>
      <c r="C65" s="10">
        <v>122</v>
      </c>
      <c r="D65" s="9">
        <v>254</v>
      </c>
    </row>
    <row r="66" spans="1:4" ht="18" customHeight="1" x14ac:dyDescent="0.2">
      <c r="A66" s="16">
        <v>50</v>
      </c>
      <c r="B66" s="29">
        <v>33</v>
      </c>
      <c r="C66" s="10">
        <v>29</v>
      </c>
      <c r="D66" s="9">
        <v>62</v>
      </c>
    </row>
    <row r="67" spans="1:4" ht="18" customHeight="1" x14ac:dyDescent="0.2">
      <c r="A67" s="16">
        <v>51</v>
      </c>
      <c r="B67" s="29">
        <v>37</v>
      </c>
      <c r="C67" s="10">
        <v>20</v>
      </c>
      <c r="D67" s="9">
        <v>57</v>
      </c>
    </row>
    <row r="68" spans="1:4" ht="18" customHeight="1" x14ac:dyDescent="0.2">
      <c r="A68" s="16">
        <v>52</v>
      </c>
      <c r="B68" s="29">
        <v>37</v>
      </c>
      <c r="C68" s="10">
        <v>30</v>
      </c>
      <c r="D68" s="9">
        <v>67</v>
      </c>
    </row>
    <row r="69" spans="1:4" ht="18" customHeight="1" x14ac:dyDescent="0.2">
      <c r="A69" s="16">
        <v>53</v>
      </c>
      <c r="B69" s="29">
        <v>24</v>
      </c>
      <c r="C69" s="10">
        <v>24</v>
      </c>
      <c r="D69" s="9">
        <v>48</v>
      </c>
    </row>
    <row r="70" spans="1:4" ht="18" customHeight="1" x14ac:dyDescent="0.2">
      <c r="A70" s="16">
        <v>54</v>
      </c>
      <c r="B70" s="29">
        <v>28</v>
      </c>
      <c r="C70" s="10">
        <v>22</v>
      </c>
      <c r="D70" s="9">
        <v>50</v>
      </c>
    </row>
    <row r="71" spans="1:4" ht="18" customHeight="1" x14ac:dyDescent="0.2">
      <c r="A71" s="8" t="s">
        <v>14</v>
      </c>
      <c r="B71" s="29">
        <v>159</v>
      </c>
      <c r="C71" s="10">
        <v>125</v>
      </c>
      <c r="D71" s="9">
        <v>284</v>
      </c>
    </row>
    <row r="72" spans="1:4" ht="18" customHeight="1" x14ac:dyDescent="0.2">
      <c r="A72" s="16">
        <v>55</v>
      </c>
      <c r="B72" s="29">
        <v>33</v>
      </c>
      <c r="C72" s="10">
        <v>27</v>
      </c>
      <c r="D72" s="9">
        <v>60</v>
      </c>
    </row>
    <row r="73" spans="1:4" ht="18" customHeight="1" x14ac:dyDescent="0.2">
      <c r="A73" s="16">
        <v>56</v>
      </c>
      <c r="B73" s="29">
        <v>15</v>
      </c>
      <c r="C73" s="10">
        <v>11</v>
      </c>
      <c r="D73" s="9">
        <v>26</v>
      </c>
    </row>
    <row r="74" spans="1:4" ht="18" customHeight="1" x14ac:dyDescent="0.2">
      <c r="A74" s="16">
        <v>57</v>
      </c>
      <c r="B74" s="29">
        <v>20</v>
      </c>
      <c r="C74" s="10">
        <v>22</v>
      </c>
      <c r="D74" s="9">
        <v>42</v>
      </c>
    </row>
    <row r="75" spans="1:4" ht="18" customHeight="1" x14ac:dyDescent="0.2">
      <c r="A75" s="16">
        <v>58</v>
      </c>
      <c r="B75" s="29">
        <v>12</v>
      </c>
      <c r="C75" s="10">
        <v>19</v>
      </c>
      <c r="D75" s="9">
        <v>31</v>
      </c>
    </row>
    <row r="76" spans="1:4" ht="18" customHeight="1" x14ac:dyDescent="0.2">
      <c r="A76" s="16">
        <v>59</v>
      </c>
      <c r="B76" s="29">
        <v>12</v>
      </c>
      <c r="C76" s="10">
        <v>16</v>
      </c>
      <c r="D76" s="9">
        <v>28</v>
      </c>
    </row>
    <row r="77" spans="1:4" ht="18" customHeight="1" x14ac:dyDescent="0.2">
      <c r="A77" s="8" t="s">
        <v>13</v>
      </c>
      <c r="B77" s="29">
        <v>92</v>
      </c>
      <c r="C77" s="10">
        <v>95</v>
      </c>
      <c r="D77" s="9">
        <v>187</v>
      </c>
    </row>
    <row r="78" spans="1:4" ht="18" customHeight="1" x14ac:dyDescent="0.2">
      <c r="A78" s="16">
        <v>60</v>
      </c>
      <c r="B78" s="29">
        <v>19</v>
      </c>
      <c r="C78" s="10">
        <v>8</v>
      </c>
      <c r="D78" s="9">
        <v>27</v>
      </c>
    </row>
    <row r="79" spans="1:4" ht="18" customHeight="1" x14ac:dyDescent="0.2">
      <c r="A79" s="16">
        <v>61</v>
      </c>
      <c r="B79" s="29">
        <v>11</v>
      </c>
      <c r="C79" s="10">
        <v>10</v>
      </c>
      <c r="D79" s="9">
        <v>21</v>
      </c>
    </row>
    <row r="80" spans="1:4" ht="18" customHeight="1" x14ac:dyDescent="0.2">
      <c r="A80" s="16">
        <v>62</v>
      </c>
      <c r="B80" s="29">
        <v>11</v>
      </c>
      <c r="C80" s="10">
        <v>12</v>
      </c>
      <c r="D80" s="9">
        <v>23</v>
      </c>
    </row>
    <row r="81" spans="1:4" ht="18" customHeight="1" x14ac:dyDescent="0.2">
      <c r="A81" s="16">
        <v>63</v>
      </c>
      <c r="B81" s="29">
        <v>12</v>
      </c>
      <c r="C81" s="10">
        <v>10</v>
      </c>
      <c r="D81" s="9">
        <v>22</v>
      </c>
    </row>
    <row r="82" spans="1:4" ht="18" customHeight="1" x14ac:dyDescent="0.2">
      <c r="A82" s="16">
        <v>64</v>
      </c>
      <c r="B82" s="29">
        <v>10</v>
      </c>
      <c r="C82" s="10">
        <v>15</v>
      </c>
      <c r="D82" s="9">
        <v>25</v>
      </c>
    </row>
    <row r="83" spans="1:4" ht="18" customHeight="1" x14ac:dyDescent="0.2">
      <c r="A83" s="8" t="s">
        <v>12</v>
      </c>
      <c r="B83" s="29">
        <v>63</v>
      </c>
      <c r="C83" s="10">
        <v>55</v>
      </c>
      <c r="D83" s="9">
        <v>118</v>
      </c>
    </row>
    <row r="84" spans="1:4" ht="18" customHeight="1" x14ac:dyDescent="0.2">
      <c r="A84" s="8" t="s">
        <v>11</v>
      </c>
      <c r="B84" s="29">
        <v>846</v>
      </c>
      <c r="C84" s="10">
        <v>796</v>
      </c>
      <c r="D84" s="9">
        <v>1642</v>
      </c>
    </row>
    <row r="85" spans="1:4" ht="18" customHeight="1" x14ac:dyDescent="0.2">
      <c r="A85" s="16">
        <v>65</v>
      </c>
      <c r="B85" s="29">
        <v>11</v>
      </c>
      <c r="C85" s="10">
        <v>15</v>
      </c>
      <c r="D85" s="9">
        <v>26</v>
      </c>
    </row>
    <row r="86" spans="1:4" ht="18" customHeight="1" x14ac:dyDescent="0.2">
      <c r="A86" s="16">
        <v>66</v>
      </c>
      <c r="B86" s="29">
        <v>9</v>
      </c>
      <c r="C86" s="10">
        <v>14</v>
      </c>
      <c r="D86" s="9">
        <v>23</v>
      </c>
    </row>
    <row r="87" spans="1:4" ht="18" customHeight="1" x14ac:dyDescent="0.2">
      <c r="A87" s="16">
        <v>67</v>
      </c>
      <c r="B87" s="29">
        <v>6</v>
      </c>
      <c r="C87" s="10">
        <v>16</v>
      </c>
      <c r="D87" s="9">
        <v>22</v>
      </c>
    </row>
    <row r="88" spans="1:4" ht="18" customHeight="1" x14ac:dyDescent="0.2">
      <c r="A88" s="16">
        <v>68</v>
      </c>
      <c r="B88" s="29">
        <v>18</v>
      </c>
      <c r="C88" s="10">
        <v>23</v>
      </c>
      <c r="D88" s="9">
        <v>41</v>
      </c>
    </row>
    <row r="89" spans="1:4" ht="18" customHeight="1" x14ac:dyDescent="0.2">
      <c r="A89" s="16">
        <v>69</v>
      </c>
      <c r="B89" s="29">
        <v>13</v>
      </c>
      <c r="C89" s="10">
        <v>26</v>
      </c>
      <c r="D89" s="9">
        <v>39</v>
      </c>
    </row>
    <row r="90" spans="1:4" ht="18" customHeight="1" x14ac:dyDescent="0.2">
      <c r="A90" s="8" t="s">
        <v>10</v>
      </c>
      <c r="B90" s="29">
        <v>57</v>
      </c>
      <c r="C90" s="10">
        <v>94</v>
      </c>
      <c r="D90" s="9">
        <v>151</v>
      </c>
    </row>
    <row r="91" spans="1:4" ht="18" customHeight="1" x14ac:dyDescent="0.2">
      <c r="A91" s="16">
        <v>70</v>
      </c>
      <c r="B91" s="29">
        <v>24</v>
      </c>
      <c r="C91" s="10">
        <v>14</v>
      </c>
      <c r="D91" s="9">
        <v>38</v>
      </c>
    </row>
    <row r="92" spans="1:4" ht="18" customHeight="1" x14ac:dyDescent="0.2">
      <c r="A92" s="16">
        <v>71</v>
      </c>
      <c r="B92" s="29">
        <v>22</v>
      </c>
      <c r="C92" s="10">
        <v>18</v>
      </c>
      <c r="D92" s="9">
        <v>40</v>
      </c>
    </row>
    <row r="93" spans="1:4" ht="18" customHeight="1" x14ac:dyDescent="0.2">
      <c r="A93" s="16">
        <v>72</v>
      </c>
      <c r="B93" s="29">
        <v>20</v>
      </c>
      <c r="C93" s="10">
        <v>16</v>
      </c>
      <c r="D93" s="9">
        <v>36</v>
      </c>
    </row>
    <row r="94" spans="1:4" ht="18" customHeight="1" x14ac:dyDescent="0.2">
      <c r="A94" s="16">
        <v>73</v>
      </c>
      <c r="B94" s="29">
        <v>12</v>
      </c>
      <c r="C94" s="10">
        <v>28</v>
      </c>
      <c r="D94" s="9">
        <v>40</v>
      </c>
    </row>
    <row r="95" spans="1:4" ht="18" customHeight="1" x14ac:dyDescent="0.2">
      <c r="A95" s="16">
        <v>74</v>
      </c>
      <c r="B95" s="29">
        <v>18</v>
      </c>
      <c r="C95" s="10">
        <v>34</v>
      </c>
      <c r="D95" s="9">
        <v>52</v>
      </c>
    </row>
    <row r="96" spans="1:4" ht="18" customHeight="1" x14ac:dyDescent="0.2">
      <c r="A96" s="8" t="s">
        <v>9</v>
      </c>
      <c r="B96" s="29">
        <v>96</v>
      </c>
      <c r="C96" s="10">
        <v>110</v>
      </c>
      <c r="D96" s="9">
        <v>206</v>
      </c>
    </row>
    <row r="97" spans="1:4" ht="18" customHeight="1" x14ac:dyDescent="0.2">
      <c r="A97" s="16">
        <v>75</v>
      </c>
      <c r="B97" s="29">
        <v>18</v>
      </c>
      <c r="C97" s="10">
        <v>41</v>
      </c>
      <c r="D97" s="9">
        <v>59</v>
      </c>
    </row>
    <row r="98" spans="1:4" ht="18" customHeight="1" x14ac:dyDescent="0.2">
      <c r="A98" s="16">
        <v>76</v>
      </c>
      <c r="B98" s="29">
        <v>20</v>
      </c>
      <c r="C98" s="10">
        <v>34</v>
      </c>
      <c r="D98" s="9">
        <v>54</v>
      </c>
    </row>
    <row r="99" spans="1:4" ht="18" customHeight="1" x14ac:dyDescent="0.2">
      <c r="A99" s="16">
        <v>77</v>
      </c>
      <c r="B99" s="29">
        <v>9</v>
      </c>
      <c r="C99" s="10">
        <v>17</v>
      </c>
      <c r="D99" s="9">
        <v>26</v>
      </c>
    </row>
    <row r="100" spans="1:4" ht="18" customHeight="1" x14ac:dyDescent="0.2">
      <c r="A100" s="16">
        <v>78</v>
      </c>
      <c r="B100" s="29">
        <v>17</v>
      </c>
      <c r="C100" s="10">
        <v>24</v>
      </c>
      <c r="D100" s="9">
        <v>41</v>
      </c>
    </row>
    <row r="101" spans="1:4" ht="18" customHeight="1" x14ac:dyDescent="0.2">
      <c r="A101" s="16">
        <v>79</v>
      </c>
      <c r="B101" s="29">
        <v>21</v>
      </c>
      <c r="C101" s="10">
        <v>36</v>
      </c>
      <c r="D101" s="9">
        <v>57</v>
      </c>
    </row>
    <row r="102" spans="1:4" ht="18" customHeight="1" x14ac:dyDescent="0.2">
      <c r="A102" s="8" t="s">
        <v>8</v>
      </c>
      <c r="B102" s="29">
        <v>85</v>
      </c>
      <c r="C102" s="10">
        <v>152</v>
      </c>
      <c r="D102" s="9">
        <v>237</v>
      </c>
    </row>
    <row r="103" spans="1:4" ht="18" customHeight="1" x14ac:dyDescent="0.2">
      <c r="A103" s="16">
        <v>80</v>
      </c>
      <c r="B103" s="29">
        <v>19</v>
      </c>
      <c r="C103" s="10">
        <v>30</v>
      </c>
      <c r="D103" s="9">
        <v>49</v>
      </c>
    </row>
    <row r="104" spans="1:4" ht="18" customHeight="1" x14ac:dyDescent="0.2">
      <c r="A104" s="16">
        <v>81</v>
      </c>
      <c r="B104" s="29">
        <v>19</v>
      </c>
      <c r="C104" s="10">
        <v>34</v>
      </c>
      <c r="D104" s="9">
        <v>53</v>
      </c>
    </row>
    <row r="105" spans="1:4" ht="18" customHeight="1" x14ac:dyDescent="0.2">
      <c r="A105" s="16">
        <v>82</v>
      </c>
      <c r="B105" s="29">
        <v>16</v>
      </c>
      <c r="C105" s="10">
        <v>26</v>
      </c>
      <c r="D105" s="9">
        <v>42</v>
      </c>
    </row>
    <row r="106" spans="1:4" ht="18" customHeight="1" x14ac:dyDescent="0.2">
      <c r="A106" s="16">
        <v>83</v>
      </c>
      <c r="B106" s="29">
        <v>24</v>
      </c>
      <c r="C106" s="10">
        <v>12</v>
      </c>
      <c r="D106" s="9">
        <v>36</v>
      </c>
    </row>
    <row r="107" spans="1:4" ht="18" customHeight="1" x14ac:dyDescent="0.2">
      <c r="A107" s="16">
        <v>84</v>
      </c>
      <c r="B107" s="29">
        <v>10</v>
      </c>
      <c r="C107" s="10">
        <v>16</v>
      </c>
      <c r="D107" s="9">
        <v>26</v>
      </c>
    </row>
    <row r="108" spans="1:4" ht="18" customHeight="1" x14ac:dyDescent="0.2">
      <c r="A108" s="8" t="s">
        <v>7</v>
      </c>
      <c r="B108" s="29">
        <v>88</v>
      </c>
      <c r="C108" s="10">
        <v>118</v>
      </c>
      <c r="D108" s="9">
        <v>206</v>
      </c>
    </row>
    <row r="109" spans="1:4" ht="18" customHeight="1" x14ac:dyDescent="0.2">
      <c r="A109" s="16">
        <v>85</v>
      </c>
      <c r="B109" s="29">
        <v>9</v>
      </c>
      <c r="C109" s="10">
        <v>17</v>
      </c>
      <c r="D109" s="9">
        <v>26</v>
      </c>
    </row>
    <row r="110" spans="1:4" ht="18" customHeight="1" x14ac:dyDescent="0.2">
      <c r="A110" s="16">
        <v>86</v>
      </c>
      <c r="B110" s="29">
        <v>9</v>
      </c>
      <c r="C110" s="10">
        <v>15</v>
      </c>
      <c r="D110" s="9">
        <v>24</v>
      </c>
    </row>
    <row r="111" spans="1:4" ht="18" customHeight="1" x14ac:dyDescent="0.2">
      <c r="A111" s="16">
        <v>87</v>
      </c>
      <c r="B111" s="29">
        <v>8</v>
      </c>
      <c r="C111" s="10">
        <v>13</v>
      </c>
      <c r="D111" s="9">
        <v>21</v>
      </c>
    </row>
    <row r="112" spans="1:4" ht="18" customHeight="1" x14ac:dyDescent="0.2">
      <c r="A112" s="16">
        <v>88</v>
      </c>
      <c r="B112" s="29">
        <v>4</v>
      </c>
      <c r="C112" s="10">
        <v>15</v>
      </c>
      <c r="D112" s="9">
        <v>19</v>
      </c>
    </row>
    <row r="113" spans="1:4" ht="18" customHeight="1" x14ac:dyDescent="0.2">
      <c r="A113" s="16">
        <v>89</v>
      </c>
      <c r="B113" s="29">
        <v>5</v>
      </c>
      <c r="C113" s="10">
        <v>20</v>
      </c>
      <c r="D113" s="9">
        <v>25</v>
      </c>
    </row>
    <row r="114" spans="1:4" ht="18" customHeight="1" x14ac:dyDescent="0.2">
      <c r="A114" s="8" t="s">
        <v>6</v>
      </c>
      <c r="B114" s="29">
        <v>35</v>
      </c>
      <c r="C114" s="10">
        <v>80</v>
      </c>
      <c r="D114" s="9">
        <v>115</v>
      </c>
    </row>
    <row r="115" spans="1:4" ht="18" customHeight="1" x14ac:dyDescent="0.2">
      <c r="A115" s="16">
        <v>90</v>
      </c>
      <c r="B115" s="29">
        <v>5</v>
      </c>
      <c r="C115" s="10">
        <v>6</v>
      </c>
      <c r="D115" s="9">
        <v>11</v>
      </c>
    </row>
    <row r="116" spans="1:4" ht="18" customHeight="1" x14ac:dyDescent="0.2">
      <c r="A116" s="16">
        <v>91</v>
      </c>
      <c r="B116" s="29">
        <v>2</v>
      </c>
      <c r="C116" s="10">
        <v>7</v>
      </c>
      <c r="D116" s="9">
        <v>9</v>
      </c>
    </row>
    <row r="117" spans="1:4" ht="18" customHeight="1" x14ac:dyDescent="0.2">
      <c r="A117" s="16">
        <v>92</v>
      </c>
      <c r="B117" s="29">
        <v>1</v>
      </c>
      <c r="C117" s="10">
        <v>7</v>
      </c>
      <c r="D117" s="9">
        <v>8</v>
      </c>
    </row>
    <row r="118" spans="1:4" ht="18" customHeight="1" x14ac:dyDescent="0.2">
      <c r="A118" s="16">
        <v>93</v>
      </c>
      <c r="B118" s="29">
        <v>4</v>
      </c>
      <c r="C118" s="10">
        <v>4</v>
      </c>
      <c r="D118" s="9">
        <v>8</v>
      </c>
    </row>
    <row r="119" spans="1:4" ht="18" customHeight="1" x14ac:dyDescent="0.2">
      <c r="A119" s="16">
        <v>94</v>
      </c>
      <c r="B119" s="29">
        <v>2</v>
      </c>
      <c r="C119" s="10">
        <v>7</v>
      </c>
      <c r="D119" s="9">
        <v>9</v>
      </c>
    </row>
    <row r="120" spans="1:4" ht="18" customHeight="1" x14ac:dyDescent="0.2">
      <c r="A120" s="8" t="s">
        <v>5</v>
      </c>
      <c r="B120" s="29">
        <v>14</v>
      </c>
      <c r="C120" s="10">
        <v>31</v>
      </c>
      <c r="D120" s="9">
        <v>45</v>
      </c>
    </row>
    <row r="121" spans="1:4" ht="18" customHeight="1" x14ac:dyDescent="0.2">
      <c r="A121" s="16">
        <v>95</v>
      </c>
      <c r="B121" s="29">
        <v>3</v>
      </c>
      <c r="C121" s="10">
        <v>4</v>
      </c>
      <c r="D121" s="9">
        <v>7</v>
      </c>
    </row>
    <row r="122" spans="1:4" ht="18" customHeight="1" x14ac:dyDescent="0.2">
      <c r="A122" s="16">
        <v>96</v>
      </c>
      <c r="B122" s="29">
        <v>1</v>
      </c>
      <c r="C122" s="10">
        <v>3</v>
      </c>
      <c r="D122" s="9">
        <v>4</v>
      </c>
    </row>
    <row r="123" spans="1:4" ht="18" customHeight="1" x14ac:dyDescent="0.2">
      <c r="A123" s="16">
        <v>97</v>
      </c>
      <c r="B123" s="29">
        <v>0</v>
      </c>
      <c r="C123" s="10">
        <v>6</v>
      </c>
      <c r="D123" s="9">
        <v>6</v>
      </c>
    </row>
    <row r="124" spans="1:4" ht="18" customHeight="1" x14ac:dyDescent="0.2">
      <c r="A124" s="16">
        <v>98</v>
      </c>
      <c r="B124" s="29">
        <v>0</v>
      </c>
      <c r="C124" s="10">
        <v>1</v>
      </c>
      <c r="D124" s="9">
        <v>1</v>
      </c>
    </row>
    <row r="125" spans="1:4" ht="18" customHeight="1" x14ac:dyDescent="0.2">
      <c r="A125" s="16">
        <v>99</v>
      </c>
      <c r="B125" s="29">
        <v>0</v>
      </c>
      <c r="C125" s="10">
        <v>1</v>
      </c>
      <c r="D125" s="9">
        <v>1</v>
      </c>
    </row>
    <row r="126" spans="1:4" ht="18" customHeight="1" x14ac:dyDescent="0.2">
      <c r="A126" s="8" t="s">
        <v>4</v>
      </c>
      <c r="B126" s="29">
        <v>4</v>
      </c>
      <c r="C126" s="10">
        <v>15</v>
      </c>
      <c r="D126" s="9">
        <v>19</v>
      </c>
    </row>
    <row r="127" spans="1:4" ht="18" customHeight="1" x14ac:dyDescent="0.2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2">
      <c r="A128" s="15" t="s">
        <v>3</v>
      </c>
      <c r="B128" s="29">
        <v>0</v>
      </c>
      <c r="C128" s="10">
        <v>2</v>
      </c>
      <c r="D128" s="9">
        <v>2</v>
      </c>
    </row>
    <row r="129" spans="1:4" ht="18" customHeight="1" x14ac:dyDescent="0.2">
      <c r="A129" s="8" t="s">
        <v>2</v>
      </c>
      <c r="B129" s="29">
        <v>0</v>
      </c>
      <c r="C129" s="10">
        <v>3</v>
      </c>
      <c r="D129" s="9">
        <v>3</v>
      </c>
    </row>
    <row r="130" spans="1:4" ht="18" customHeight="1" x14ac:dyDescent="0.2">
      <c r="A130" s="8" t="s">
        <v>1</v>
      </c>
      <c r="B130" s="28">
        <v>379</v>
      </c>
      <c r="C130" s="6">
        <v>603</v>
      </c>
      <c r="D130" s="5">
        <v>982</v>
      </c>
    </row>
    <row r="131" spans="1:4" ht="18" customHeight="1" x14ac:dyDescent="0.2">
      <c r="A131" s="4" t="s">
        <v>0</v>
      </c>
      <c r="B131" s="27">
        <v>1415</v>
      </c>
      <c r="C131" s="2">
        <v>1599</v>
      </c>
      <c r="D131" s="1">
        <v>3014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D177D98-B585-4A5D-B0A1-2AFAE9F5E14C}">
  <sheetPr codeName="Sheet4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68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35</v>
      </c>
      <c r="C5" s="18">
        <v>40</v>
      </c>
      <c r="D5" s="17">
        <v>75</v>
      </c>
    </row>
    <row r="6" spans="1:4" ht="18" customHeight="1" x14ac:dyDescent="0.2">
      <c r="A6" s="16">
        <v>1</v>
      </c>
      <c r="B6" s="29">
        <v>43</v>
      </c>
      <c r="C6" s="10">
        <v>27</v>
      </c>
      <c r="D6" s="9">
        <v>70</v>
      </c>
    </row>
    <row r="7" spans="1:4" ht="18" customHeight="1" x14ac:dyDescent="0.2">
      <c r="A7" s="16">
        <v>2</v>
      </c>
      <c r="B7" s="29">
        <v>31</v>
      </c>
      <c r="C7" s="10">
        <v>32</v>
      </c>
      <c r="D7" s="9">
        <v>63</v>
      </c>
    </row>
    <row r="8" spans="1:4" ht="18" customHeight="1" x14ac:dyDescent="0.2">
      <c r="A8" s="16">
        <v>3</v>
      </c>
      <c r="B8" s="29">
        <v>47</v>
      </c>
      <c r="C8" s="10">
        <v>43</v>
      </c>
      <c r="D8" s="9">
        <v>90</v>
      </c>
    </row>
    <row r="9" spans="1:4" ht="18" customHeight="1" x14ac:dyDescent="0.2">
      <c r="A9" s="16">
        <v>4</v>
      </c>
      <c r="B9" s="29">
        <v>48</v>
      </c>
      <c r="C9" s="10">
        <v>49</v>
      </c>
      <c r="D9" s="9">
        <v>97</v>
      </c>
    </row>
    <row r="10" spans="1:4" ht="18" customHeight="1" x14ac:dyDescent="0.2">
      <c r="A10" s="8" t="s">
        <v>25</v>
      </c>
      <c r="B10" s="29">
        <v>204</v>
      </c>
      <c r="C10" s="10">
        <v>191</v>
      </c>
      <c r="D10" s="9">
        <v>395</v>
      </c>
    </row>
    <row r="11" spans="1:4" ht="18" customHeight="1" x14ac:dyDescent="0.2">
      <c r="A11" s="16">
        <v>5</v>
      </c>
      <c r="B11" s="29">
        <v>44</v>
      </c>
      <c r="C11" s="10">
        <v>36</v>
      </c>
      <c r="D11" s="9">
        <v>80</v>
      </c>
    </row>
    <row r="12" spans="1:4" ht="18" customHeight="1" x14ac:dyDescent="0.2">
      <c r="A12" s="16">
        <v>6</v>
      </c>
      <c r="B12" s="29">
        <v>56</v>
      </c>
      <c r="C12" s="10">
        <v>44</v>
      </c>
      <c r="D12" s="9">
        <v>100</v>
      </c>
    </row>
    <row r="13" spans="1:4" ht="18" customHeight="1" x14ac:dyDescent="0.2">
      <c r="A13" s="16">
        <v>7</v>
      </c>
      <c r="B13" s="29">
        <v>43</v>
      </c>
      <c r="C13" s="10">
        <v>55</v>
      </c>
      <c r="D13" s="9">
        <v>98</v>
      </c>
    </row>
    <row r="14" spans="1:4" ht="18" customHeight="1" x14ac:dyDescent="0.2">
      <c r="A14" s="16">
        <v>8</v>
      </c>
      <c r="B14" s="29">
        <v>54</v>
      </c>
      <c r="C14" s="10">
        <v>41</v>
      </c>
      <c r="D14" s="9">
        <v>95</v>
      </c>
    </row>
    <row r="15" spans="1:4" ht="18" customHeight="1" x14ac:dyDescent="0.2">
      <c r="A15" s="16">
        <v>9</v>
      </c>
      <c r="B15" s="29">
        <v>48</v>
      </c>
      <c r="C15" s="10">
        <v>42</v>
      </c>
      <c r="D15" s="9">
        <v>90</v>
      </c>
    </row>
    <row r="16" spans="1:4" ht="18" customHeight="1" x14ac:dyDescent="0.2">
      <c r="A16" s="8" t="s">
        <v>24</v>
      </c>
      <c r="B16" s="29">
        <v>245</v>
      </c>
      <c r="C16" s="10">
        <v>218</v>
      </c>
      <c r="D16" s="9">
        <v>463</v>
      </c>
    </row>
    <row r="17" spans="1:4" ht="18" customHeight="1" x14ac:dyDescent="0.2">
      <c r="A17" s="16">
        <v>10</v>
      </c>
      <c r="B17" s="29">
        <v>37</v>
      </c>
      <c r="C17" s="10">
        <v>46</v>
      </c>
      <c r="D17" s="9">
        <v>83</v>
      </c>
    </row>
    <row r="18" spans="1:4" ht="18" customHeight="1" x14ac:dyDescent="0.2">
      <c r="A18" s="16">
        <v>11</v>
      </c>
      <c r="B18" s="29">
        <v>54</v>
      </c>
      <c r="C18" s="10">
        <v>48</v>
      </c>
      <c r="D18" s="9">
        <v>102</v>
      </c>
    </row>
    <row r="19" spans="1:4" ht="18" customHeight="1" x14ac:dyDescent="0.2">
      <c r="A19" s="16">
        <v>12</v>
      </c>
      <c r="B19" s="29">
        <v>48</v>
      </c>
      <c r="C19" s="10">
        <v>54</v>
      </c>
      <c r="D19" s="9">
        <v>102</v>
      </c>
    </row>
    <row r="20" spans="1:4" ht="18" customHeight="1" x14ac:dyDescent="0.2">
      <c r="A20" s="16">
        <v>13</v>
      </c>
      <c r="B20" s="29">
        <v>62</v>
      </c>
      <c r="C20" s="10">
        <v>57</v>
      </c>
      <c r="D20" s="9">
        <v>119</v>
      </c>
    </row>
    <row r="21" spans="1:4" ht="18" customHeight="1" x14ac:dyDescent="0.2">
      <c r="A21" s="16">
        <v>14</v>
      </c>
      <c r="B21" s="29">
        <v>53</v>
      </c>
      <c r="C21" s="10">
        <v>59</v>
      </c>
      <c r="D21" s="9">
        <v>112</v>
      </c>
    </row>
    <row r="22" spans="1:4" ht="18" customHeight="1" x14ac:dyDescent="0.2">
      <c r="A22" s="8" t="s">
        <v>23</v>
      </c>
      <c r="B22" s="29">
        <v>254</v>
      </c>
      <c r="C22" s="10">
        <v>264</v>
      </c>
      <c r="D22" s="9">
        <v>518</v>
      </c>
    </row>
    <row r="23" spans="1:4" ht="18" customHeight="1" x14ac:dyDescent="0.2">
      <c r="A23" s="8" t="s">
        <v>22</v>
      </c>
      <c r="B23" s="29">
        <v>703</v>
      </c>
      <c r="C23" s="10">
        <v>673</v>
      </c>
      <c r="D23" s="9">
        <v>1376</v>
      </c>
    </row>
    <row r="24" spans="1:4" ht="18" customHeight="1" x14ac:dyDescent="0.2">
      <c r="A24" s="16">
        <v>15</v>
      </c>
      <c r="B24" s="29">
        <v>50</v>
      </c>
      <c r="C24" s="10">
        <v>38</v>
      </c>
      <c r="D24" s="9">
        <v>88</v>
      </c>
    </row>
    <row r="25" spans="1:4" ht="18" customHeight="1" x14ac:dyDescent="0.2">
      <c r="A25" s="16">
        <v>16</v>
      </c>
      <c r="B25" s="29">
        <v>49</v>
      </c>
      <c r="C25" s="10">
        <v>61</v>
      </c>
      <c r="D25" s="9">
        <v>110</v>
      </c>
    </row>
    <row r="26" spans="1:4" ht="18" customHeight="1" x14ac:dyDescent="0.2">
      <c r="A26" s="16">
        <v>17</v>
      </c>
      <c r="B26" s="29">
        <v>56</v>
      </c>
      <c r="C26" s="10">
        <v>56</v>
      </c>
      <c r="D26" s="9">
        <v>112</v>
      </c>
    </row>
    <row r="27" spans="1:4" ht="18" customHeight="1" x14ac:dyDescent="0.2">
      <c r="A27" s="16">
        <v>18</v>
      </c>
      <c r="B27" s="29">
        <v>43</v>
      </c>
      <c r="C27" s="10">
        <v>36</v>
      </c>
      <c r="D27" s="9">
        <v>79</v>
      </c>
    </row>
    <row r="28" spans="1:4" ht="18" customHeight="1" x14ac:dyDescent="0.2">
      <c r="A28" s="16">
        <v>19</v>
      </c>
      <c r="B28" s="29">
        <v>72</v>
      </c>
      <c r="C28" s="10">
        <v>49</v>
      </c>
      <c r="D28" s="9">
        <v>121</v>
      </c>
    </row>
    <row r="29" spans="1:4" ht="18" customHeight="1" x14ac:dyDescent="0.2">
      <c r="A29" s="8" t="s">
        <v>21</v>
      </c>
      <c r="B29" s="29">
        <v>270</v>
      </c>
      <c r="C29" s="10">
        <v>240</v>
      </c>
      <c r="D29" s="9">
        <v>510</v>
      </c>
    </row>
    <row r="30" spans="1:4" ht="18" customHeight="1" x14ac:dyDescent="0.2">
      <c r="A30" s="16">
        <v>20</v>
      </c>
      <c r="B30" s="29">
        <v>63</v>
      </c>
      <c r="C30" s="10">
        <v>55</v>
      </c>
      <c r="D30" s="9">
        <v>118</v>
      </c>
    </row>
    <row r="31" spans="1:4" ht="18" customHeight="1" x14ac:dyDescent="0.2">
      <c r="A31" s="16">
        <v>21</v>
      </c>
      <c r="B31" s="29">
        <v>58</v>
      </c>
      <c r="C31" s="10">
        <v>52</v>
      </c>
      <c r="D31" s="9">
        <v>110</v>
      </c>
    </row>
    <row r="32" spans="1:4" ht="18" customHeight="1" x14ac:dyDescent="0.2">
      <c r="A32" s="16">
        <v>22</v>
      </c>
      <c r="B32" s="29">
        <v>74</v>
      </c>
      <c r="C32" s="10">
        <v>46</v>
      </c>
      <c r="D32" s="9">
        <v>120</v>
      </c>
    </row>
    <row r="33" spans="1:4" ht="18" customHeight="1" x14ac:dyDescent="0.2">
      <c r="A33" s="16">
        <v>23</v>
      </c>
      <c r="B33" s="29">
        <v>59</v>
      </c>
      <c r="C33" s="10">
        <v>46</v>
      </c>
      <c r="D33" s="9">
        <v>105</v>
      </c>
    </row>
    <row r="34" spans="1:4" ht="18" customHeight="1" x14ac:dyDescent="0.2">
      <c r="A34" s="16">
        <v>24</v>
      </c>
      <c r="B34" s="29">
        <v>50</v>
      </c>
      <c r="C34" s="10">
        <v>52</v>
      </c>
      <c r="D34" s="9">
        <v>102</v>
      </c>
    </row>
    <row r="35" spans="1:4" ht="18" customHeight="1" x14ac:dyDescent="0.2">
      <c r="A35" s="8" t="s">
        <v>20</v>
      </c>
      <c r="B35" s="29">
        <v>304</v>
      </c>
      <c r="C35" s="10">
        <v>251</v>
      </c>
      <c r="D35" s="9">
        <v>555</v>
      </c>
    </row>
    <row r="36" spans="1:4" ht="18" customHeight="1" x14ac:dyDescent="0.2">
      <c r="A36" s="16">
        <v>25</v>
      </c>
      <c r="B36" s="29">
        <v>67</v>
      </c>
      <c r="C36" s="10">
        <v>45</v>
      </c>
      <c r="D36" s="9">
        <v>112</v>
      </c>
    </row>
    <row r="37" spans="1:4" ht="18" customHeight="1" x14ac:dyDescent="0.2">
      <c r="A37" s="16">
        <v>26</v>
      </c>
      <c r="B37" s="29">
        <v>58</v>
      </c>
      <c r="C37" s="10">
        <v>41</v>
      </c>
      <c r="D37" s="9">
        <v>99</v>
      </c>
    </row>
    <row r="38" spans="1:4" ht="18" customHeight="1" x14ac:dyDescent="0.2">
      <c r="A38" s="16">
        <v>27</v>
      </c>
      <c r="B38" s="29">
        <v>57</v>
      </c>
      <c r="C38" s="10">
        <v>49</v>
      </c>
      <c r="D38" s="9">
        <v>106</v>
      </c>
    </row>
    <row r="39" spans="1:4" ht="18" customHeight="1" x14ac:dyDescent="0.2">
      <c r="A39" s="16">
        <v>28</v>
      </c>
      <c r="B39" s="29">
        <v>54</v>
      </c>
      <c r="C39" s="10">
        <v>40</v>
      </c>
      <c r="D39" s="9">
        <v>94</v>
      </c>
    </row>
    <row r="40" spans="1:4" ht="18" customHeight="1" x14ac:dyDescent="0.2">
      <c r="A40" s="16">
        <v>29</v>
      </c>
      <c r="B40" s="29">
        <v>63</v>
      </c>
      <c r="C40" s="10">
        <v>54</v>
      </c>
      <c r="D40" s="9">
        <v>117</v>
      </c>
    </row>
    <row r="41" spans="1:4" ht="18" customHeight="1" x14ac:dyDescent="0.2">
      <c r="A41" s="8" t="s">
        <v>19</v>
      </c>
      <c r="B41" s="29">
        <v>299</v>
      </c>
      <c r="C41" s="10">
        <v>229</v>
      </c>
      <c r="D41" s="9">
        <v>528</v>
      </c>
    </row>
    <row r="42" spans="1:4" ht="18" customHeight="1" x14ac:dyDescent="0.2">
      <c r="A42" s="16">
        <v>30</v>
      </c>
      <c r="B42" s="29">
        <v>51</v>
      </c>
      <c r="C42" s="10">
        <v>47</v>
      </c>
      <c r="D42" s="9">
        <v>98</v>
      </c>
    </row>
    <row r="43" spans="1:4" ht="18" customHeight="1" x14ac:dyDescent="0.2">
      <c r="A43" s="16">
        <v>31</v>
      </c>
      <c r="B43" s="29">
        <v>58</v>
      </c>
      <c r="C43" s="10">
        <v>64</v>
      </c>
      <c r="D43" s="9">
        <v>122</v>
      </c>
    </row>
    <row r="44" spans="1:4" ht="18" customHeight="1" x14ac:dyDescent="0.2">
      <c r="A44" s="16">
        <v>32</v>
      </c>
      <c r="B44" s="29">
        <v>57</v>
      </c>
      <c r="C44" s="10">
        <v>54</v>
      </c>
      <c r="D44" s="9">
        <v>111</v>
      </c>
    </row>
    <row r="45" spans="1:4" ht="18" customHeight="1" x14ac:dyDescent="0.2">
      <c r="A45" s="16">
        <v>33</v>
      </c>
      <c r="B45" s="29">
        <v>59</v>
      </c>
      <c r="C45" s="10">
        <v>56</v>
      </c>
      <c r="D45" s="9">
        <v>115</v>
      </c>
    </row>
    <row r="46" spans="1:4" ht="18" customHeight="1" x14ac:dyDescent="0.2">
      <c r="A46" s="16">
        <v>34</v>
      </c>
      <c r="B46" s="29">
        <v>59</v>
      </c>
      <c r="C46" s="10">
        <v>45</v>
      </c>
      <c r="D46" s="9">
        <v>104</v>
      </c>
    </row>
    <row r="47" spans="1:4" ht="18" customHeight="1" x14ac:dyDescent="0.2">
      <c r="A47" s="8" t="s">
        <v>18</v>
      </c>
      <c r="B47" s="29">
        <v>284</v>
      </c>
      <c r="C47" s="10">
        <v>266</v>
      </c>
      <c r="D47" s="9">
        <v>550</v>
      </c>
    </row>
    <row r="48" spans="1:4" ht="18" customHeight="1" x14ac:dyDescent="0.2">
      <c r="A48" s="16">
        <v>35</v>
      </c>
      <c r="B48" s="29">
        <v>63</v>
      </c>
      <c r="C48" s="10">
        <v>68</v>
      </c>
      <c r="D48" s="9">
        <v>131</v>
      </c>
    </row>
    <row r="49" spans="1:4" ht="18" customHeight="1" x14ac:dyDescent="0.2">
      <c r="A49" s="16">
        <v>36</v>
      </c>
      <c r="B49" s="29">
        <v>77</v>
      </c>
      <c r="C49" s="10">
        <v>59</v>
      </c>
      <c r="D49" s="9">
        <v>136</v>
      </c>
    </row>
    <row r="50" spans="1:4" ht="18" customHeight="1" x14ac:dyDescent="0.2">
      <c r="A50" s="16">
        <v>37</v>
      </c>
      <c r="B50" s="29">
        <v>69</v>
      </c>
      <c r="C50" s="10">
        <v>50</v>
      </c>
      <c r="D50" s="9">
        <v>119</v>
      </c>
    </row>
    <row r="51" spans="1:4" ht="18" customHeight="1" x14ac:dyDescent="0.2">
      <c r="A51" s="16">
        <v>38</v>
      </c>
      <c r="B51" s="29">
        <v>69</v>
      </c>
      <c r="C51" s="10">
        <v>47</v>
      </c>
      <c r="D51" s="9">
        <v>116</v>
      </c>
    </row>
    <row r="52" spans="1:4" ht="18" customHeight="1" x14ac:dyDescent="0.2">
      <c r="A52" s="16">
        <v>39</v>
      </c>
      <c r="B52" s="29">
        <v>71</v>
      </c>
      <c r="C52" s="10">
        <v>59</v>
      </c>
      <c r="D52" s="9">
        <v>130</v>
      </c>
    </row>
    <row r="53" spans="1:4" ht="18" customHeight="1" x14ac:dyDescent="0.2">
      <c r="A53" s="8" t="s">
        <v>17</v>
      </c>
      <c r="B53" s="29">
        <v>349</v>
      </c>
      <c r="C53" s="10">
        <v>283</v>
      </c>
      <c r="D53" s="9">
        <v>632</v>
      </c>
    </row>
    <row r="54" spans="1:4" ht="18" customHeight="1" x14ac:dyDescent="0.2">
      <c r="A54" s="16">
        <v>40</v>
      </c>
      <c r="B54" s="29">
        <v>76</v>
      </c>
      <c r="C54" s="10">
        <v>76</v>
      </c>
      <c r="D54" s="9">
        <v>152</v>
      </c>
    </row>
    <row r="55" spans="1:4" ht="18" customHeight="1" x14ac:dyDescent="0.2">
      <c r="A55" s="16">
        <v>41</v>
      </c>
      <c r="B55" s="29">
        <v>75</v>
      </c>
      <c r="C55" s="10">
        <v>63</v>
      </c>
      <c r="D55" s="9">
        <v>138</v>
      </c>
    </row>
    <row r="56" spans="1:4" ht="18" customHeight="1" x14ac:dyDescent="0.2">
      <c r="A56" s="16">
        <v>42</v>
      </c>
      <c r="B56" s="29">
        <v>84</v>
      </c>
      <c r="C56" s="10">
        <v>64</v>
      </c>
      <c r="D56" s="9">
        <v>148</v>
      </c>
    </row>
    <row r="57" spans="1:4" ht="18" customHeight="1" x14ac:dyDescent="0.2">
      <c r="A57" s="16">
        <v>43</v>
      </c>
      <c r="B57" s="29">
        <v>85</v>
      </c>
      <c r="C57" s="10">
        <v>80</v>
      </c>
      <c r="D57" s="9">
        <v>165</v>
      </c>
    </row>
    <row r="58" spans="1:4" ht="18" customHeight="1" x14ac:dyDescent="0.2">
      <c r="A58" s="16">
        <v>44</v>
      </c>
      <c r="B58" s="29">
        <v>59</v>
      </c>
      <c r="C58" s="10">
        <v>85</v>
      </c>
      <c r="D58" s="9">
        <v>144</v>
      </c>
    </row>
    <row r="59" spans="1:4" ht="18" customHeight="1" x14ac:dyDescent="0.2">
      <c r="A59" s="8" t="s">
        <v>16</v>
      </c>
      <c r="B59" s="29">
        <v>379</v>
      </c>
      <c r="C59" s="10">
        <v>368</v>
      </c>
      <c r="D59" s="9">
        <v>747</v>
      </c>
    </row>
    <row r="60" spans="1:4" ht="18" customHeight="1" x14ac:dyDescent="0.2">
      <c r="A60" s="16">
        <v>45</v>
      </c>
      <c r="B60" s="29">
        <v>96</v>
      </c>
      <c r="C60" s="10">
        <v>82</v>
      </c>
      <c r="D60" s="9">
        <v>178</v>
      </c>
    </row>
    <row r="61" spans="1:4" ht="18" customHeight="1" x14ac:dyDescent="0.2">
      <c r="A61" s="16">
        <v>46</v>
      </c>
      <c r="B61" s="29">
        <v>94</v>
      </c>
      <c r="C61" s="10">
        <v>92</v>
      </c>
      <c r="D61" s="9">
        <v>186</v>
      </c>
    </row>
    <row r="62" spans="1:4" ht="18" customHeight="1" x14ac:dyDescent="0.2">
      <c r="A62" s="16">
        <v>47</v>
      </c>
      <c r="B62" s="29">
        <v>80</v>
      </c>
      <c r="C62" s="10">
        <v>97</v>
      </c>
      <c r="D62" s="9">
        <v>177</v>
      </c>
    </row>
    <row r="63" spans="1:4" ht="18" customHeight="1" x14ac:dyDescent="0.2">
      <c r="A63" s="16">
        <v>48</v>
      </c>
      <c r="B63" s="29">
        <v>87</v>
      </c>
      <c r="C63" s="10">
        <v>83</v>
      </c>
      <c r="D63" s="9">
        <v>170</v>
      </c>
    </row>
    <row r="64" spans="1:4" ht="18" customHeight="1" x14ac:dyDescent="0.2">
      <c r="A64" s="16">
        <v>49</v>
      </c>
      <c r="B64" s="29">
        <v>99</v>
      </c>
      <c r="C64" s="10">
        <v>83</v>
      </c>
      <c r="D64" s="9">
        <v>182</v>
      </c>
    </row>
    <row r="65" spans="1:4" ht="18" customHeight="1" x14ac:dyDescent="0.2">
      <c r="A65" s="8" t="s">
        <v>15</v>
      </c>
      <c r="B65" s="29">
        <v>456</v>
      </c>
      <c r="C65" s="10">
        <v>437</v>
      </c>
      <c r="D65" s="9">
        <v>893</v>
      </c>
    </row>
    <row r="66" spans="1:4" ht="18" customHeight="1" x14ac:dyDescent="0.2">
      <c r="A66" s="16">
        <v>50</v>
      </c>
      <c r="B66" s="29">
        <v>94</v>
      </c>
      <c r="C66" s="10">
        <v>99</v>
      </c>
      <c r="D66" s="9">
        <v>193</v>
      </c>
    </row>
    <row r="67" spans="1:4" ht="18" customHeight="1" x14ac:dyDescent="0.2">
      <c r="A67" s="16">
        <v>51</v>
      </c>
      <c r="B67" s="29">
        <v>110</v>
      </c>
      <c r="C67" s="10">
        <v>86</v>
      </c>
      <c r="D67" s="9">
        <v>196</v>
      </c>
    </row>
    <row r="68" spans="1:4" ht="18" customHeight="1" x14ac:dyDescent="0.2">
      <c r="A68" s="16">
        <v>52</v>
      </c>
      <c r="B68" s="29">
        <v>91</v>
      </c>
      <c r="C68" s="10">
        <v>88</v>
      </c>
      <c r="D68" s="9">
        <v>179</v>
      </c>
    </row>
    <row r="69" spans="1:4" ht="18" customHeight="1" x14ac:dyDescent="0.2">
      <c r="A69" s="16">
        <v>53</v>
      </c>
      <c r="B69" s="29">
        <v>82</v>
      </c>
      <c r="C69" s="10">
        <v>85</v>
      </c>
      <c r="D69" s="9">
        <v>167</v>
      </c>
    </row>
    <row r="70" spans="1:4" ht="18" customHeight="1" x14ac:dyDescent="0.2">
      <c r="A70" s="16">
        <v>54</v>
      </c>
      <c r="B70" s="29">
        <v>81</v>
      </c>
      <c r="C70" s="10">
        <v>81</v>
      </c>
      <c r="D70" s="9">
        <v>162</v>
      </c>
    </row>
    <row r="71" spans="1:4" ht="18" customHeight="1" x14ac:dyDescent="0.2">
      <c r="A71" s="8" t="s">
        <v>14</v>
      </c>
      <c r="B71" s="29">
        <v>458</v>
      </c>
      <c r="C71" s="10">
        <v>439</v>
      </c>
      <c r="D71" s="9">
        <v>897</v>
      </c>
    </row>
    <row r="72" spans="1:4" ht="18" customHeight="1" x14ac:dyDescent="0.2">
      <c r="A72" s="16">
        <v>55</v>
      </c>
      <c r="B72" s="29">
        <v>83</v>
      </c>
      <c r="C72" s="10">
        <v>75</v>
      </c>
      <c r="D72" s="9">
        <v>158</v>
      </c>
    </row>
    <row r="73" spans="1:4" ht="18" customHeight="1" x14ac:dyDescent="0.2">
      <c r="A73" s="16">
        <v>56</v>
      </c>
      <c r="B73" s="29">
        <v>90</v>
      </c>
      <c r="C73" s="10">
        <v>96</v>
      </c>
      <c r="D73" s="9">
        <v>186</v>
      </c>
    </row>
    <row r="74" spans="1:4" ht="18" customHeight="1" x14ac:dyDescent="0.2">
      <c r="A74" s="16">
        <v>57</v>
      </c>
      <c r="B74" s="29">
        <v>65</v>
      </c>
      <c r="C74" s="10">
        <v>57</v>
      </c>
      <c r="D74" s="9">
        <v>122</v>
      </c>
    </row>
    <row r="75" spans="1:4" ht="18" customHeight="1" x14ac:dyDescent="0.2">
      <c r="A75" s="16">
        <v>58</v>
      </c>
      <c r="B75" s="29">
        <v>86</v>
      </c>
      <c r="C75" s="10">
        <v>69</v>
      </c>
      <c r="D75" s="9">
        <v>155</v>
      </c>
    </row>
    <row r="76" spans="1:4" ht="18" customHeight="1" x14ac:dyDescent="0.2">
      <c r="A76" s="16">
        <v>59</v>
      </c>
      <c r="B76" s="29">
        <v>72</v>
      </c>
      <c r="C76" s="10">
        <v>82</v>
      </c>
      <c r="D76" s="9">
        <v>154</v>
      </c>
    </row>
    <row r="77" spans="1:4" ht="18" customHeight="1" x14ac:dyDescent="0.2">
      <c r="A77" s="8" t="s">
        <v>13</v>
      </c>
      <c r="B77" s="29">
        <v>396</v>
      </c>
      <c r="C77" s="10">
        <v>379</v>
      </c>
      <c r="D77" s="9">
        <v>775</v>
      </c>
    </row>
    <row r="78" spans="1:4" ht="18" customHeight="1" x14ac:dyDescent="0.2">
      <c r="A78" s="16">
        <v>60</v>
      </c>
      <c r="B78" s="29">
        <v>72</v>
      </c>
      <c r="C78" s="10">
        <v>87</v>
      </c>
      <c r="D78" s="9">
        <v>159</v>
      </c>
    </row>
    <row r="79" spans="1:4" ht="18" customHeight="1" x14ac:dyDescent="0.2">
      <c r="A79" s="16">
        <v>61</v>
      </c>
      <c r="B79" s="29">
        <v>69</v>
      </c>
      <c r="C79" s="10">
        <v>74</v>
      </c>
      <c r="D79" s="9">
        <v>143</v>
      </c>
    </row>
    <row r="80" spans="1:4" ht="18" customHeight="1" x14ac:dyDescent="0.2">
      <c r="A80" s="16">
        <v>62</v>
      </c>
      <c r="B80" s="29">
        <v>69</v>
      </c>
      <c r="C80" s="10">
        <v>62</v>
      </c>
      <c r="D80" s="9">
        <v>131</v>
      </c>
    </row>
    <row r="81" spans="1:4" ht="18" customHeight="1" x14ac:dyDescent="0.2">
      <c r="A81" s="16">
        <v>63</v>
      </c>
      <c r="B81" s="29">
        <v>65</v>
      </c>
      <c r="C81" s="10">
        <v>77</v>
      </c>
      <c r="D81" s="9">
        <v>142</v>
      </c>
    </row>
    <row r="82" spans="1:4" ht="18" customHeight="1" x14ac:dyDescent="0.2">
      <c r="A82" s="16">
        <v>64</v>
      </c>
      <c r="B82" s="29">
        <v>81</v>
      </c>
      <c r="C82" s="10">
        <v>81</v>
      </c>
      <c r="D82" s="9">
        <v>162</v>
      </c>
    </row>
    <row r="83" spans="1:4" ht="18" customHeight="1" x14ac:dyDescent="0.2">
      <c r="A83" s="8" t="s">
        <v>12</v>
      </c>
      <c r="B83" s="29">
        <v>356</v>
      </c>
      <c r="C83" s="10">
        <v>381</v>
      </c>
      <c r="D83" s="9">
        <v>737</v>
      </c>
    </row>
    <row r="84" spans="1:4" ht="18" customHeight="1" x14ac:dyDescent="0.2">
      <c r="A84" s="8" t="s">
        <v>11</v>
      </c>
      <c r="B84" s="29">
        <v>3551</v>
      </c>
      <c r="C84" s="10">
        <v>3273</v>
      </c>
      <c r="D84" s="9">
        <v>6824</v>
      </c>
    </row>
    <row r="85" spans="1:4" ht="18" customHeight="1" x14ac:dyDescent="0.2">
      <c r="A85" s="16">
        <v>65</v>
      </c>
      <c r="B85" s="29">
        <v>72</v>
      </c>
      <c r="C85" s="10">
        <v>86</v>
      </c>
      <c r="D85" s="9">
        <v>158</v>
      </c>
    </row>
    <row r="86" spans="1:4" ht="18" customHeight="1" x14ac:dyDescent="0.2">
      <c r="A86" s="16">
        <v>66</v>
      </c>
      <c r="B86" s="29">
        <v>54</v>
      </c>
      <c r="C86" s="10">
        <v>70</v>
      </c>
      <c r="D86" s="9">
        <v>124</v>
      </c>
    </row>
    <row r="87" spans="1:4" ht="18" customHeight="1" x14ac:dyDescent="0.2">
      <c r="A87" s="16">
        <v>67</v>
      </c>
      <c r="B87" s="29">
        <v>78</v>
      </c>
      <c r="C87" s="10">
        <v>84</v>
      </c>
      <c r="D87" s="9">
        <v>162</v>
      </c>
    </row>
    <row r="88" spans="1:4" ht="18" customHeight="1" x14ac:dyDescent="0.2">
      <c r="A88" s="16">
        <v>68</v>
      </c>
      <c r="B88" s="29">
        <v>69</v>
      </c>
      <c r="C88" s="10">
        <v>98</v>
      </c>
      <c r="D88" s="9">
        <v>167</v>
      </c>
    </row>
    <row r="89" spans="1:4" ht="18" customHeight="1" x14ac:dyDescent="0.2">
      <c r="A89" s="16">
        <v>69</v>
      </c>
      <c r="B89" s="29">
        <v>69</v>
      </c>
      <c r="C89" s="10">
        <v>81</v>
      </c>
      <c r="D89" s="9">
        <v>150</v>
      </c>
    </row>
    <row r="90" spans="1:4" ht="18" customHeight="1" x14ac:dyDescent="0.2">
      <c r="A90" s="8" t="s">
        <v>10</v>
      </c>
      <c r="B90" s="29">
        <v>342</v>
      </c>
      <c r="C90" s="10">
        <v>419</v>
      </c>
      <c r="D90" s="9">
        <v>761</v>
      </c>
    </row>
    <row r="91" spans="1:4" ht="18" customHeight="1" x14ac:dyDescent="0.2">
      <c r="A91" s="16">
        <v>70</v>
      </c>
      <c r="B91" s="29">
        <v>96</v>
      </c>
      <c r="C91" s="10">
        <v>90</v>
      </c>
      <c r="D91" s="9">
        <v>186</v>
      </c>
    </row>
    <row r="92" spans="1:4" ht="18" customHeight="1" x14ac:dyDescent="0.2">
      <c r="A92" s="16">
        <v>71</v>
      </c>
      <c r="B92" s="29">
        <v>85</v>
      </c>
      <c r="C92" s="10">
        <v>92</v>
      </c>
      <c r="D92" s="9">
        <v>177</v>
      </c>
    </row>
    <row r="93" spans="1:4" ht="18" customHeight="1" x14ac:dyDescent="0.2">
      <c r="A93" s="16">
        <v>72</v>
      </c>
      <c r="B93" s="29">
        <v>73</v>
      </c>
      <c r="C93" s="10">
        <v>101</v>
      </c>
      <c r="D93" s="9">
        <v>174</v>
      </c>
    </row>
    <row r="94" spans="1:4" ht="18" customHeight="1" x14ac:dyDescent="0.2">
      <c r="A94" s="16">
        <v>73</v>
      </c>
      <c r="B94" s="29">
        <v>95</v>
      </c>
      <c r="C94" s="10">
        <v>104</v>
      </c>
      <c r="D94" s="9">
        <v>199</v>
      </c>
    </row>
    <row r="95" spans="1:4" ht="18" customHeight="1" x14ac:dyDescent="0.2">
      <c r="A95" s="16">
        <v>74</v>
      </c>
      <c r="B95" s="29">
        <v>97</v>
      </c>
      <c r="C95" s="10">
        <v>110</v>
      </c>
      <c r="D95" s="9">
        <v>207</v>
      </c>
    </row>
    <row r="96" spans="1:4" ht="18" customHeight="1" x14ac:dyDescent="0.2">
      <c r="A96" s="8" t="s">
        <v>9</v>
      </c>
      <c r="B96" s="29">
        <v>446</v>
      </c>
      <c r="C96" s="10">
        <v>497</v>
      </c>
      <c r="D96" s="9">
        <v>943</v>
      </c>
    </row>
    <row r="97" spans="1:4" ht="18" customHeight="1" x14ac:dyDescent="0.2">
      <c r="A97" s="16">
        <v>75</v>
      </c>
      <c r="B97" s="29">
        <v>110</v>
      </c>
      <c r="C97" s="10">
        <v>106</v>
      </c>
      <c r="D97" s="9">
        <v>216</v>
      </c>
    </row>
    <row r="98" spans="1:4" ht="18" customHeight="1" x14ac:dyDescent="0.2">
      <c r="A98" s="16">
        <v>76</v>
      </c>
      <c r="B98" s="29">
        <v>89</v>
      </c>
      <c r="C98" s="10">
        <v>100</v>
      </c>
      <c r="D98" s="9">
        <v>189</v>
      </c>
    </row>
    <row r="99" spans="1:4" ht="18" customHeight="1" x14ac:dyDescent="0.2">
      <c r="A99" s="16">
        <v>77</v>
      </c>
      <c r="B99" s="29">
        <v>61</v>
      </c>
      <c r="C99" s="10">
        <v>75</v>
      </c>
      <c r="D99" s="9">
        <v>136</v>
      </c>
    </row>
    <row r="100" spans="1:4" ht="18" customHeight="1" x14ac:dyDescent="0.2">
      <c r="A100" s="16">
        <v>78</v>
      </c>
      <c r="B100" s="29">
        <v>65</v>
      </c>
      <c r="C100" s="10">
        <v>83</v>
      </c>
      <c r="D100" s="9">
        <v>148</v>
      </c>
    </row>
    <row r="101" spans="1:4" ht="18" customHeight="1" x14ac:dyDescent="0.2">
      <c r="A101" s="16">
        <v>79</v>
      </c>
      <c r="B101" s="29">
        <v>62</v>
      </c>
      <c r="C101" s="10">
        <v>102</v>
      </c>
      <c r="D101" s="9">
        <v>164</v>
      </c>
    </row>
    <row r="102" spans="1:4" ht="18" customHeight="1" x14ac:dyDescent="0.2">
      <c r="A102" s="8" t="s">
        <v>8</v>
      </c>
      <c r="B102" s="29">
        <v>387</v>
      </c>
      <c r="C102" s="10">
        <v>466</v>
      </c>
      <c r="D102" s="9">
        <v>853</v>
      </c>
    </row>
    <row r="103" spans="1:4" ht="18" customHeight="1" x14ac:dyDescent="0.2">
      <c r="A103" s="16">
        <v>80</v>
      </c>
      <c r="B103" s="29">
        <v>64</v>
      </c>
      <c r="C103" s="10">
        <v>85</v>
      </c>
      <c r="D103" s="9">
        <v>149</v>
      </c>
    </row>
    <row r="104" spans="1:4" ht="18" customHeight="1" x14ac:dyDescent="0.2">
      <c r="A104" s="16">
        <v>81</v>
      </c>
      <c r="B104" s="29">
        <v>54</v>
      </c>
      <c r="C104" s="10">
        <v>95</v>
      </c>
      <c r="D104" s="9">
        <v>149</v>
      </c>
    </row>
    <row r="105" spans="1:4" ht="18" customHeight="1" x14ac:dyDescent="0.2">
      <c r="A105" s="16">
        <v>82</v>
      </c>
      <c r="B105" s="29">
        <v>59</v>
      </c>
      <c r="C105" s="10">
        <v>83</v>
      </c>
      <c r="D105" s="9">
        <v>142</v>
      </c>
    </row>
    <row r="106" spans="1:4" ht="18" customHeight="1" x14ac:dyDescent="0.2">
      <c r="A106" s="16">
        <v>83</v>
      </c>
      <c r="B106" s="29">
        <v>67</v>
      </c>
      <c r="C106" s="10">
        <v>70</v>
      </c>
      <c r="D106" s="9">
        <v>137</v>
      </c>
    </row>
    <row r="107" spans="1:4" ht="18" customHeight="1" x14ac:dyDescent="0.2">
      <c r="A107" s="16">
        <v>84</v>
      </c>
      <c r="B107" s="29">
        <v>42</v>
      </c>
      <c r="C107" s="10">
        <v>55</v>
      </c>
      <c r="D107" s="9">
        <v>97</v>
      </c>
    </row>
    <row r="108" spans="1:4" ht="18" customHeight="1" x14ac:dyDescent="0.2">
      <c r="A108" s="8" t="s">
        <v>7</v>
      </c>
      <c r="B108" s="29">
        <v>286</v>
      </c>
      <c r="C108" s="10">
        <v>388</v>
      </c>
      <c r="D108" s="9">
        <v>674</v>
      </c>
    </row>
    <row r="109" spans="1:4" ht="18" customHeight="1" x14ac:dyDescent="0.2">
      <c r="A109" s="16">
        <v>85</v>
      </c>
      <c r="B109" s="29">
        <v>24</v>
      </c>
      <c r="C109" s="10">
        <v>51</v>
      </c>
      <c r="D109" s="9">
        <v>75</v>
      </c>
    </row>
    <row r="110" spans="1:4" ht="18" customHeight="1" x14ac:dyDescent="0.2">
      <c r="A110" s="16">
        <v>86</v>
      </c>
      <c r="B110" s="29">
        <v>29</v>
      </c>
      <c r="C110" s="10">
        <v>63</v>
      </c>
      <c r="D110" s="9">
        <v>92</v>
      </c>
    </row>
    <row r="111" spans="1:4" ht="18" customHeight="1" x14ac:dyDescent="0.2">
      <c r="A111" s="16">
        <v>87</v>
      </c>
      <c r="B111" s="29">
        <v>44</v>
      </c>
      <c r="C111" s="10">
        <v>87</v>
      </c>
      <c r="D111" s="9">
        <v>131</v>
      </c>
    </row>
    <row r="112" spans="1:4" ht="18" customHeight="1" x14ac:dyDescent="0.2">
      <c r="A112" s="16">
        <v>88</v>
      </c>
      <c r="B112" s="29">
        <v>26</v>
      </c>
      <c r="C112" s="10">
        <v>38</v>
      </c>
      <c r="D112" s="9">
        <v>64</v>
      </c>
    </row>
    <row r="113" spans="1:4" ht="18" customHeight="1" x14ac:dyDescent="0.2">
      <c r="A113" s="16">
        <v>89</v>
      </c>
      <c r="B113" s="29">
        <v>25</v>
      </c>
      <c r="C113" s="10">
        <v>45</v>
      </c>
      <c r="D113" s="9">
        <v>70</v>
      </c>
    </row>
    <row r="114" spans="1:4" ht="18" customHeight="1" x14ac:dyDescent="0.2">
      <c r="A114" s="8" t="s">
        <v>6</v>
      </c>
      <c r="B114" s="29">
        <v>148</v>
      </c>
      <c r="C114" s="10">
        <v>284</v>
      </c>
      <c r="D114" s="9">
        <v>432</v>
      </c>
    </row>
    <row r="115" spans="1:4" ht="18" customHeight="1" x14ac:dyDescent="0.2">
      <c r="A115" s="16">
        <v>90</v>
      </c>
      <c r="B115" s="29">
        <v>22</v>
      </c>
      <c r="C115" s="10">
        <v>67</v>
      </c>
      <c r="D115" s="9">
        <v>89</v>
      </c>
    </row>
    <row r="116" spans="1:4" ht="18" customHeight="1" x14ac:dyDescent="0.2">
      <c r="A116" s="16">
        <v>91</v>
      </c>
      <c r="B116" s="29">
        <v>13</v>
      </c>
      <c r="C116" s="10">
        <v>41</v>
      </c>
      <c r="D116" s="9">
        <v>54</v>
      </c>
    </row>
    <row r="117" spans="1:4" ht="18" customHeight="1" x14ac:dyDescent="0.2">
      <c r="A117" s="16">
        <v>92</v>
      </c>
      <c r="B117" s="29">
        <v>17</v>
      </c>
      <c r="C117" s="10">
        <v>40</v>
      </c>
      <c r="D117" s="9">
        <v>57</v>
      </c>
    </row>
    <row r="118" spans="1:4" ht="18" customHeight="1" x14ac:dyDescent="0.2">
      <c r="A118" s="16">
        <v>93</v>
      </c>
      <c r="B118" s="29">
        <v>7</v>
      </c>
      <c r="C118" s="10">
        <v>20</v>
      </c>
      <c r="D118" s="9">
        <v>27</v>
      </c>
    </row>
    <row r="119" spans="1:4" ht="18" customHeight="1" x14ac:dyDescent="0.2">
      <c r="A119" s="16">
        <v>94</v>
      </c>
      <c r="B119" s="29">
        <v>7</v>
      </c>
      <c r="C119" s="10">
        <v>26</v>
      </c>
      <c r="D119" s="9">
        <v>33</v>
      </c>
    </row>
    <row r="120" spans="1:4" ht="18" customHeight="1" x14ac:dyDescent="0.2">
      <c r="A120" s="8" t="s">
        <v>5</v>
      </c>
      <c r="B120" s="29">
        <v>66</v>
      </c>
      <c r="C120" s="10">
        <v>194</v>
      </c>
      <c r="D120" s="9">
        <v>260</v>
      </c>
    </row>
    <row r="121" spans="1:4" ht="18" customHeight="1" x14ac:dyDescent="0.2">
      <c r="A121" s="16">
        <v>95</v>
      </c>
      <c r="B121" s="29">
        <v>5</v>
      </c>
      <c r="C121" s="10">
        <v>10</v>
      </c>
      <c r="D121" s="9">
        <v>15</v>
      </c>
    </row>
    <row r="122" spans="1:4" ht="18" customHeight="1" x14ac:dyDescent="0.2">
      <c r="A122" s="16">
        <v>96</v>
      </c>
      <c r="B122" s="29">
        <v>3</v>
      </c>
      <c r="C122" s="10">
        <v>13</v>
      </c>
      <c r="D122" s="9">
        <v>16</v>
      </c>
    </row>
    <row r="123" spans="1:4" ht="18" customHeight="1" x14ac:dyDescent="0.2">
      <c r="A123" s="16">
        <v>97</v>
      </c>
      <c r="B123" s="29">
        <v>5</v>
      </c>
      <c r="C123" s="10">
        <v>7</v>
      </c>
      <c r="D123" s="9">
        <v>12</v>
      </c>
    </row>
    <row r="124" spans="1:4" ht="18" customHeight="1" x14ac:dyDescent="0.2">
      <c r="A124" s="16">
        <v>98</v>
      </c>
      <c r="B124" s="29">
        <v>2</v>
      </c>
      <c r="C124" s="10">
        <v>8</v>
      </c>
      <c r="D124" s="9">
        <v>10</v>
      </c>
    </row>
    <row r="125" spans="1:4" ht="18" customHeight="1" x14ac:dyDescent="0.2">
      <c r="A125" s="16">
        <v>99</v>
      </c>
      <c r="B125" s="29">
        <v>0</v>
      </c>
      <c r="C125" s="10">
        <v>6</v>
      </c>
      <c r="D125" s="9">
        <v>6</v>
      </c>
    </row>
    <row r="126" spans="1:4" ht="18" customHeight="1" x14ac:dyDescent="0.2">
      <c r="A126" s="8" t="s">
        <v>4</v>
      </c>
      <c r="B126" s="29">
        <v>15</v>
      </c>
      <c r="C126" s="10">
        <v>44</v>
      </c>
      <c r="D126" s="9">
        <v>59</v>
      </c>
    </row>
    <row r="127" spans="1:4" ht="18" customHeight="1" x14ac:dyDescent="0.2">
      <c r="A127" s="16">
        <v>100</v>
      </c>
      <c r="B127" s="29">
        <v>1</v>
      </c>
      <c r="C127" s="10">
        <v>5</v>
      </c>
      <c r="D127" s="9">
        <v>6</v>
      </c>
    </row>
    <row r="128" spans="1:4" ht="18" customHeight="1" x14ac:dyDescent="0.2">
      <c r="A128" s="15" t="s">
        <v>3</v>
      </c>
      <c r="B128" s="29">
        <v>2</v>
      </c>
      <c r="C128" s="10">
        <v>5</v>
      </c>
      <c r="D128" s="9">
        <v>7</v>
      </c>
    </row>
    <row r="129" spans="1:4" ht="18" customHeight="1" x14ac:dyDescent="0.2">
      <c r="A129" s="8" t="s">
        <v>2</v>
      </c>
      <c r="B129" s="29">
        <v>3</v>
      </c>
      <c r="C129" s="10">
        <v>10</v>
      </c>
      <c r="D129" s="9">
        <v>13</v>
      </c>
    </row>
    <row r="130" spans="1:4" ht="18" customHeight="1" x14ac:dyDescent="0.2">
      <c r="A130" s="8" t="s">
        <v>1</v>
      </c>
      <c r="B130" s="28">
        <v>1693</v>
      </c>
      <c r="C130" s="6">
        <v>2302</v>
      </c>
      <c r="D130" s="5">
        <v>3995</v>
      </c>
    </row>
    <row r="131" spans="1:4" ht="18" customHeight="1" x14ac:dyDescent="0.2">
      <c r="A131" s="4" t="s">
        <v>0</v>
      </c>
      <c r="B131" s="27">
        <v>5947</v>
      </c>
      <c r="C131" s="2">
        <v>6248</v>
      </c>
      <c r="D131" s="1">
        <v>12195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C7AE96C-3499-4A87-AB8C-87871E48E754}">
  <sheetPr codeName="Sheet1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33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5</v>
      </c>
      <c r="C5" s="18">
        <v>6</v>
      </c>
      <c r="D5" s="17">
        <v>11</v>
      </c>
    </row>
    <row r="6" spans="1:4" ht="18" customHeight="1" x14ac:dyDescent="0.2">
      <c r="A6" s="16">
        <v>1</v>
      </c>
      <c r="B6" s="29">
        <v>6</v>
      </c>
      <c r="C6" s="10">
        <v>6</v>
      </c>
      <c r="D6" s="9">
        <v>12</v>
      </c>
    </row>
    <row r="7" spans="1:4" ht="18" customHeight="1" x14ac:dyDescent="0.2">
      <c r="A7" s="16">
        <v>2</v>
      </c>
      <c r="B7" s="29">
        <v>10</v>
      </c>
      <c r="C7" s="10">
        <v>9</v>
      </c>
      <c r="D7" s="9">
        <v>19</v>
      </c>
    </row>
    <row r="8" spans="1:4" ht="18" customHeight="1" x14ac:dyDescent="0.2">
      <c r="A8" s="16">
        <v>3</v>
      </c>
      <c r="B8" s="29">
        <v>4</v>
      </c>
      <c r="C8" s="10">
        <v>5</v>
      </c>
      <c r="D8" s="9">
        <v>9</v>
      </c>
    </row>
    <row r="9" spans="1:4" ht="18" customHeight="1" x14ac:dyDescent="0.2">
      <c r="A9" s="16">
        <v>4</v>
      </c>
      <c r="B9" s="29">
        <v>6</v>
      </c>
      <c r="C9" s="10">
        <v>7</v>
      </c>
      <c r="D9" s="9">
        <v>13</v>
      </c>
    </row>
    <row r="10" spans="1:4" ht="18" customHeight="1" x14ac:dyDescent="0.2">
      <c r="A10" s="8" t="s">
        <v>25</v>
      </c>
      <c r="B10" s="29">
        <v>31</v>
      </c>
      <c r="C10" s="10">
        <v>33</v>
      </c>
      <c r="D10" s="9">
        <v>64</v>
      </c>
    </row>
    <row r="11" spans="1:4" ht="18" customHeight="1" x14ac:dyDescent="0.2">
      <c r="A11" s="16">
        <v>5</v>
      </c>
      <c r="B11" s="29">
        <v>2</v>
      </c>
      <c r="C11" s="10">
        <v>14</v>
      </c>
      <c r="D11" s="9">
        <v>16</v>
      </c>
    </row>
    <row r="12" spans="1:4" ht="18" customHeight="1" x14ac:dyDescent="0.2">
      <c r="A12" s="16">
        <v>6</v>
      </c>
      <c r="B12" s="29">
        <v>7</v>
      </c>
      <c r="C12" s="10">
        <v>9</v>
      </c>
      <c r="D12" s="9">
        <v>16</v>
      </c>
    </row>
    <row r="13" spans="1:4" ht="18" customHeight="1" x14ac:dyDescent="0.2">
      <c r="A13" s="16">
        <v>7</v>
      </c>
      <c r="B13" s="29">
        <v>13</v>
      </c>
      <c r="C13" s="10">
        <v>9</v>
      </c>
      <c r="D13" s="9">
        <v>22</v>
      </c>
    </row>
    <row r="14" spans="1:4" ht="18" customHeight="1" x14ac:dyDescent="0.2">
      <c r="A14" s="16">
        <v>8</v>
      </c>
      <c r="B14" s="29">
        <v>9</v>
      </c>
      <c r="C14" s="10">
        <v>10</v>
      </c>
      <c r="D14" s="9">
        <v>19</v>
      </c>
    </row>
    <row r="15" spans="1:4" ht="18" customHeight="1" x14ac:dyDescent="0.2">
      <c r="A15" s="16">
        <v>9</v>
      </c>
      <c r="B15" s="29">
        <v>5</v>
      </c>
      <c r="C15" s="10">
        <v>10</v>
      </c>
      <c r="D15" s="9">
        <v>15</v>
      </c>
    </row>
    <row r="16" spans="1:4" ht="18" customHeight="1" x14ac:dyDescent="0.2">
      <c r="A16" s="8" t="s">
        <v>24</v>
      </c>
      <c r="B16" s="29">
        <v>36</v>
      </c>
      <c r="C16" s="10">
        <v>52</v>
      </c>
      <c r="D16" s="9">
        <v>88</v>
      </c>
    </row>
    <row r="17" spans="1:4" ht="18" customHeight="1" x14ac:dyDescent="0.2">
      <c r="A17" s="16">
        <v>10</v>
      </c>
      <c r="B17" s="29">
        <v>16</v>
      </c>
      <c r="C17" s="10">
        <v>10</v>
      </c>
      <c r="D17" s="9">
        <v>26</v>
      </c>
    </row>
    <row r="18" spans="1:4" ht="18" customHeight="1" x14ac:dyDescent="0.2">
      <c r="A18" s="16">
        <v>11</v>
      </c>
      <c r="B18" s="29">
        <v>13</v>
      </c>
      <c r="C18" s="10">
        <v>12</v>
      </c>
      <c r="D18" s="9">
        <v>25</v>
      </c>
    </row>
    <row r="19" spans="1:4" ht="18" customHeight="1" x14ac:dyDescent="0.2">
      <c r="A19" s="16">
        <v>12</v>
      </c>
      <c r="B19" s="29">
        <v>14</v>
      </c>
      <c r="C19" s="10">
        <v>8</v>
      </c>
      <c r="D19" s="9">
        <v>22</v>
      </c>
    </row>
    <row r="20" spans="1:4" ht="18" customHeight="1" x14ac:dyDescent="0.2">
      <c r="A20" s="16">
        <v>13</v>
      </c>
      <c r="B20" s="29">
        <v>13</v>
      </c>
      <c r="C20" s="10">
        <v>13</v>
      </c>
      <c r="D20" s="9">
        <v>26</v>
      </c>
    </row>
    <row r="21" spans="1:4" ht="18" customHeight="1" x14ac:dyDescent="0.2">
      <c r="A21" s="16">
        <v>14</v>
      </c>
      <c r="B21" s="29">
        <v>12</v>
      </c>
      <c r="C21" s="10">
        <v>14</v>
      </c>
      <c r="D21" s="9">
        <v>26</v>
      </c>
    </row>
    <row r="22" spans="1:4" ht="18" customHeight="1" x14ac:dyDescent="0.2">
      <c r="A22" s="8" t="s">
        <v>23</v>
      </c>
      <c r="B22" s="29">
        <v>68</v>
      </c>
      <c r="C22" s="10">
        <v>57</v>
      </c>
      <c r="D22" s="9">
        <v>125</v>
      </c>
    </row>
    <row r="23" spans="1:4" ht="18" customHeight="1" x14ac:dyDescent="0.2">
      <c r="A23" s="8" t="s">
        <v>22</v>
      </c>
      <c r="B23" s="29">
        <v>135</v>
      </c>
      <c r="C23" s="10">
        <v>142</v>
      </c>
      <c r="D23" s="9">
        <v>277</v>
      </c>
    </row>
    <row r="24" spans="1:4" ht="18" customHeight="1" x14ac:dyDescent="0.2">
      <c r="A24" s="16">
        <v>15</v>
      </c>
      <c r="B24" s="29">
        <v>13</v>
      </c>
      <c r="C24" s="10">
        <v>16</v>
      </c>
      <c r="D24" s="9">
        <v>29</v>
      </c>
    </row>
    <row r="25" spans="1:4" ht="18" customHeight="1" x14ac:dyDescent="0.2">
      <c r="A25" s="16">
        <v>16</v>
      </c>
      <c r="B25" s="29">
        <v>18</v>
      </c>
      <c r="C25" s="10">
        <v>18</v>
      </c>
      <c r="D25" s="9">
        <v>36</v>
      </c>
    </row>
    <row r="26" spans="1:4" ht="18" customHeight="1" x14ac:dyDescent="0.2">
      <c r="A26" s="16">
        <v>17</v>
      </c>
      <c r="B26" s="29">
        <v>14</v>
      </c>
      <c r="C26" s="10">
        <v>16</v>
      </c>
      <c r="D26" s="9">
        <v>30</v>
      </c>
    </row>
    <row r="27" spans="1:4" ht="18" customHeight="1" x14ac:dyDescent="0.2">
      <c r="A27" s="16">
        <v>18</v>
      </c>
      <c r="B27" s="29">
        <v>16</v>
      </c>
      <c r="C27" s="10">
        <v>13</v>
      </c>
      <c r="D27" s="9">
        <v>29</v>
      </c>
    </row>
    <row r="28" spans="1:4" ht="18" customHeight="1" x14ac:dyDescent="0.2">
      <c r="A28" s="16">
        <v>19</v>
      </c>
      <c r="B28" s="29">
        <v>13</v>
      </c>
      <c r="C28" s="10">
        <v>17</v>
      </c>
      <c r="D28" s="9">
        <v>30</v>
      </c>
    </row>
    <row r="29" spans="1:4" ht="18" customHeight="1" x14ac:dyDescent="0.2">
      <c r="A29" s="8" t="s">
        <v>21</v>
      </c>
      <c r="B29" s="29">
        <v>74</v>
      </c>
      <c r="C29" s="10">
        <v>80</v>
      </c>
      <c r="D29" s="9">
        <v>154</v>
      </c>
    </row>
    <row r="30" spans="1:4" ht="18" customHeight="1" x14ac:dyDescent="0.2">
      <c r="A30" s="16">
        <v>20</v>
      </c>
      <c r="B30" s="29">
        <v>12</v>
      </c>
      <c r="C30" s="10">
        <v>11</v>
      </c>
      <c r="D30" s="9">
        <v>23</v>
      </c>
    </row>
    <row r="31" spans="1:4" ht="18" customHeight="1" x14ac:dyDescent="0.2">
      <c r="A31" s="16">
        <v>21</v>
      </c>
      <c r="B31" s="29">
        <v>12</v>
      </c>
      <c r="C31" s="10">
        <v>13</v>
      </c>
      <c r="D31" s="9">
        <v>25</v>
      </c>
    </row>
    <row r="32" spans="1:4" ht="18" customHeight="1" x14ac:dyDescent="0.2">
      <c r="A32" s="16">
        <v>22</v>
      </c>
      <c r="B32" s="29">
        <v>9</v>
      </c>
      <c r="C32" s="10">
        <v>13</v>
      </c>
      <c r="D32" s="9">
        <v>22</v>
      </c>
    </row>
    <row r="33" spans="1:4" ht="18" customHeight="1" x14ac:dyDescent="0.2">
      <c r="A33" s="16">
        <v>23</v>
      </c>
      <c r="B33" s="29">
        <v>17</v>
      </c>
      <c r="C33" s="10">
        <v>12</v>
      </c>
      <c r="D33" s="9">
        <v>29</v>
      </c>
    </row>
    <row r="34" spans="1:4" ht="18" customHeight="1" x14ac:dyDescent="0.2">
      <c r="A34" s="16">
        <v>24</v>
      </c>
      <c r="B34" s="29">
        <v>14</v>
      </c>
      <c r="C34" s="10">
        <v>13</v>
      </c>
      <c r="D34" s="9">
        <v>27</v>
      </c>
    </row>
    <row r="35" spans="1:4" ht="18" customHeight="1" x14ac:dyDescent="0.2">
      <c r="A35" s="8" t="s">
        <v>20</v>
      </c>
      <c r="B35" s="29">
        <v>64</v>
      </c>
      <c r="C35" s="10">
        <v>62</v>
      </c>
      <c r="D35" s="9">
        <v>126</v>
      </c>
    </row>
    <row r="36" spans="1:4" ht="18" customHeight="1" x14ac:dyDescent="0.2">
      <c r="A36" s="16">
        <v>25</v>
      </c>
      <c r="B36" s="29">
        <v>10</v>
      </c>
      <c r="C36" s="10">
        <v>8</v>
      </c>
      <c r="D36" s="9">
        <v>18</v>
      </c>
    </row>
    <row r="37" spans="1:4" ht="18" customHeight="1" x14ac:dyDescent="0.2">
      <c r="A37" s="16">
        <v>26</v>
      </c>
      <c r="B37" s="29">
        <v>11</v>
      </c>
      <c r="C37" s="10">
        <v>7</v>
      </c>
      <c r="D37" s="9">
        <v>18</v>
      </c>
    </row>
    <row r="38" spans="1:4" ht="18" customHeight="1" x14ac:dyDescent="0.2">
      <c r="A38" s="16">
        <v>27</v>
      </c>
      <c r="B38" s="29">
        <v>11</v>
      </c>
      <c r="C38" s="10">
        <v>8</v>
      </c>
      <c r="D38" s="9">
        <v>19</v>
      </c>
    </row>
    <row r="39" spans="1:4" ht="18" customHeight="1" x14ac:dyDescent="0.2">
      <c r="A39" s="16">
        <v>28</v>
      </c>
      <c r="B39" s="29">
        <v>8</v>
      </c>
      <c r="C39" s="10">
        <v>3</v>
      </c>
      <c r="D39" s="9">
        <v>11</v>
      </c>
    </row>
    <row r="40" spans="1:4" ht="18" customHeight="1" x14ac:dyDescent="0.2">
      <c r="A40" s="16">
        <v>29</v>
      </c>
      <c r="B40" s="29">
        <v>17</v>
      </c>
      <c r="C40" s="10">
        <v>8</v>
      </c>
      <c r="D40" s="9">
        <v>25</v>
      </c>
    </row>
    <row r="41" spans="1:4" ht="18" customHeight="1" x14ac:dyDescent="0.2">
      <c r="A41" s="8" t="s">
        <v>19</v>
      </c>
      <c r="B41" s="29">
        <v>57</v>
      </c>
      <c r="C41" s="10">
        <v>34</v>
      </c>
      <c r="D41" s="9">
        <v>91</v>
      </c>
    </row>
    <row r="42" spans="1:4" ht="18" customHeight="1" x14ac:dyDescent="0.2">
      <c r="A42" s="16">
        <v>30</v>
      </c>
      <c r="B42" s="29">
        <v>13</v>
      </c>
      <c r="C42" s="10">
        <v>7</v>
      </c>
      <c r="D42" s="9">
        <v>20</v>
      </c>
    </row>
    <row r="43" spans="1:4" ht="18" customHeight="1" x14ac:dyDescent="0.2">
      <c r="A43" s="16">
        <v>31</v>
      </c>
      <c r="B43" s="29">
        <v>7</v>
      </c>
      <c r="C43" s="10">
        <v>8</v>
      </c>
      <c r="D43" s="9">
        <v>15</v>
      </c>
    </row>
    <row r="44" spans="1:4" ht="18" customHeight="1" x14ac:dyDescent="0.2">
      <c r="A44" s="16">
        <v>32</v>
      </c>
      <c r="B44" s="29">
        <v>10</v>
      </c>
      <c r="C44" s="10">
        <v>4</v>
      </c>
      <c r="D44" s="9">
        <v>14</v>
      </c>
    </row>
    <row r="45" spans="1:4" ht="18" customHeight="1" x14ac:dyDescent="0.2">
      <c r="A45" s="16">
        <v>33</v>
      </c>
      <c r="B45" s="29">
        <v>5</v>
      </c>
      <c r="C45" s="10">
        <v>10</v>
      </c>
      <c r="D45" s="9">
        <v>15</v>
      </c>
    </row>
    <row r="46" spans="1:4" ht="18" customHeight="1" x14ac:dyDescent="0.2">
      <c r="A46" s="16">
        <v>34</v>
      </c>
      <c r="B46" s="29">
        <v>6</v>
      </c>
      <c r="C46" s="10">
        <v>8</v>
      </c>
      <c r="D46" s="9">
        <v>14</v>
      </c>
    </row>
    <row r="47" spans="1:4" ht="18" customHeight="1" x14ac:dyDescent="0.2">
      <c r="A47" s="8" t="s">
        <v>18</v>
      </c>
      <c r="B47" s="29">
        <v>41</v>
      </c>
      <c r="C47" s="10">
        <v>37</v>
      </c>
      <c r="D47" s="9">
        <v>78</v>
      </c>
    </row>
    <row r="48" spans="1:4" ht="18" customHeight="1" x14ac:dyDescent="0.2">
      <c r="A48" s="16">
        <v>35</v>
      </c>
      <c r="B48" s="29">
        <v>10</v>
      </c>
      <c r="C48" s="10">
        <v>13</v>
      </c>
      <c r="D48" s="9">
        <v>23</v>
      </c>
    </row>
    <row r="49" spans="1:4" ht="18" customHeight="1" x14ac:dyDescent="0.2">
      <c r="A49" s="16">
        <v>36</v>
      </c>
      <c r="B49" s="29">
        <v>11</v>
      </c>
      <c r="C49" s="10">
        <v>8</v>
      </c>
      <c r="D49" s="9">
        <v>19</v>
      </c>
    </row>
    <row r="50" spans="1:4" ht="18" customHeight="1" x14ac:dyDescent="0.2">
      <c r="A50" s="16">
        <v>37</v>
      </c>
      <c r="B50" s="29">
        <v>14</v>
      </c>
      <c r="C50" s="10">
        <v>8</v>
      </c>
      <c r="D50" s="9">
        <v>22</v>
      </c>
    </row>
    <row r="51" spans="1:4" ht="18" customHeight="1" x14ac:dyDescent="0.2">
      <c r="A51" s="16">
        <v>38</v>
      </c>
      <c r="B51" s="29">
        <v>16</v>
      </c>
      <c r="C51" s="10">
        <v>13</v>
      </c>
      <c r="D51" s="9">
        <v>29</v>
      </c>
    </row>
    <row r="52" spans="1:4" ht="18" customHeight="1" x14ac:dyDescent="0.2">
      <c r="A52" s="16">
        <v>39</v>
      </c>
      <c r="B52" s="29">
        <v>21</v>
      </c>
      <c r="C52" s="10">
        <v>13</v>
      </c>
      <c r="D52" s="9">
        <v>34</v>
      </c>
    </row>
    <row r="53" spans="1:4" ht="18" customHeight="1" x14ac:dyDescent="0.2">
      <c r="A53" s="8" t="s">
        <v>17</v>
      </c>
      <c r="B53" s="29">
        <v>72</v>
      </c>
      <c r="C53" s="10">
        <v>55</v>
      </c>
      <c r="D53" s="9">
        <v>127</v>
      </c>
    </row>
    <row r="54" spans="1:4" ht="18" customHeight="1" x14ac:dyDescent="0.2">
      <c r="A54" s="16">
        <v>40</v>
      </c>
      <c r="B54" s="29">
        <v>12</v>
      </c>
      <c r="C54" s="10">
        <v>17</v>
      </c>
      <c r="D54" s="9">
        <v>29</v>
      </c>
    </row>
    <row r="55" spans="1:4" ht="18" customHeight="1" x14ac:dyDescent="0.2">
      <c r="A55" s="16">
        <v>41</v>
      </c>
      <c r="B55" s="29">
        <v>13</v>
      </c>
      <c r="C55" s="10">
        <v>15</v>
      </c>
      <c r="D55" s="9">
        <v>28</v>
      </c>
    </row>
    <row r="56" spans="1:4" ht="18" customHeight="1" x14ac:dyDescent="0.2">
      <c r="A56" s="16">
        <v>42</v>
      </c>
      <c r="B56" s="29">
        <v>19</v>
      </c>
      <c r="C56" s="10">
        <v>14</v>
      </c>
      <c r="D56" s="9">
        <v>33</v>
      </c>
    </row>
    <row r="57" spans="1:4" ht="18" customHeight="1" x14ac:dyDescent="0.2">
      <c r="A57" s="16">
        <v>43</v>
      </c>
      <c r="B57" s="29">
        <v>19</v>
      </c>
      <c r="C57" s="10">
        <v>19</v>
      </c>
      <c r="D57" s="9">
        <v>38</v>
      </c>
    </row>
    <row r="58" spans="1:4" ht="18" customHeight="1" x14ac:dyDescent="0.2">
      <c r="A58" s="16">
        <v>44</v>
      </c>
      <c r="B58" s="29">
        <v>20</v>
      </c>
      <c r="C58" s="10">
        <v>12</v>
      </c>
      <c r="D58" s="9">
        <v>32</v>
      </c>
    </row>
    <row r="59" spans="1:4" ht="18" customHeight="1" x14ac:dyDescent="0.2">
      <c r="A59" s="8" t="s">
        <v>16</v>
      </c>
      <c r="B59" s="29">
        <v>83</v>
      </c>
      <c r="C59" s="10">
        <v>77</v>
      </c>
      <c r="D59" s="9">
        <v>160</v>
      </c>
    </row>
    <row r="60" spans="1:4" ht="18" customHeight="1" x14ac:dyDescent="0.2">
      <c r="A60" s="16">
        <v>45</v>
      </c>
      <c r="B60" s="29">
        <v>18</v>
      </c>
      <c r="C60" s="10">
        <v>17</v>
      </c>
      <c r="D60" s="9">
        <v>35</v>
      </c>
    </row>
    <row r="61" spans="1:4" ht="18" customHeight="1" x14ac:dyDescent="0.2">
      <c r="A61" s="16">
        <v>46</v>
      </c>
      <c r="B61" s="29">
        <v>18</v>
      </c>
      <c r="C61" s="10">
        <v>31</v>
      </c>
      <c r="D61" s="9">
        <v>49</v>
      </c>
    </row>
    <row r="62" spans="1:4" ht="18" customHeight="1" x14ac:dyDescent="0.2">
      <c r="A62" s="16">
        <v>47</v>
      </c>
      <c r="B62" s="29">
        <v>19</v>
      </c>
      <c r="C62" s="10">
        <v>24</v>
      </c>
      <c r="D62" s="9">
        <v>43</v>
      </c>
    </row>
    <row r="63" spans="1:4" ht="18" customHeight="1" x14ac:dyDescent="0.2">
      <c r="A63" s="16">
        <v>48</v>
      </c>
      <c r="B63" s="29">
        <v>19</v>
      </c>
      <c r="C63" s="10">
        <v>22</v>
      </c>
      <c r="D63" s="9">
        <v>41</v>
      </c>
    </row>
    <row r="64" spans="1:4" ht="18" customHeight="1" x14ac:dyDescent="0.2">
      <c r="A64" s="16">
        <v>49</v>
      </c>
      <c r="B64" s="29">
        <v>20</v>
      </c>
      <c r="C64" s="10">
        <v>27</v>
      </c>
      <c r="D64" s="9">
        <v>47</v>
      </c>
    </row>
    <row r="65" spans="1:4" ht="18" customHeight="1" x14ac:dyDescent="0.2">
      <c r="A65" s="8" t="s">
        <v>15</v>
      </c>
      <c r="B65" s="29">
        <v>94</v>
      </c>
      <c r="C65" s="10">
        <v>121</v>
      </c>
      <c r="D65" s="9">
        <v>215</v>
      </c>
    </row>
    <row r="66" spans="1:4" ht="18" customHeight="1" x14ac:dyDescent="0.2">
      <c r="A66" s="16">
        <v>50</v>
      </c>
      <c r="B66" s="29">
        <v>23</v>
      </c>
      <c r="C66" s="10">
        <v>18</v>
      </c>
      <c r="D66" s="9">
        <v>41</v>
      </c>
    </row>
    <row r="67" spans="1:4" ht="18" customHeight="1" x14ac:dyDescent="0.2">
      <c r="A67" s="16">
        <v>51</v>
      </c>
      <c r="B67" s="29">
        <v>19</v>
      </c>
      <c r="C67" s="10">
        <v>26</v>
      </c>
      <c r="D67" s="9">
        <v>45</v>
      </c>
    </row>
    <row r="68" spans="1:4" ht="18" customHeight="1" x14ac:dyDescent="0.2">
      <c r="A68" s="16">
        <v>52</v>
      </c>
      <c r="B68" s="29">
        <v>26</v>
      </c>
      <c r="C68" s="10">
        <v>24</v>
      </c>
      <c r="D68" s="9">
        <v>50</v>
      </c>
    </row>
    <row r="69" spans="1:4" ht="18" customHeight="1" x14ac:dyDescent="0.2">
      <c r="A69" s="16">
        <v>53</v>
      </c>
      <c r="B69" s="29">
        <v>24</v>
      </c>
      <c r="C69" s="10">
        <v>14</v>
      </c>
      <c r="D69" s="9">
        <v>38</v>
      </c>
    </row>
    <row r="70" spans="1:4" ht="18" customHeight="1" x14ac:dyDescent="0.2">
      <c r="A70" s="16">
        <v>54</v>
      </c>
      <c r="B70" s="29">
        <v>23</v>
      </c>
      <c r="C70" s="10">
        <v>23</v>
      </c>
      <c r="D70" s="9">
        <v>46</v>
      </c>
    </row>
    <row r="71" spans="1:4" ht="18" customHeight="1" x14ac:dyDescent="0.2">
      <c r="A71" s="8" t="s">
        <v>14</v>
      </c>
      <c r="B71" s="29">
        <v>115</v>
      </c>
      <c r="C71" s="10">
        <v>105</v>
      </c>
      <c r="D71" s="9">
        <v>220</v>
      </c>
    </row>
    <row r="72" spans="1:4" ht="18" customHeight="1" x14ac:dyDescent="0.2">
      <c r="A72" s="16">
        <v>55</v>
      </c>
      <c r="B72" s="29">
        <v>14</v>
      </c>
      <c r="C72" s="10">
        <v>20</v>
      </c>
      <c r="D72" s="9">
        <v>34</v>
      </c>
    </row>
    <row r="73" spans="1:4" ht="18" customHeight="1" x14ac:dyDescent="0.2">
      <c r="A73" s="16">
        <v>56</v>
      </c>
      <c r="B73" s="29">
        <v>15</v>
      </c>
      <c r="C73" s="10">
        <v>19</v>
      </c>
      <c r="D73" s="9">
        <v>34</v>
      </c>
    </row>
    <row r="74" spans="1:4" ht="18" customHeight="1" x14ac:dyDescent="0.2">
      <c r="A74" s="16">
        <v>57</v>
      </c>
      <c r="B74" s="29">
        <v>23</v>
      </c>
      <c r="C74" s="10">
        <v>17</v>
      </c>
      <c r="D74" s="9">
        <v>40</v>
      </c>
    </row>
    <row r="75" spans="1:4" ht="18" customHeight="1" x14ac:dyDescent="0.2">
      <c r="A75" s="16">
        <v>58</v>
      </c>
      <c r="B75" s="29">
        <v>20</v>
      </c>
      <c r="C75" s="10">
        <v>28</v>
      </c>
      <c r="D75" s="9">
        <v>48</v>
      </c>
    </row>
    <row r="76" spans="1:4" ht="18" customHeight="1" x14ac:dyDescent="0.2">
      <c r="A76" s="16">
        <v>59</v>
      </c>
      <c r="B76" s="29">
        <v>20</v>
      </c>
      <c r="C76" s="10">
        <v>20</v>
      </c>
      <c r="D76" s="9">
        <v>40</v>
      </c>
    </row>
    <row r="77" spans="1:4" ht="18" customHeight="1" x14ac:dyDescent="0.2">
      <c r="A77" s="8" t="s">
        <v>13</v>
      </c>
      <c r="B77" s="29">
        <v>92</v>
      </c>
      <c r="C77" s="10">
        <v>104</v>
      </c>
      <c r="D77" s="9">
        <v>196</v>
      </c>
    </row>
    <row r="78" spans="1:4" ht="18" customHeight="1" x14ac:dyDescent="0.2">
      <c r="A78" s="16">
        <v>60</v>
      </c>
      <c r="B78" s="29">
        <v>14</v>
      </c>
      <c r="C78" s="10">
        <v>25</v>
      </c>
      <c r="D78" s="9">
        <v>39</v>
      </c>
    </row>
    <row r="79" spans="1:4" ht="18" customHeight="1" x14ac:dyDescent="0.2">
      <c r="A79" s="16">
        <v>61</v>
      </c>
      <c r="B79" s="29">
        <v>18</v>
      </c>
      <c r="C79" s="10">
        <v>15</v>
      </c>
      <c r="D79" s="9">
        <v>33</v>
      </c>
    </row>
    <row r="80" spans="1:4" ht="18" customHeight="1" x14ac:dyDescent="0.2">
      <c r="A80" s="16">
        <v>62</v>
      </c>
      <c r="B80" s="29">
        <v>20</v>
      </c>
      <c r="C80" s="10">
        <v>19</v>
      </c>
      <c r="D80" s="9">
        <v>39</v>
      </c>
    </row>
    <row r="81" spans="1:4" ht="18" customHeight="1" x14ac:dyDescent="0.2">
      <c r="A81" s="16">
        <v>63</v>
      </c>
      <c r="B81" s="29">
        <v>20</v>
      </c>
      <c r="C81" s="10">
        <v>18</v>
      </c>
      <c r="D81" s="9">
        <v>38</v>
      </c>
    </row>
    <row r="82" spans="1:4" ht="18" customHeight="1" x14ac:dyDescent="0.2">
      <c r="A82" s="16">
        <v>64</v>
      </c>
      <c r="B82" s="29">
        <v>13</v>
      </c>
      <c r="C82" s="10">
        <v>18</v>
      </c>
      <c r="D82" s="9">
        <v>31</v>
      </c>
    </row>
    <row r="83" spans="1:4" ht="18" customHeight="1" x14ac:dyDescent="0.2">
      <c r="A83" s="8" t="s">
        <v>12</v>
      </c>
      <c r="B83" s="29">
        <v>85</v>
      </c>
      <c r="C83" s="10">
        <v>95</v>
      </c>
      <c r="D83" s="9">
        <v>180</v>
      </c>
    </row>
    <row r="84" spans="1:4" ht="18" customHeight="1" x14ac:dyDescent="0.2">
      <c r="A84" s="8" t="s">
        <v>11</v>
      </c>
      <c r="B84" s="29">
        <v>777</v>
      </c>
      <c r="C84" s="10">
        <v>770</v>
      </c>
      <c r="D84" s="9">
        <v>1547</v>
      </c>
    </row>
    <row r="85" spans="1:4" ht="18" customHeight="1" x14ac:dyDescent="0.2">
      <c r="A85" s="16">
        <v>65</v>
      </c>
      <c r="B85" s="29">
        <v>16</v>
      </c>
      <c r="C85" s="10">
        <v>13</v>
      </c>
      <c r="D85" s="9">
        <v>29</v>
      </c>
    </row>
    <row r="86" spans="1:4" ht="18" customHeight="1" x14ac:dyDescent="0.2">
      <c r="A86" s="16">
        <v>66</v>
      </c>
      <c r="B86" s="29">
        <v>17</v>
      </c>
      <c r="C86" s="10">
        <v>14</v>
      </c>
      <c r="D86" s="9">
        <v>31</v>
      </c>
    </row>
    <row r="87" spans="1:4" ht="18" customHeight="1" x14ac:dyDescent="0.2">
      <c r="A87" s="16">
        <v>67</v>
      </c>
      <c r="B87" s="29">
        <v>10</v>
      </c>
      <c r="C87" s="10">
        <v>17</v>
      </c>
      <c r="D87" s="9">
        <v>27</v>
      </c>
    </row>
    <row r="88" spans="1:4" ht="18" customHeight="1" x14ac:dyDescent="0.2">
      <c r="A88" s="16">
        <v>68</v>
      </c>
      <c r="B88" s="29">
        <v>14</v>
      </c>
      <c r="C88" s="10">
        <v>22</v>
      </c>
      <c r="D88" s="9">
        <v>36</v>
      </c>
    </row>
    <row r="89" spans="1:4" ht="18" customHeight="1" x14ac:dyDescent="0.2">
      <c r="A89" s="16">
        <v>69</v>
      </c>
      <c r="B89" s="29">
        <v>20</v>
      </c>
      <c r="C89" s="10">
        <v>20</v>
      </c>
      <c r="D89" s="9">
        <v>40</v>
      </c>
    </row>
    <row r="90" spans="1:4" ht="18" customHeight="1" x14ac:dyDescent="0.2">
      <c r="A90" s="8" t="s">
        <v>10</v>
      </c>
      <c r="B90" s="29">
        <v>77</v>
      </c>
      <c r="C90" s="10">
        <v>86</v>
      </c>
      <c r="D90" s="9">
        <v>163</v>
      </c>
    </row>
    <row r="91" spans="1:4" ht="18" customHeight="1" x14ac:dyDescent="0.2">
      <c r="A91" s="16">
        <v>70</v>
      </c>
      <c r="B91" s="29">
        <v>20</v>
      </c>
      <c r="C91" s="10">
        <v>30</v>
      </c>
      <c r="D91" s="9">
        <v>50</v>
      </c>
    </row>
    <row r="92" spans="1:4" ht="18" customHeight="1" x14ac:dyDescent="0.2">
      <c r="A92" s="16">
        <v>71</v>
      </c>
      <c r="B92" s="29">
        <v>16</v>
      </c>
      <c r="C92" s="10">
        <v>28</v>
      </c>
      <c r="D92" s="9">
        <v>44</v>
      </c>
    </row>
    <row r="93" spans="1:4" ht="18" customHeight="1" x14ac:dyDescent="0.2">
      <c r="A93" s="16">
        <v>72</v>
      </c>
      <c r="B93" s="29">
        <v>17</v>
      </c>
      <c r="C93" s="10">
        <v>23</v>
      </c>
      <c r="D93" s="9">
        <v>40</v>
      </c>
    </row>
    <row r="94" spans="1:4" ht="18" customHeight="1" x14ac:dyDescent="0.2">
      <c r="A94" s="16">
        <v>73</v>
      </c>
      <c r="B94" s="29">
        <v>13</v>
      </c>
      <c r="C94" s="10">
        <v>24</v>
      </c>
      <c r="D94" s="9">
        <v>37</v>
      </c>
    </row>
    <row r="95" spans="1:4" ht="18" customHeight="1" x14ac:dyDescent="0.2">
      <c r="A95" s="16">
        <v>74</v>
      </c>
      <c r="B95" s="29">
        <v>29</v>
      </c>
      <c r="C95" s="10">
        <v>30</v>
      </c>
      <c r="D95" s="9">
        <v>59</v>
      </c>
    </row>
    <row r="96" spans="1:4" ht="18" customHeight="1" x14ac:dyDescent="0.2">
      <c r="A96" s="8" t="s">
        <v>9</v>
      </c>
      <c r="B96" s="29">
        <v>95</v>
      </c>
      <c r="C96" s="10">
        <v>135</v>
      </c>
      <c r="D96" s="9">
        <v>230</v>
      </c>
    </row>
    <row r="97" spans="1:4" ht="18" customHeight="1" x14ac:dyDescent="0.2">
      <c r="A97" s="16">
        <v>75</v>
      </c>
      <c r="B97" s="29">
        <v>16</v>
      </c>
      <c r="C97" s="10">
        <v>33</v>
      </c>
      <c r="D97" s="9">
        <v>49</v>
      </c>
    </row>
    <row r="98" spans="1:4" ht="18" customHeight="1" x14ac:dyDescent="0.2">
      <c r="A98" s="16">
        <v>76</v>
      </c>
      <c r="B98" s="29">
        <v>21</v>
      </c>
      <c r="C98" s="10">
        <v>25</v>
      </c>
      <c r="D98" s="9">
        <v>46</v>
      </c>
    </row>
    <row r="99" spans="1:4" ht="18" customHeight="1" x14ac:dyDescent="0.2">
      <c r="A99" s="16">
        <v>77</v>
      </c>
      <c r="B99" s="29">
        <v>15</v>
      </c>
      <c r="C99" s="10">
        <v>9</v>
      </c>
      <c r="D99" s="9">
        <v>24</v>
      </c>
    </row>
    <row r="100" spans="1:4" ht="18" customHeight="1" x14ac:dyDescent="0.2">
      <c r="A100" s="16">
        <v>78</v>
      </c>
      <c r="B100" s="29">
        <v>14</v>
      </c>
      <c r="C100" s="10">
        <v>11</v>
      </c>
      <c r="D100" s="9">
        <v>25</v>
      </c>
    </row>
    <row r="101" spans="1:4" ht="18" customHeight="1" x14ac:dyDescent="0.2">
      <c r="A101" s="16">
        <v>79</v>
      </c>
      <c r="B101" s="29">
        <v>16</v>
      </c>
      <c r="C101" s="10">
        <v>22</v>
      </c>
      <c r="D101" s="9">
        <v>38</v>
      </c>
    </row>
    <row r="102" spans="1:4" ht="18" customHeight="1" x14ac:dyDescent="0.2">
      <c r="A102" s="8" t="s">
        <v>8</v>
      </c>
      <c r="B102" s="29">
        <v>82</v>
      </c>
      <c r="C102" s="10">
        <v>100</v>
      </c>
      <c r="D102" s="9">
        <v>182</v>
      </c>
    </row>
    <row r="103" spans="1:4" ht="18" customHeight="1" x14ac:dyDescent="0.2">
      <c r="A103" s="16">
        <v>80</v>
      </c>
      <c r="B103" s="29">
        <v>13</v>
      </c>
      <c r="C103" s="10">
        <v>20</v>
      </c>
      <c r="D103" s="9">
        <v>33</v>
      </c>
    </row>
    <row r="104" spans="1:4" ht="18" customHeight="1" x14ac:dyDescent="0.2">
      <c r="A104" s="16">
        <v>81</v>
      </c>
      <c r="B104" s="29">
        <v>15</v>
      </c>
      <c r="C104" s="10">
        <v>10</v>
      </c>
      <c r="D104" s="9">
        <v>25</v>
      </c>
    </row>
    <row r="105" spans="1:4" ht="18" customHeight="1" x14ac:dyDescent="0.2">
      <c r="A105" s="16">
        <v>82</v>
      </c>
      <c r="B105" s="29">
        <v>11</v>
      </c>
      <c r="C105" s="10">
        <v>11</v>
      </c>
      <c r="D105" s="9">
        <v>22</v>
      </c>
    </row>
    <row r="106" spans="1:4" ht="18" customHeight="1" x14ac:dyDescent="0.2">
      <c r="A106" s="16">
        <v>83</v>
      </c>
      <c r="B106" s="29">
        <v>7</v>
      </c>
      <c r="C106" s="10">
        <v>19</v>
      </c>
      <c r="D106" s="9">
        <v>26</v>
      </c>
    </row>
    <row r="107" spans="1:4" ht="18" customHeight="1" x14ac:dyDescent="0.2">
      <c r="A107" s="16">
        <v>84</v>
      </c>
      <c r="B107" s="29">
        <v>4</v>
      </c>
      <c r="C107" s="10">
        <v>13</v>
      </c>
      <c r="D107" s="9">
        <v>17</v>
      </c>
    </row>
    <row r="108" spans="1:4" ht="18" customHeight="1" x14ac:dyDescent="0.2">
      <c r="A108" s="8" t="s">
        <v>7</v>
      </c>
      <c r="B108" s="29">
        <v>50</v>
      </c>
      <c r="C108" s="10">
        <v>73</v>
      </c>
      <c r="D108" s="9">
        <v>123</v>
      </c>
    </row>
    <row r="109" spans="1:4" ht="18" customHeight="1" x14ac:dyDescent="0.2">
      <c r="A109" s="16">
        <v>85</v>
      </c>
      <c r="B109" s="29">
        <v>8</v>
      </c>
      <c r="C109" s="10">
        <v>13</v>
      </c>
      <c r="D109" s="9">
        <v>21</v>
      </c>
    </row>
    <row r="110" spans="1:4" ht="18" customHeight="1" x14ac:dyDescent="0.2">
      <c r="A110" s="16">
        <v>86</v>
      </c>
      <c r="B110" s="29">
        <v>6</v>
      </c>
      <c r="C110" s="10">
        <v>17</v>
      </c>
      <c r="D110" s="9">
        <v>23</v>
      </c>
    </row>
    <row r="111" spans="1:4" ht="18" customHeight="1" x14ac:dyDescent="0.2">
      <c r="A111" s="16">
        <v>87</v>
      </c>
      <c r="B111" s="29">
        <v>10</v>
      </c>
      <c r="C111" s="10">
        <v>13</v>
      </c>
      <c r="D111" s="9">
        <v>23</v>
      </c>
    </row>
    <row r="112" spans="1:4" ht="18" customHeight="1" x14ac:dyDescent="0.2">
      <c r="A112" s="16">
        <v>88</v>
      </c>
      <c r="B112" s="29">
        <v>6</v>
      </c>
      <c r="C112" s="10">
        <v>12</v>
      </c>
      <c r="D112" s="9">
        <v>18</v>
      </c>
    </row>
    <row r="113" spans="1:4" ht="18" customHeight="1" x14ac:dyDescent="0.2">
      <c r="A113" s="16">
        <v>89</v>
      </c>
      <c r="B113" s="29">
        <v>5</v>
      </c>
      <c r="C113" s="10">
        <v>15</v>
      </c>
      <c r="D113" s="9">
        <v>20</v>
      </c>
    </row>
    <row r="114" spans="1:4" ht="18" customHeight="1" x14ac:dyDescent="0.2">
      <c r="A114" s="8" t="s">
        <v>6</v>
      </c>
      <c r="B114" s="29">
        <v>35</v>
      </c>
      <c r="C114" s="10">
        <v>70</v>
      </c>
      <c r="D114" s="9">
        <v>105</v>
      </c>
    </row>
    <row r="115" spans="1:4" ht="18" customHeight="1" x14ac:dyDescent="0.2">
      <c r="A115" s="16">
        <v>90</v>
      </c>
      <c r="B115" s="29">
        <v>7</v>
      </c>
      <c r="C115" s="10">
        <v>10</v>
      </c>
      <c r="D115" s="9">
        <v>17</v>
      </c>
    </row>
    <row r="116" spans="1:4" ht="18" customHeight="1" x14ac:dyDescent="0.2">
      <c r="A116" s="16">
        <v>91</v>
      </c>
      <c r="B116" s="29">
        <v>2</v>
      </c>
      <c r="C116" s="10">
        <v>14</v>
      </c>
      <c r="D116" s="9">
        <v>16</v>
      </c>
    </row>
    <row r="117" spans="1:4" ht="18" customHeight="1" x14ac:dyDescent="0.2">
      <c r="A117" s="16">
        <v>92</v>
      </c>
      <c r="B117" s="29">
        <v>2</v>
      </c>
      <c r="C117" s="10">
        <v>6</v>
      </c>
      <c r="D117" s="9">
        <v>8</v>
      </c>
    </row>
    <row r="118" spans="1:4" ht="18" customHeight="1" x14ac:dyDescent="0.2">
      <c r="A118" s="16">
        <v>93</v>
      </c>
      <c r="B118" s="29">
        <v>2</v>
      </c>
      <c r="C118" s="10">
        <v>8</v>
      </c>
      <c r="D118" s="9">
        <v>10</v>
      </c>
    </row>
    <row r="119" spans="1:4" ht="18" customHeight="1" x14ac:dyDescent="0.2">
      <c r="A119" s="16">
        <v>94</v>
      </c>
      <c r="B119" s="29">
        <v>1</v>
      </c>
      <c r="C119" s="10">
        <v>5</v>
      </c>
      <c r="D119" s="9">
        <v>6</v>
      </c>
    </row>
    <row r="120" spans="1:4" ht="18" customHeight="1" x14ac:dyDescent="0.2">
      <c r="A120" s="8" t="s">
        <v>5</v>
      </c>
      <c r="B120" s="29">
        <v>14</v>
      </c>
      <c r="C120" s="10">
        <v>43</v>
      </c>
      <c r="D120" s="9">
        <v>57</v>
      </c>
    </row>
    <row r="121" spans="1:4" ht="18" customHeight="1" x14ac:dyDescent="0.2">
      <c r="A121" s="16">
        <v>95</v>
      </c>
      <c r="B121" s="29">
        <v>1</v>
      </c>
      <c r="C121" s="10">
        <v>3</v>
      </c>
      <c r="D121" s="9">
        <v>4</v>
      </c>
    </row>
    <row r="122" spans="1:4" ht="18" customHeight="1" x14ac:dyDescent="0.2">
      <c r="A122" s="16">
        <v>96</v>
      </c>
      <c r="B122" s="29">
        <v>2</v>
      </c>
      <c r="C122" s="10">
        <v>5</v>
      </c>
      <c r="D122" s="9">
        <v>7</v>
      </c>
    </row>
    <row r="123" spans="1:4" ht="18" customHeight="1" x14ac:dyDescent="0.2">
      <c r="A123" s="16">
        <v>97</v>
      </c>
      <c r="B123" s="29">
        <v>0</v>
      </c>
      <c r="C123" s="10">
        <v>5</v>
      </c>
      <c r="D123" s="9">
        <v>5</v>
      </c>
    </row>
    <row r="124" spans="1:4" ht="18" customHeight="1" x14ac:dyDescent="0.2">
      <c r="A124" s="16">
        <v>98</v>
      </c>
      <c r="B124" s="29">
        <v>0</v>
      </c>
      <c r="C124" s="10">
        <v>2</v>
      </c>
      <c r="D124" s="9">
        <v>2</v>
      </c>
    </row>
    <row r="125" spans="1:4" ht="18" customHeight="1" x14ac:dyDescent="0.2">
      <c r="A125" s="16">
        <v>99</v>
      </c>
      <c r="B125" s="29">
        <v>0</v>
      </c>
      <c r="C125" s="10">
        <v>3</v>
      </c>
      <c r="D125" s="9">
        <v>3</v>
      </c>
    </row>
    <row r="126" spans="1:4" ht="18" customHeight="1" x14ac:dyDescent="0.2">
      <c r="A126" s="8" t="s">
        <v>4</v>
      </c>
      <c r="B126" s="29">
        <v>3</v>
      </c>
      <c r="C126" s="10">
        <v>18</v>
      </c>
      <c r="D126" s="9">
        <v>21</v>
      </c>
    </row>
    <row r="127" spans="1:4" ht="18" customHeight="1" x14ac:dyDescent="0.2">
      <c r="A127" s="16">
        <v>100</v>
      </c>
      <c r="B127" s="29">
        <v>1</v>
      </c>
      <c r="C127" s="10">
        <v>1</v>
      </c>
      <c r="D127" s="9">
        <v>2</v>
      </c>
    </row>
    <row r="128" spans="1:4" ht="18" customHeight="1" x14ac:dyDescent="0.2">
      <c r="A128" s="15" t="s">
        <v>3</v>
      </c>
      <c r="B128" s="29">
        <v>0</v>
      </c>
      <c r="C128" s="10">
        <v>3</v>
      </c>
      <c r="D128" s="9">
        <v>3</v>
      </c>
    </row>
    <row r="129" spans="1:4" ht="18" customHeight="1" x14ac:dyDescent="0.2">
      <c r="A129" s="8" t="s">
        <v>2</v>
      </c>
      <c r="B129" s="29">
        <v>1</v>
      </c>
      <c r="C129" s="10">
        <v>4</v>
      </c>
      <c r="D129" s="9">
        <v>5</v>
      </c>
    </row>
    <row r="130" spans="1:4" ht="18" customHeight="1" x14ac:dyDescent="0.2">
      <c r="A130" s="8" t="s">
        <v>1</v>
      </c>
      <c r="B130" s="28">
        <v>357</v>
      </c>
      <c r="C130" s="6">
        <v>529</v>
      </c>
      <c r="D130" s="5">
        <v>886</v>
      </c>
    </row>
    <row r="131" spans="1:4" ht="18" customHeight="1" x14ac:dyDescent="0.2">
      <c r="A131" s="4" t="s">
        <v>0</v>
      </c>
      <c r="B131" s="27">
        <v>1269</v>
      </c>
      <c r="C131" s="2">
        <v>1441</v>
      </c>
      <c r="D131" s="1">
        <v>271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93866CC-CCA7-460E-9A8A-8D037FDBFF07}">
  <sheetPr codeName="Sheet5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69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12</v>
      </c>
      <c r="C5" s="18">
        <v>10</v>
      </c>
      <c r="D5" s="17">
        <v>22</v>
      </c>
    </row>
    <row r="6" spans="1:4" ht="18" customHeight="1" x14ac:dyDescent="0.2">
      <c r="A6" s="16">
        <v>1</v>
      </c>
      <c r="B6" s="29">
        <v>12</v>
      </c>
      <c r="C6" s="10">
        <v>14</v>
      </c>
      <c r="D6" s="9">
        <v>26</v>
      </c>
    </row>
    <row r="7" spans="1:4" ht="18" customHeight="1" x14ac:dyDescent="0.2">
      <c r="A7" s="16">
        <v>2</v>
      </c>
      <c r="B7" s="29">
        <v>7</v>
      </c>
      <c r="C7" s="10">
        <v>17</v>
      </c>
      <c r="D7" s="9">
        <v>24</v>
      </c>
    </row>
    <row r="8" spans="1:4" ht="18" customHeight="1" x14ac:dyDescent="0.2">
      <c r="A8" s="16">
        <v>3</v>
      </c>
      <c r="B8" s="29">
        <v>11</v>
      </c>
      <c r="C8" s="10">
        <v>14</v>
      </c>
      <c r="D8" s="9">
        <v>25</v>
      </c>
    </row>
    <row r="9" spans="1:4" ht="18" customHeight="1" x14ac:dyDescent="0.2">
      <c r="A9" s="16">
        <v>4</v>
      </c>
      <c r="B9" s="29">
        <v>14</v>
      </c>
      <c r="C9" s="10">
        <v>13</v>
      </c>
      <c r="D9" s="9">
        <v>27</v>
      </c>
    </row>
    <row r="10" spans="1:4" ht="18" customHeight="1" x14ac:dyDescent="0.2">
      <c r="A10" s="8" t="s">
        <v>25</v>
      </c>
      <c r="B10" s="29">
        <v>56</v>
      </c>
      <c r="C10" s="10">
        <v>68</v>
      </c>
      <c r="D10" s="9">
        <v>124</v>
      </c>
    </row>
    <row r="11" spans="1:4" ht="18" customHeight="1" x14ac:dyDescent="0.2">
      <c r="A11" s="16">
        <v>5</v>
      </c>
      <c r="B11" s="29">
        <v>15</v>
      </c>
      <c r="C11" s="10">
        <v>19</v>
      </c>
      <c r="D11" s="9">
        <v>34</v>
      </c>
    </row>
    <row r="12" spans="1:4" ht="18" customHeight="1" x14ac:dyDescent="0.2">
      <c r="A12" s="16">
        <v>6</v>
      </c>
      <c r="B12" s="29">
        <v>16</v>
      </c>
      <c r="C12" s="10">
        <v>12</v>
      </c>
      <c r="D12" s="9">
        <v>28</v>
      </c>
    </row>
    <row r="13" spans="1:4" ht="18" customHeight="1" x14ac:dyDescent="0.2">
      <c r="A13" s="16">
        <v>7</v>
      </c>
      <c r="B13" s="29">
        <v>13</v>
      </c>
      <c r="C13" s="10">
        <v>8</v>
      </c>
      <c r="D13" s="9">
        <v>21</v>
      </c>
    </row>
    <row r="14" spans="1:4" ht="18" customHeight="1" x14ac:dyDescent="0.2">
      <c r="A14" s="16">
        <v>8</v>
      </c>
      <c r="B14" s="29">
        <v>11</v>
      </c>
      <c r="C14" s="10">
        <v>10</v>
      </c>
      <c r="D14" s="9">
        <v>21</v>
      </c>
    </row>
    <row r="15" spans="1:4" ht="18" customHeight="1" x14ac:dyDescent="0.2">
      <c r="A15" s="16">
        <v>9</v>
      </c>
      <c r="B15" s="29">
        <v>12</v>
      </c>
      <c r="C15" s="10">
        <v>17</v>
      </c>
      <c r="D15" s="9">
        <v>29</v>
      </c>
    </row>
    <row r="16" spans="1:4" ht="18" customHeight="1" x14ac:dyDescent="0.2">
      <c r="A16" s="8" t="s">
        <v>24</v>
      </c>
      <c r="B16" s="29">
        <v>67</v>
      </c>
      <c r="C16" s="10">
        <v>66</v>
      </c>
      <c r="D16" s="9">
        <v>133</v>
      </c>
    </row>
    <row r="17" spans="1:4" ht="18" customHeight="1" x14ac:dyDescent="0.2">
      <c r="A17" s="16">
        <v>10</v>
      </c>
      <c r="B17" s="29">
        <v>20</v>
      </c>
      <c r="C17" s="10">
        <v>15</v>
      </c>
      <c r="D17" s="9">
        <v>35</v>
      </c>
    </row>
    <row r="18" spans="1:4" ht="18" customHeight="1" x14ac:dyDescent="0.2">
      <c r="A18" s="16">
        <v>11</v>
      </c>
      <c r="B18" s="29">
        <v>13</v>
      </c>
      <c r="C18" s="10">
        <v>14</v>
      </c>
      <c r="D18" s="9">
        <v>27</v>
      </c>
    </row>
    <row r="19" spans="1:4" ht="18" customHeight="1" x14ac:dyDescent="0.2">
      <c r="A19" s="16">
        <v>12</v>
      </c>
      <c r="B19" s="29">
        <v>16</v>
      </c>
      <c r="C19" s="10">
        <v>13</v>
      </c>
      <c r="D19" s="9">
        <v>29</v>
      </c>
    </row>
    <row r="20" spans="1:4" ht="18" customHeight="1" x14ac:dyDescent="0.2">
      <c r="A20" s="16">
        <v>13</v>
      </c>
      <c r="B20" s="29">
        <v>14</v>
      </c>
      <c r="C20" s="10">
        <v>13</v>
      </c>
      <c r="D20" s="9">
        <v>27</v>
      </c>
    </row>
    <row r="21" spans="1:4" ht="18" customHeight="1" x14ac:dyDescent="0.2">
      <c r="A21" s="16">
        <v>14</v>
      </c>
      <c r="B21" s="29">
        <v>17</v>
      </c>
      <c r="C21" s="10">
        <v>10</v>
      </c>
      <c r="D21" s="9">
        <v>27</v>
      </c>
    </row>
    <row r="22" spans="1:4" ht="18" customHeight="1" x14ac:dyDescent="0.2">
      <c r="A22" s="8" t="s">
        <v>23</v>
      </c>
      <c r="B22" s="29">
        <v>80</v>
      </c>
      <c r="C22" s="10">
        <v>65</v>
      </c>
      <c r="D22" s="9">
        <v>145</v>
      </c>
    </row>
    <row r="23" spans="1:4" ht="18" customHeight="1" x14ac:dyDescent="0.2">
      <c r="A23" s="8" t="s">
        <v>22</v>
      </c>
      <c r="B23" s="29">
        <v>203</v>
      </c>
      <c r="C23" s="10">
        <v>199</v>
      </c>
      <c r="D23" s="9">
        <v>402</v>
      </c>
    </row>
    <row r="24" spans="1:4" ht="18" customHeight="1" x14ac:dyDescent="0.2">
      <c r="A24" s="16">
        <v>15</v>
      </c>
      <c r="B24" s="29">
        <v>10</v>
      </c>
      <c r="C24" s="10">
        <v>19</v>
      </c>
      <c r="D24" s="9">
        <v>29</v>
      </c>
    </row>
    <row r="25" spans="1:4" ht="18" customHeight="1" x14ac:dyDescent="0.2">
      <c r="A25" s="16">
        <v>16</v>
      </c>
      <c r="B25" s="29">
        <v>15</v>
      </c>
      <c r="C25" s="10">
        <v>21</v>
      </c>
      <c r="D25" s="9">
        <v>36</v>
      </c>
    </row>
    <row r="26" spans="1:4" ht="18" customHeight="1" x14ac:dyDescent="0.2">
      <c r="A26" s="16">
        <v>17</v>
      </c>
      <c r="B26" s="29">
        <v>14</v>
      </c>
      <c r="C26" s="10">
        <v>10</v>
      </c>
      <c r="D26" s="9">
        <v>24</v>
      </c>
    </row>
    <row r="27" spans="1:4" ht="18" customHeight="1" x14ac:dyDescent="0.2">
      <c r="A27" s="16">
        <v>18</v>
      </c>
      <c r="B27" s="29">
        <v>10</v>
      </c>
      <c r="C27" s="10">
        <v>14</v>
      </c>
      <c r="D27" s="9">
        <v>24</v>
      </c>
    </row>
    <row r="28" spans="1:4" ht="18" customHeight="1" x14ac:dyDescent="0.2">
      <c r="A28" s="16">
        <v>19</v>
      </c>
      <c r="B28" s="29">
        <v>15</v>
      </c>
      <c r="C28" s="10">
        <v>16</v>
      </c>
      <c r="D28" s="9">
        <v>31</v>
      </c>
    </row>
    <row r="29" spans="1:4" ht="18" customHeight="1" x14ac:dyDescent="0.2">
      <c r="A29" s="8" t="s">
        <v>21</v>
      </c>
      <c r="B29" s="29">
        <v>64</v>
      </c>
      <c r="C29" s="10">
        <v>80</v>
      </c>
      <c r="D29" s="9">
        <v>144</v>
      </c>
    </row>
    <row r="30" spans="1:4" ht="18" customHeight="1" x14ac:dyDescent="0.2">
      <c r="A30" s="16">
        <v>20</v>
      </c>
      <c r="B30" s="29">
        <v>13</v>
      </c>
      <c r="C30" s="10">
        <v>15</v>
      </c>
      <c r="D30" s="9">
        <v>28</v>
      </c>
    </row>
    <row r="31" spans="1:4" ht="18" customHeight="1" x14ac:dyDescent="0.2">
      <c r="A31" s="16">
        <v>21</v>
      </c>
      <c r="B31" s="29">
        <v>26</v>
      </c>
      <c r="C31" s="10">
        <v>13</v>
      </c>
      <c r="D31" s="9">
        <v>39</v>
      </c>
    </row>
    <row r="32" spans="1:4" ht="18" customHeight="1" x14ac:dyDescent="0.2">
      <c r="A32" s="16">
        <v>22</v>
      </c>
      <c r="B32" s="29">
        <v>17</v>
      </c>
      <c r="C32" s="10">
        <v>17</v>
      </c>
      <c r="D32" s="9">
        <v>34</v>
      </c>
    </row>
    <row r="33" spans="1:4" ht="18" customHeight="1" x14ac:dyDescent="0.2">
      <c r="A33" s="16">
        <v>23</v>
      </c>
      <c r="B33" s="29">
        <v>23</v>
      </c>
      <c r="C33" s="10">
        <v>18</v>
      </c>
      <c r="D33" s="9">
        <v>41</v>
      </c>
    </row>
    <row r="34" spans="1:4" ht="18" customHeight="1" x14ac:dyDescent="0.2">
      <c r="A34" s="16">
        <v>24</v>
      </c>
      <c r="B34" s="29">
        <v>16</v>
      </c>
      <c r="C34" s="10">
        <v>21</v>
      </c>
      <c r="D34" s="9">
        <v>37</v>
      </c>
    </row>
    <row r="35" spans="1:4" ht="18" customHeight="1" x14ac:dyDescent="0.2">
      <c r="A35" s="8" t="s">
        <v>20</v>
      </c>
      <c r="B35" s="29">
        <v>95</v>
      </c>
      <c r="C35" s="10">
        <v>84</v>
      </c>
      <c r="D35" s="9">
        <v>179</v>
      </c>
    </row>
    <row r="36" spans="1:4" ht="18" customHeight="1" x14ac:dyDescent="0.2">
      <c r="A36" s="16">
        <v>25</v>
      </c>
      <c r="B36" s="29">
        <v>23</v>
      </c>
      <c r="C36" s="10">
        <v>18</v>
      </c>
      <c r="D36" s="9">
        <v>41</v>
      </c>
    </row>
    <row r="37" spans="1:4" ht="18" customHeight="1" x14ac:dyDescent="0.2">
      <c r="A37" s="16">
        <v>26</v>
      </c>
      <c r="B37" s="29">
        <v>19</v>
      </c>
      <c r="C37" s="10">
        <v>17</v>
      </c>
      <c r="D37" s="9">
        <v>36</v>
      </c>
    </row>
    <row r="38" spans="1:4" ht="18" customHeight="1" x14ac:dyDescent="0.2">
      <c r="A38" s="16">
        <v>27</v>
      </c>
      <c r="B38" s="29">
        <v>23</v>
      </c>
      <c r="C38" s="10">
        <v>17</v>
      </c>
      <c r="D38" s="9">
        <v>40</v>
      </c>
    </row>
    <row r="39" spans="1:4" ht="18" customHeight="1" x14ac:dyDescent="0.2">
      <c r="A39" s="16">
        <v>28</v>
      </c>
      <c r="B39" s="29">
        <v>17</v>
      </c>
      <c r="C39" s="10">
        <v>26</v>
      </c>
      <c r="D39" s="9">
        <v>43</v>
      </c>
    </row>
    <row r="40" spans="1:4" ht="18" customHeight="1" x14ac:dyDescent="0.2">
      <c r="A40" s="16">
        <v>29</v>
      </c>
      <c r="B40" s="29">
        <v>16</v>
      </c>
      <c r="C40" s="10">
        <v>21</v>
      </c>
      <c r="D40" s="9">
        <v>37</v>
      </c>
    </row>
    <row r="41" spans="1:4" ht="18" customHeight="1" x14ac:dyDescent="0.2">
      <c r="A41" s="8" t="s">
        <v>19</v>
      </c>
      <c r="B41" s="29">
        <v>98</v>
      </c>
      <c r="C41" s="10">
        <v>99</v>
      </c>
      <c r="D41" s="9">
        <v>197</v>
      </c>
    </row>
    <row r="42" spans="1:4" ht="18" customHeight="1" x14ac:dyDescent="0.2">
      <c r="A42" s="16">
        <v>30</v>
      </c>
      <c r="B42" s="29">
        <v>14</v>
      </c>
      <c r="C42" s="10">
        <v>15</v>
      </c>
      <c r="D42" s="9">
        <v>29</v>
      </c>
    </row>
    <row r="43" spans="1:4" ht="18" customHeight="1" x14ac:dyDescent="0.2">
      <c r="A43" s="16">
        <v>31</v>
      </c>
      <c r="B43" s="29">
        <v>19</v>
      </c>
      <c r="C43" s="10">
        <v>16</v>
      </c>
      <c r="D43" s="9">
        <v>35</v>
      </c>
    </row>
    <row r="44" spans="1:4" ht="18" customHeight="1" x14ac:dyDescent="0.2">
      <c r="A44" s="16">
        <v>32</v>
      </c>
      <c r="B44" s="29">
        <v>16</v>
      </c>
      <c r="C44" s="10">
        <v>16</v>
      </c>
      <c r="D44" s="9">
        <v>32</v>
      </c>
    </row>
    <row r="45" spans="1:4" ht="18" customHeight="1" x14ac:dyDescent="0.2">
      <c r="A45" s="16">
        <v>33</v>
      </c>
      <c r="B45" s="29">
        <v>22</v>
      </c>
      <c r="C45" s="10">
        <v>22</v>
      </c>
      <c r="D45" s="9">
        <v>44</v>
      </c>
    </row>
    <row r="46" spans="1:4" ht="18" customHeight="1" x14ac:dyDescent="0.2">
      <c r="A46" s="16">
        <v>34</v>
      </c>
      <c r="B46" s="29">
        <v>19</v>
      </c>
      <c r="C46" s="10">
        <v>12</v>
      </c>
      <c r="D46" s="9">
        <v>31</v>
      </c>
    </row>
    <row r="47" spans="1:4" ht="18" customHeight="1" x14ac:dyDescent="0.2">
      <c r="A47" s="8" t="s">
        <v>18</v>
      </c>
      <c r="B47" s="29">
        <v>90</v>
      </c>
      <c r="C47" s="10">
        <v>81</v>
      </c>
      <c r="D47" s="9">
        <v>171</v>
      </c>
    </row>
    <row r="48" spans="1:4" ht="18" customHeight="1" x14ac:dyDescent="0.2">
      <c r="A48" s="16">
        <v>35</v>
      </c>
      <c r="B48" s="29">
        <v>20</v>
      </c>
      <c r="C48" s="10">
        <v>13</v>
      </c>
      <c r="D48" s="9">
        <v>33</v>
      </c>
    </row>
    <row r="49" spans="1:4" ht="18" customHeight="1" x14ac:dyDescent="0.2">
      <c r="A49" s="16">
        <v>36</v>
      </c>
      <c r="B49" s="29">
        <v>27</v>
      </c>
      <c r="C49" s="10">
        <v>21</v>
      </c>
      <c r="D49" s="9">
        <v>48</v>
      </c>
    </row>
    <row r="50" spans="1:4" ht="18" customHeight="1" x14ac:dyDescent="0.2">
      <c r="A50" s="16">
        <v>37</v>
      </c>
      <c r="B50" s="29">
        <v>27</v>
      </c>
      <c r="C50" s="10">
        <v>18</v>
      </c>
      <c r="D50" s="9">
        <v>45</v>
      </c>
    </row>
    <row r="51" spans="1:4" ht="18" customHeight="1" x14ac:dyDescent="0.2">
      <c r="A51" s="16">
        <v>38</v>
      </c>
      <c r="B51" s="29">
        <v>21</v>
      </c>
      <c r="C51" s="10">
        <v>21</v>
      </c>
      <c r="D51" s="9">
        <v>42</v>
      </c>
    </row>
    <row r="52" spans="1:4" ht="18" customHeight="1" x14ac:dyDescent="0.2">
      <c r="A52" s="16">
        <v>39</v>
      </c>
      <c r="B52" s="29">
        <v>15</v>
      </c>
      <c r="C52" s="10">
        <v>21</v>
      </c>
      <c r="D52" s="9">
        <v>36</v>
      </c>
    </row>
    <row r="53" spans="1:4" ht="18" customHeight="1" x14ac:dyDescent="0.2">
      <c r="A53" s="8" t="s">
        <v>17</v>
      </c>
      <c r="B53" s="29">
        <v>110</v>
      </c>
      <c r="C53" s="10">
        <v>94</v>
      </c>
      <c r="D53" s="9">
        <v>204</v>
      </c>
    </row>
    <row r="54" spans="1:4" ht="18" customHeight="1" x14ac:dyDescent="0.2">
      <c r="A54" s="16">
        <v>40</v>
      </c>
      <c r="B54" s="29">
        <v>22</v>
      </c>
      <c r="C54" s="10">
        <v>22</v>
      </c>
      <c r="D54" s="9">
        <v>44</v>
      </c>
    </row>
    <row r="55" spans="1:4" ht="18" customHeight="1" x14ac:dyDescent="0.2">
      <c r="A55" s="16">
        <v>41</v>
      </c>
      <c r="B55" s="29">
        <v>15</v>
      </c>
      <c r="C55" s="10">
        <v>21</v>
      </c>
      <c r="D55" s="9">
        <v>36</v>
      </c>
    </row>
    <row r="56" spans="1:4" ht="18" customHeight="1" x14ac:dyDescent="0.2">
      <c r="A56" s="16">
        <v>42</v>
      </c>
      <c r="B56" s="29">
        <v>18</v>
      </c>
      <c r="C56" s="10">
        <v>22</v>
      </c>
      <c r="D56" s="9">
        <v>40</v>
      </c>
    </row>
    <row r="57" spans="1:4" ht="18" customHeight="1" x14ac:dyDescent="0.2">
      <c r="A57" s="16">
        <v>43</v>
      </c>
      <c r="B57" s="29">
        <v>20</v>
      </c>
      <c r="C57" s="10">
        <v>27</v>
      </c>
      <c r="D57" s="9">
        <v>47</v>
      </c>
    </row>
    <row r="58" spans="1:4" ht="18" customHeight="1" x14ac:dyDescent="0.2">
      <c r="A58" s="16">
        <v>44</v>
      </c>
      <c r="B58" s="29">
        <v>20</v>
      </c>
      <c r="C58" s="10">
        <v>28</v>
      </c>
      <c r="D58" s="9">
        <v>48</v>
      </c>
    </row>
    <row r="59" spans="1:4" ht="18" customHeight="1" x14ac:dyDescent="0.2">
      <c r="A59" s="8" t="s">
        <v>16</v>
      </c>
      <c r="B59" s="29">
        <v>95</v>
      </c>
      <c r="C59" s="10">
        <v>120</v>
      </c>
      <c r="D59" s="9">
        <v>215</v>
      </c>
    </row>
    <row r="60" spans="1:4" ht="18" customHeight="1" x14ac:dyDescent="0.2">
      <c r="A60" s="16">
        <v>45</v>
      </c>
      <c r="B60" s="29">
        <v>31</v>
      </c>
      <c r="C60" s="10">
        <v>25</v>
      </c>
      <c r="D60" s="9">
        <v>56</v>
      </c>
    </row>
    <row r="61" spans="1:4" ht="18" customHeight="1" x14ac:dyDescent="0.2">
      <c r="A61" s="16">
        <v>46</v>
      </c>
      <c r="B61" s="29">
        <v>32</v>
      </c>
      <c r="C61" s="10">
        <v>18</v>
      </c>
      <c r="D61" s="9">
        <v>50</v>
      </c>
    </row>
    <row r="62" spans="1:4" ht="18" customHeight="1" x14ac:dyDescent="0.2">
      <c r="A62" s="16">
        <v>47</v>
      </c>
      <c r="B62" s="29">
        <v>29</v>
      </c>
      <c r="C62" s="10">
        <v>27</v>
      </c>
      <c r="D62" s="9">
        <v>56</v>
      </c>
    </row>
    <row r="63" spans="1:4" ht="18" customHeight="1" x14ac:dyDescent="0.2">
      <c r="A63" s="16">
        <v>48</v>
      </c>
      <c r="B63" s="29">
        <v>38</v>
      </c>
      <c r="C63" s="10">
        <v>26</v>
      </c>
      <c r="D63" s="9">
        <v>64</v>
      </c>
    </row>
    <row r="64" spans="1:4" ht="18" customHeight="1" x14ac:dyDescent="0.2">
      <c r="A64" s="16">
        <v>49</v>
      </c>
      <c r="B64" s="29">
        <v>39</v>
      </c>
      <c r="C64" s="10">
        <v>31</v>
      </c>
      <c r="D64" s="9">
        <v>70</v>
      </c>
    </row>
    <row r="65" spans="1:4" ht="18" customHeight="1" x14ac:dyDescent="0.2">
      <c r="A65" s="8" t="s">
        <v>15</v>
      </c>
      <c r="B65" s="29">
        <v>169</v>
      </c>
      <c r="C65" s="10">
        <v>127</v>
      </c>
      <c r="D65" s="9">
        <v>296</v>
      </c>
    </row>
    <row r="66" spans="1:4" ht="18" customHeight="1" x14ac:dyDescent="0.2">
      <c r="A66" s="16">
        <v>50</v>
      </c>
      <c r="B66" s="29">
        <v>38</v>
      </c>
      <c r="C66" s="10">
        <v>27</v>
      </c>
      <c r="D66" s="9">
        <v>65</v>
      </c>
    </row>
    <row r="67" spans="1:4" ht="18" customHeight="1" x14ac:dyDescent="0.2">
      <c r="A67" s="16">
        <v>51</v>
      </c>
      <c r="B67" s="29">
        <v>27</v>
      </c>
      <c r="C67" s="10">
        <v>25</v>
      </c>
      <c r="D67" s="9">
        <v>52</v>
      </c>
    </row>
    <row r="68" spans="1:4" ht="18" customHeight="1" x14ac:dyDescent="0.2">
      <c r="A68" s="16">
        <v>52</v>
      </c>
      <c r="B68" s="29">
        <v>28</v>
      </c>
      <c r="C68" s="10">
        <v>21</v>
      </c>
      <c r="D68" s="9">
        <v>49</v>
      </c>
    </row>
    <row r="69" spans="1:4" ht="18" customHeight="1" x14ac:dyDescent="0.2">
      <c r="A69" s="16">
        <v>53</v>
      </c>
      <c r="B69" s="29">
        <v>28</v>
      </c>
      <c r="C69" s="10">
        <v>32</v>
      </c>
      <c r="D69" s="9">
        <v>60</v>
      </c>
    </row>
    <row r="70" spans="1:4" ht="18" customHeight="1" x14ac:dyDescent="0.2">
      <c r="A70" s="16">
        <v>54</v>
      </c>
      <c r="B70" s="29">
        <v>23</v>
      </c>
      <c r="C70" s="10">
        <v>27</v>
      </c>
      <c r="D70" s="9">
        <v>50</v>
      </c>
    </row>
    <row r="71" spans="1:4" ht="18" customHeight="1" x14ac:dyDescent="0.2">
      <c r="A71" s="8" t="s">
        <v>14</v>
      </c>
      <c r="B71" s="29">
        <v>144</v>
      </c>
      <c r="C71" s="10">
        <v>132</v>
      </c>
      <c r="D71" s="9">
        <v>276</v>
      </c>
    </row>
    <row r="72" spans="1:4" ht="18" customHeight="1" x14ac:dyDescent="0.2">
      <c r="A72" s="16">
        <v>55</v>
      </c>
      <c r="B72" s="29">
        <v>40</v>
      </c>
      <c r="C72" s="10">
        <v>32</v>
      </c>
      <c r="D72" s="9">
        <v>72</v>
      </c>
    </row>
    <row r="73" spans="1:4" ht="18" customHeight="1" x14ac:dyDescent="0.2">
      <c r="A73" s="16">
        <v>56</v>
      </c>
      <c r="B73" s="29">
        <v>28</v>
      </c>
      <c r="C73" s="10">
        <v>30</v>
      </c>
      <c r="D73" s="9">
        <v>58</v>
      </c>
    </row>
    <row r="74" spans="1:4" ht="18" customHeight="1" x14ac:dyDescent="0.2">
      <c r="A74" s="16">
        <v>57</v>
      </c>
      <c r="B74" s="29">
        <v>22</v>
      </c>
      <c r="C74" s="10">
        <v>24</v>
      </c>
      <c r="D74" s="9">
        <v>46</v>
      </c>
    </row>
    <row r="75" spans="1:4" ht="18" customHeight="1" x14ac:dyDescent="0.2">
      <c r="A75" s="16">
        <v>58</v>
      </c>
      <c r="B75" s="29">
        <v>32</v>
      </c>
      <c r="C75" s="10">
        <v>27</v>
      </c>
      <c r="D75" s="9">
        <v>59</v>
      </c>
    </row>
    <row r="76" spans="1:4" ht="18" customHeight="1" x14ac:dyDescent="0.2">
      <c r="A76" s="16">
        <v>59</v>
      </c>
      <c r="B76" s="29">
        <v>37</v>
      </c>
      <c r="C76" s="10">
        <v>27</v>
      </c>
      <c r="D76" s="9">
        <v>64</v>
      </c>
    </row>
    <row r="77" spans="1:4" ht="18" customHeight="1" x14ac:dyDescent="0.2">
      <c r="A77" s="8" t="s">
        <v>13</v>
      </c>
      <c r="B77" s="29">
        <v>159</v>
      </c>
      <c r="C77" s="10">
        <v>140</v>
      </c>
      <c r="D77" s="9">
        <v>299</v>
      </c>
    </row>
    <row r="78" spans="1:4" ht="18" customHeight="1" x14ac:dyDescent="0.2">
      <c r="A78" s="16">
        <v>60</v>
      </c>
      <c r="B78" s="29">
        <v>21</v>
      </c>
      <c r="C78" s="10">
        <v>30</v>
      </c>
      <c r="D78" s="9">
        <v>51</v>
      </c>
    </row>
    <row r="79" spans="1:4" ht="18" customHeight="1" x14ac:dyDescent="0.2">
      <c r="A79" s="16">
        <v>61</v>
      </c>
      <c r="B79" s="29">
        <v>25</v>
      </c>
      <c r="C79" s="10">
        <v>25</v>
      </c>
      <c r="D79" s="9">
        <v>50</v>
      </c>
    </row>
    <row r="80" spans="1:4" ht="18" customHeight="1" x14ac:dyDescent="0.2">
      <c r="A80" s="16">
        <v>62</v>
      </c>
      <c r="B80" s="29">
        <v>24</v>
      </c>
      <c r="C80" s="10">
        <v>21</v>
      </c>
      <c r="D80" s="9">
        <v>45</v>
      </c>
    </row>
    <row r="81" spans="1:4" ht="18" customHeight="1" x14ac:dyDescent="0.2">
      <c r="A81" s="16">
        <v>63</v>
      </c>
      <c r="B81" s="29">
        <v>30</v>
      </c>
      <c r="C81" s="10">
        <v>25</v>
      </c>
      <c r="D81" s="9">
        <v>55</v>
      </c>
    </row>
    <row r="82" spans="1:4" ht="18" customHeight="1" x14ac:dyDescent="0.2">
      <c r="A82" s="16">
        <v>64</v>
      </c>
      <c r="B82" s="29">
        <v>22</v>
      </c>
      <c r="C82" s="10">
        <v>27</v>
      </c>
      <c r="D82" s="9">
        <v>49</v>
      </c>
    </row>
    <row r="83" spans="1:4" ht="18" customHeight="1" x14ac:dyDescent="0.2">
      <c r="A83" s="8" t="s">
        <v>12</v>
      </c>
      <c r="B83" s="29">
        <v>122</v>
      </c>
      <c r="C83" s="10">
        <v>128</v>
      </c>
      <c r="D83" s="9">
        <v>250</v>
      </c>
    </row>
    <row r="84" spans="1:4" ht="18" customHeight="1" x14ac:dyDescent="0.2">
      <c r="A84" s="8" t="s">
        <v>11</v>
      </c>
      <c r="B84" s="29">
        <v>1146</v>
      </c>
      <c r="C84" s="10">
        <v>1085</v>
      </c>
      <c r="D84" s="9">
        <v>2231</v>
      </c>
    </row>
    <row r="85" spans="1:4" ht="18" customHeight="1" x14ac:dyDescent="0.2">
      <c r="A85" s="16">
        <v>65</v>
      </c>
      <c r="B85" s="29">
        <v>20</v>
      </c>
      <c r="C85" s="10">
        <v>23</v>
      </c>
      <c r="D85" s="9">
        <v>43</v>
      </c>
    </row>
    <row r="86" spans="1:4" ht="18" customHeight="1" x14ac:dyDescent="0.2">
      <c r="A86" s="16">
        <v>66</v>
      </c>
      <c r="B86" s="29">
        <v>18</v>
      </c>
      <c r="C86" s="10">
        <v>29</v>
      </c>
      <c r="D86" s="9">
        <v>47</v>
      </c>
    </row>
    <row r="87" spans="1:4" ht="18" customHeight="1" x14ac:dyDescent="0.2">
      <c r="A87" s="16">
        <v>67</v>
      </c>
      <c r="B87" s="29">
        <v>26</v>
      </c>
      <c r="C87" s="10">
        <v>21</v>
      </c>
      <c r="D87" s="9">
        <v>47</v>
      </c>
    </row>
    <row r="88" spans="1:4" ht="18" customHeight="1" x14ac:dyDescent="0.2">
      <c r="A88" s="16">
        <v>68</v>
      </c>
      <c r="B88" s="29">
        <v>29</v>
      </c>
      <c r="C88" s="10">
        <v>19</v>
      </c>
      <c r="D88" s="9">
        <v>48</v>
      </c>
    </row>
    <row r="89" spans="1:4" ht="18" customHeight="1" x14ac:dyDescent="0.2">
      <c r="A89" s="16">
        <v>69</v>
      </c>
      <c r="B89" s="29">
        <v>23</v>
      </c>
      <c r="C89" s="10">
        <v>31</v>
      </c>
      <c r="D89" s="9">
        <v>54</v>
      </c>
    </row>
    <row r="90" spans="1:4" ht="18" customHeight="1" x14ac:dyDescent="0.2">
      <c r="A90" s="8" t="s">
        <v>10</v>
      </c>
      <c r="B90" s="29">
        <v>116</v>
      </c>
      <c r="C90" s="10">
        <v>123</v>
      </c>
      <c r="D90" s="9">
        <v>239</v>
      </c>
    </row>
    <row r="91" spans="1:4" ht="18" customHeight="1" x14ac:dyDescent="0.2">
      <c r="A91" s="16">
        <v>70</v>
      </c>
      <c r="B91" s="29">
        <v>29</v>
      </c>
      <c r="C91" s="10">
        <v>32</v>
      </c>
      <c r="D91" s="9">
        <v>61</v>
      </c>
    </row>
    <row r="92" spans="1:4" ht="18" customHeight="1" x14ac:dyDescent="0.2">
      <c r="A92" s="16">
        <v>71</v>
      </c>
      <c r="B92" s="29">
        <v>36</v>
      </c>
      <c r="C92" s="10">
        <v>34</v>
      </c>
      <c r="D92" s="9">
        <v>70</v>
      </c>
    </row>
    <row r="93" spans="1:4" ht="18" customHeight="1" x14ac:dyDescent="0.2">
      <c r="A93" s="16">
        <v>72</v>
      </c>
      <c r="B93" s="29">
        <v>28</v>
      </c>
      <c r="C93" s="10">
        <v>34</v>
      </c>
      <c r="D93" s="9">
        <v>62</v>
      </c>
    </row>
    <row r="94" spans="1:4" ht="18" customHeight="1" x14ac:dyDescent="0.2">
      <c r="A94" s="16">
        <v>73</v>
      </c>
      <c r="B94" s="29">
        <v>31</v>
      </c>
      <c r="C94" s="10">
        <v>34</v>
      </c>
      <c r="D94" s="9">
        <v>65</v>
      </c>
    </row>
    <row r="95" spans="1:4" ht="18" customHeight="1" x14ac:dyDescent="0.2">
      <c r="A95" s="16">
        <v>74</v>
      </c>
      <c r="B95" s="29">
        <v>40</v>
      </c>
      <c r="C95" s="10">
        <v>43</v>
      </c>
      <c r="D95" s="9">
        <v>83</v>
      </c>
    </row>
    <row r="96" spans="1:4" ht="18" customHeight="1" x14ac:dyDescent="0.2">
      <c r="A96" s="8" t="s">
        <v>9</v>
      </c>
      <c r="B96" s="29">
        <v>164</v>
      </c>
      <c r="C96" s="10">
        <v>177</v>
      </c>
      <c r="D96" s="9">
        <v>341</v>
      </c>
    </row>
    <row r="97" spans="1:4" ht="18" customHeight="1" x14ac:dyDescent="0.2">
      <c r="A97" s="16">
        <v>75</v>
      </c>
      <c r="B97" s="29">
        <v>36</v>
      </c>
      <c r="C97" s="10">
        <v>57</v>
      </c>
      <c r="D97" s="9">
        <v>93</v>
      </c>
    </row>
    <row r="98" spans="1:4" ht="18" customHeight="1" x14ac:dyDescent="0.2">
      <c r="A98" s="16">
        <v>76</v>
      </c>
      <c r="B98" s="29">
        <v>37</v>
      </c>
      <c r="C98" s="10">
        <v>39</v>
      </c>
      <c r="D98" s="9">
        <v>76</v>
      </c>
    </row>
    <row r="99" spans="1:4" ht="18" customHeight="1" x14ac:dyDescent="0.2">
      <c r="A99" s="16">
        <v>77</v>
      </c>
      <c r="B99" s="29">
        <v>11</v>
      </c>
      <c r="C99" s="10">
        <v>23</v>
      </c>
      <c r="D99" s="9">
        <v>34</v>
      </c>
    </row>
    <row r="100" spans="1:4" ht="18" customHeight="1" x14ac:dyDescent="0.2">
      <c r="A100" s="16">
        <v>78</v>
      </c>
      <c r="B100" s="29">
        <v>18</v>
      </c>
      <c r="C100" s="10">
        <v>32</v>
      </c>
      <c r="D100" s="9">
        <v>50</v>
      </c>
    </row>
    <row r="101" spans="1:4" ht="18" customHeight="1" x14ac:dyDescent="0.2">
      <c r="A101" s="16">
        <v>79</v>
      </c>
      <c r="B101" s="29">
        <v>14</v>
      </c>
      <c r="C101" s="10">
        <v>38</v>
      </c>
      <c r="D101" s="9">
        <v>52</v>
      </c>
    </row>
    <row r="102" spans="1:4" ht="18" customHeight="1" x14ac:dyDescent="0.2">
      <c r="A102" s="8" t="s">
        <v>8</v>
      </c>
      <c r="B102" s="29">
        <v>116</v>
      </c>
      <c r="C102" s="10">
        <v>189</v>
      </c>
      <c r="D102" s="9">
        <v>305</v>
      </c>
    </row>
    <row r="103" spans="1:4" ht="18" customHeight="1" x14ac:dyDescent="0.2">
      <c r="A103" s="16">
        <v>80</v>
      </c>
      <c r="B103" s="29">
        <v>23</v>
      </c>
      <c r="C103" s="10">
        <v>31</v>
      </c>
      <c r="D103" s="9">
        <v>54</v>
      </c>
    </row>
    <row r="104" spans="1:4" ht="18" customHeight="1" x14ac:dyDescent="0.2">
      <c r="A104" s="16">
        <v>81</v>
      </c>
      <c r="B104" s="29">
        <v>33</v>
      </c>
      <c r="C104" s="10">
        <v>28</v>
      </c>
      <c r="D104" s="9">
        <v>61</v>
      </c>
    </row>
    <row r="105" spans="1:4" ht="18" customHeight="1" x14ac:dyDescent="0.2">
      <c r="A105" s="16">
        <v>82</v>
      </c>
      <c r="B105" s="29">
        <v>21</v>
      </c>
      <c r="C105" s="10">
        <v>32</v>
      </c>
      <c r="D105" s="9">
        <v>53</v>
      </c>
    </row>
    <row r="106" spans="1:4" ht="18" customHeight="1" x14ac:dyDescent="0.2">
      <c r="A106" s="16">
        <v>83</v>
      </c>
      <c r="B106" s="29">
        <v>12</v>
      </c>
      <c r="C106" s="10">
        <v>23</v>
      </c>
      <c r="D106" s="9">
        <v>35</v>
      </c>
    </row>
    <row r="107" spans="1:4" ht="18" customHeight="1" x14ac:dyDescent="0.2">
      <c r="A107" s="16">
        <v>84</v>
      </c>
      <c r="B107" s="29">
        <v>11</v>
      </c>
      <c r="C107" s="10">
        <v>21</v>
      </c>
      <c r="D107" s="9">
        <v>32</v>
      </c>
    </row>
    <row r="108" spans="1:4" ht="18" customHeight="1" x14ac:dyDescent="0.2">
      <c r="A108" s="8" t="s">
        <v>7</v>
      </c>
      <c r="B108" s="29">
        <v>100</v>
      </c>
      <c r="C108" s="10">
        <v>135</v>
      </c>
      <c r="D108" s="9">
        <v>235</v>
      </c>
    </row>
    <row r="109" spans="1:4" ht="18" customHeight="1" x14ac:dyDescent="0.2">
      <c r="A109" s="16">
        <v>85</v>
      </c>
      <c r="B109" s="29">
        <v>17</v>
      </c>
      <c r="C109" s="10">
        <v>14</v>
      </c>
      <c r="D109" s="9">
        <v>31</v>
      </c>
    </row>
    <row r="110" spans="1:4" ht="18" customHeight="1" x14ac:dyDescent="0.2">
      <c r="A110" s="16">
        <v>86</v>
      </c>
      <c r="B110" s="29">
        <v>16</v>
      </c>
      <c r="C110" s="10">
        <v>19</v>
      </c>
      <c r="D110" s="9">
        <v>35</v>
      </c>
    </row>
    <row r="111" spans="1:4" ht="18" customHeight="1" x14ac:dyDescent="0.2">
      <c r="A111" s="16">
        <v>87</v>
      </c>
      <c r="B111" s="29">
        <v>7</v>
      </c>
      <c r="C111" s="10">
        <v>13</v>
      </c>
      <c r="D111" s="9">
        <v>20</v>
      </c>
    </row>
    <row r="112" spans="1:4" ht="18" customHeight="1" x14ac:dyDescent="0.2">
      <c r="A112" s="16">
        <v>88</v>
      </c>
      <c r="B112" s="29">
        <v>10</v>
      </c>
      <c r="C112" s="10">
        <v>10</v>
      </c>
      <c r="D112" s="9">
        <v>20</v>
      </c>
    </row>
    <row r="113" spans="1:4" ht="18" customHeight="1" x14ac:dyDescent="0.2">
      <c r="A113" s="16">
        <v>89</v>
      </c>
      <c r="B113" s="29">
        <v>7</v>
      </c>
      <c r="C113" s="10">
        <v>11</v>
      </c>
      <c r="D113" s="9">
        <v>18</v>
      </c>
    </row>
    <row r="114" spans="1:4" ht="18" customHeight="1" x14ac:dyDescent="0.2">
      <c r="A114" s="8" t="s">
        <v>6</v>
      </c>
      <c r="B114" s="29">
        <v>57</v>
      </c>
      <c r="C114" s="10">
        <v>67</v>
      </c>
      <c r="D114" s="9">
        <v>124</v>
      </c>
    </row>
    <row r="115" spans="1:4" ht="18" customHeight="1" x14ac:dyDescent="0.2">
      <c r="A115" s="16">
        <v>90</v>
      </c>
      <c r="B115" s="29">
        <v>5</v>
      </c>
      <c r="C115" s="10">
        <v>14</v>
      </c>
      <c r="D115" s="9">
        <v>19</v>
      </c>
    </row>
    <row r="116" spans="1:4" ht="18" customHeight="1" x14ac:dyDescent="0.2">
      <c r="A116" s="16">
        <v>91</v>
      </c>
      <c r="B116" s="29">
        <v>2</v>
      </c>
      <c r="C116" s="10">
        <v>14</v>
      </c>
      <c r="D116" s="9">
        <v>16</v>
      </c>
    </row>
    <row r="117" spans="1:4" ht="18" customHeight="1" x14ac:dyDescent="0.2">
      <c r="A117" s="16">
        <v>92</v>
      </c>
      <c r="B117" s="29">
        <v>4</v>
      </c>
      <c r="C117" s="10">
        <v>6</v>
      </c>
      <c r="D117" s="9">
        <v>10</v>
      </c>
    </row>
    <row r="118" spans="1:4" ht="18" customHeight="1" x14ac:dyDescent="0.2">
      <c r="A118" s="16">
        <v>93</v>
      </c>
      <c r="B118" s="29">
        <v>3</v>
      </c>
      <c r="C118" s="10">
        <v>5</v>
      </c>
      <c r="D118" s="9">
        <v>8</v>
      </c>
    </row>
    <row r="119" spans="1:4" ht="18" customHeight="1" x14ac:dyDescent="0.2">
      <c r="A119" s="16">
        <v>94</v>
      </c>
      <c r="B119" s="29">
        <v>2</v>
      </c>
      <c r="C119" s="10">
        <v>8</v>
      </c>
      <c r="D119" s="9">
        <v>10</v>
      </c>
    </row>
    <row r="120" spans="1:4" ht="18" customHeight="1" x14ac:dyDescent="0.2">
      <c r="A120" s="8" t="s">
        <v>5</v>
      </c>
      <c r="B120" s="29">
        <v>16</v>
      </c>
      <c r="C120" s="10">
        <v>47</v>
      </c>
      <c r="D120" s="9">
        <v>63</v>
      </c>
    </row>
    <row r="121" spans="1:4" ht="18" customHeight="1" x14ac:dyDescent="0.2">
      <c r="A121" s="16">
        <v>95</v>
      </c>
      <c r="B121" s="29">
        <v>2</v>
      </c>
      <c r="C121" s="10">
        <v>4</v>
      </c>
      <c r="D121" s="9">
        <v>6</v>
      </c>
    </row>
    <row r="122" spans="1:4" ht="18" customHeight="1" x14ac:dyDescent="0.2">
      <c r="A122" s="16">
        <v>96</v>
      </c>
      <c r="B122" s="29">
        <v>3</v>
      </c>
      <c r="C122" s="10">
        <v>4</v>
      </c>
      <c r="D122" s="9">
        <v>7</v>
      </c>
    </row>
    <row r="123" spans="1:4" ht="18" customHeight="1" x14ac:dyDescent="0.2">
      <c r="A123" s="16">
        <v>97</v>
      </c>
      <c r="B123" s="29">
        <v>0</v>
      </c>
      <c r="C123" s="10">
        <v>5</v>
      </c>
      <c r="D123" s="9">
        <v>5</v>
      </c>
    </row>
    <row r="124" spans="1:4" ht="18" customHeight="1" x14ac:dyDescent="0.2">
      <c r="A124" s="16">
        <v>98</v>
      </c>
      <c r="B124" s="29">
        <v>0</v>
      </c>
      <c r="C124" s="10">
        <v>3</v>
      </c>
      <c r="D124" s="9">
        <v>3</v>
      </c>
    </row>
    <row r="125" spans="1:4" ht="18" customHeight="1" x14ac:dyDescent="0.2">
      <c r="A125" s="16">
        <v>99</v>
      </c>
      <c r="B125" s="29">
        <v>0</v>
      </c>
      <c r="C125" s="10">
        <v>0</v>
      </c>
      <c r="D125" s="9">
        <v>0</v>
      </c>
    </row>
    <row r="126" spans="1:4" ht="18" customHeight="1" x14ac:dyDescent="0.2">
      <c r="A126" s="8" t="s">
        <v>4</v>
      </c>
      <c r="B126" s="29">
        <v>5</v>
      </c>
      <c r="C126" s="10">
        <v>16</v>
      </c>
      <c r="D126" s="9">
        <v>21</v>
      </c>
    </row>
    <row r="127" spans="1:4" ht="18" customHeight="1" x14ac:dyDescent="0.2">
      <c r="A127" s="16">
        <v>100</v>
      </c>
      <c r="B127" s="29">
        <v>2</v>
      </c>
      <c r="C127" s="10">
        <v>0</v>
      </c>
      <c r="D127" s="9">
        <v>2</v>
      </c>
    </row>
    <row r="128" spans="1:4" ht="18" customHeight="1" x14ac:dyDescent="0.2">
      <c r="A128" s="15" t="s">
        <v>3</v>
      </c>
      <c r="B128" s="29">
        <v>0</v>
      </c>
      <c r="C128" s="10">
        <v>0</v>
      </c>
      <c r="D128" s="9">
        <v>0</v>
      </c>
    </row>
    <row r="129" spans="1:4" ht="18" customHeight="1" x14ac:dyDescent="0.2">
      <c r="A129" s="8" t="s">
        <v>2</v>
      </c>
      <c r="B129" s="29">
        <v>2</v>
      </c>
      <c r="C129" s="10">
        <v>0</v>
      </c>
      <c r="D129" s="9">
        <v>2</v>
      </c>
    </row>
    <row r="130" spans="1:4" ht="18" customHeight="1" x14ac:dyDescent="0.2">
      <c r="A130" s="8" t="s">
        <v>1</v>
      </c>
      <c r="B130" s="28">
        <v>576</v>
      </c>
      <c r="C130" s="6">
        <v>754</v>
      </c>
      <c r="D130" s="5">
        <v>1330</v>
      </c>
    </row>
    <row r="131" spans="1:4" ht="18" customHeight="1" x14ac:dyDescent="0.2">
      <c r="A131" s="4" t="s">
        <v>0</v>
      </c>
      <c r="B131" s="27">
        <v>1925</v>
      </c>
      <c r="C131" s="2">
        <v>2038</v>
      </c>
      <c r="D131" s="1">
        <v>3963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2812D1E-4A80-4CD3-AA89-5A3CD2B2AFCE}">
  <sheetPr codeName="Sheet5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70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6</v>
      </c>
      <c r="C5" s="18">
        <v>5</v>
      </c>
      <c r="D5" s="17">
        <v>11</v>
      </c>
    </row>
    <row r="6" spans="1:4" ht="18" customHeight="1" x14ac:dyDescent="0.2">
      <c r="A6" s="16">
        <v>1</v>
      </c>
      <c r="B6" s="29">
        <v>5</v>
      </c>
      <c r="C6" s="10">
        <v>7</v>
      </c>
      <c r="D6" s="9">
        <v>12</v>
      </c>
    </row>
    <row r="7" spans="1:4" ht="18" customHeight="1" x14ac:dyDescent="0.2">
      <c r="A7" s="16">
        <v>2</v>
      </c>
      <c r="B7" s="29">
        <v>4</v>
      </c>
      <c r="C7" s="10">
        <v>7</v>
      </c>
      <c r="D7" s="9">
        <v>11</v>
      </c>
    </row>
    <row r="8" spans="1:4" ht="18" customHeight="1" x14ac:dyDescent="0.2">
      <c r="A8" s="16">
        <v>3</v>
      </c>
      <c r="B8" s="29">
        <v>4</v>
      </c>
      <c r="C8" s="10">
        <v>5</v>
      </c>
      <c r="D8" s="9">
        <v>9</v>
      </c>
    </row>
    <row r="9" spans="1:4" ht="18" customHeight="1" x14ac:dyDescent="0.2">
      <c r="A9" s="16">
        <v>4</v>
      </c>
      <c r="B9" s="29">
        <v>8</v>
      </c>
      <c r="C9" s="10">
        <v>7</v>
      </c>
      <c r="D9" s="9">
        <v>15</v>
      </c>
    </row>
    <row r="10" spans="1:4" ht="18" customHeight="1" x14ac:dyDescent="0.2">
      <c r="A10" s="8" t="s">
        <v>25</v>
      </c>
      <c r="B10" s="29">
        <v>27</v>
      </c>
      <c r="C10" s="10">
        <v>31</v>
      </c>
      <c r="D10" s="9">
        <v>58</v>
      </c>
    </row>
    <row r="11" spans="1:4" ht="18" customHeight="1" x14ac:dyDescent="0.2">
      <c r="A11" s="16">
        <v>5</v>
      </c>
      <c r="B11" s="29">
        <v>7</v>
      </c>
      <c r="C11" s="10">
        <v>3</v>
      </c>
      <c r="D11" s="9">
        <v>10</v>
      </c>
    </row>
    <row r="12" spans="1:4" ht="18" customHeight="1" x14ac:dyDescent="0.2">
      <c r="A12" s="16">
        <v>6</v>
      </c>
      <c r="B12" s="29">
        <v>5</v>
      </c>
      <c r="C12" s="10">
        <v>4</v>
      </c>
      <c r="D12" s="9">
        <v>9</v>
      </c>
    </row>
    <row r="13" spans="1:4" ht="18" customHeight="1" x14ac:dyDescent="0.2">
      <c r="A13" s="16">
        <v>7</v>
      </c>
      <c r="B13" s="29">
        <v>4</v>
      </c>
      <c r="C13" s="10">
        <v>6</v>
      </c>
      <c r="D13" s="9">
        <v>10</v>
      </c>
    </row>
    <row r="14" spans="1:4" ht="18" customHeight="1" x14ac:dyDescent="0.2">
      <c r="A14" s="16">
        <v>8</v>
      </c>
      <c r="B14" s="29">
        <v>6</v>
      </c>
      <c r="C14" s="10">
        <v>6</v>
      </c>
      <c r="D14" s="9">
        <v>12</v>
      </c>
    </row>
    <row r="15" spans="1:4" ht="18" customHeight="1" x14ac:dyDescent="0.2">
      <c r="A15" s="16">
        <v>9</v>
      </c>
      <c r="B15" s="29">
        <v>9</v>
      </c>
      <c r="C15" s="10">
        <v>7</v>
      </c>
      <c r="D15" s="9">
        <v>16</v>
      </c>
    </row>
    <row r="16" spans="1:4" ht="18" customHeight="1" x14ac:dyDescent="0.2">
      <c r="A16" s="8" t="s">
        <v>24</v>
      </c>
      <c r="B16" s="29">
        <v>31</v>
      </c>
      <c r="C16" s="10">
        <v>26</v>
      </c>
      <c r="D16" s="9">
        <v>57</v>
      </c>
    </row>
    <row r="17" spans="1:4" ht="18" customHeight="1" x14ac:dyDescent="0.2">
      <c r="A17" s="16">
        <v>10</v>
      </c>
      <c r="B17" s="29">
        <v>8</v>
      </c>
      <c r="C17" s="10">
        <v>6</v>
      </c>
      <c r="D17" s="9">
        <v>14</v>
      </c>
    </row>
    <row r="18" spans="1:4" ht="18" customHeight="1" x14ac:dyDescent="0.2">
      <c r="A18" s="16">
        <v>11</v>
      </c>
      <c r="B18" s="29">
        <v>7</v>
      </c>
      <c r="C18" s="10">
        <v>8</v>
      </c>
      <c r="D18" s="9">
        <v>15</v>
      </c>
    </row>
    <row r="19" spans="1:4" ht="18" customHeight="1" x14ac:dyDescent="0.2">
      <c r="A19" s="16">
        <v>12</v>
      </c>
      <c r="B19" s="29">
        <v>9</v>
      </c>
      <c r="C19" s="10">
        <v>4</v>
      </c>
      <c r="D19" s="9">
        <v>13</v>
      </c>
    </row>
    <row r="20" spans="1:4" ht="18" customHeight="1" x14ac:dyDescent="0.2">
      <c r="A20" s="16">
        <v>13</v>
      </c>
      <c r="B20" s="29">
        <v>7</v>
      </c>
      <c r="C20" s="10">
        <v>13</v>
      </c>
      <c r="D20" s="9">
        <v>20</v>
      </c>
    </row>
    <row r="21" spans="1:4" ht="18" customHeight="1" x14ac:dyDescent="0.2">
      <c r="A21" s="16">
        <v>14</v>
      </c>
      <c r="B21" s="29">
        <v>4</v>
      </c>
      <c r="C21" s="10">
        <v>3</v>
      </c>
      <c r="D21" s="9">
        <v>7</v>
      </c>
    </row>
    <row r="22" spans="1:4" ht="18" customHeight="1" x14ac:dyDescent="0.2">
      <c r="A22" s="8" t="s">
        <v>23</v>
      </c>
      <c r="B22" s="29">
        <v>35</v>
      </c>
      <c r="C22" s="10">
        <v>34</v>
      </c>
      <c r="D22" s="9">
        <v>69</v>
      </c>
    </row>
    <row r="23" spans="1:4" ht="18" customHeight="1" x14ac:dyDescent="0.2">
      <c r="A23" s="8" t="s">
        <v>22</v>
      </c>
      <c r="B23" s="29">
        <v>93</v>
      </c>
      <c r="C23" s="10">
        <v>91</v>
      </c>
      <c r="D23" s="9">
        <v>184</v>
      </c>
    </row>
    <row r="24" spans="1:4" ht="18" customHeight="1" x14ac:dyDescent="0.2">
      <c r="A24" s="16">
        <v>15</v>
      </c>
      <c r="B24" s="29">
        <v>11</v>
      </c>
      <c r="C24" s="10">
        <v>8</v>
      </c>
      <c r="D24" s="9">
        <v>19</v>
      </c>
    </row>
    <row r="25" spans="1:4" ht="18" customHeight="1" x14ac:dyDescent="0.2">
      <c r="A25" s="16">
        <v>16</v>
      </c>
      <c r="B25" s="29">
        <v>3</v>
      </c>
      <c r="C25" s="10">
        <v>7</v>
      </c>
      <c r="D25" s="9">
        <v>10</v>
      </c>
    </row>
    <row r="26" spans="1:4" ht="18" customHeight="1" x14ac:dyDescent="0.2">
      <c r="A26" s="16">
        <v>17</v>
      </c>
      <c r="B26" s="29">
        <v>6</v>
      </c>
      <c r="C26" s="10">
        <v>4</v>
      </c>
      <c r="D26" s="9">
        <v>10</v>
      </c>
    </row>
    <row r="27" spans="1:4" ht="18" customHeight="1" x14ac:dyDescent="0.2">
      <c r="A27" s="16">
        <v>18</v>
      </c>
      <c r="B27" s="29">
        <v>7</v>
      </c>
      <c r="C27" s="10">
        <v>7</v>
      </c>
      <c r="D27" s="9">
        <v>14</v>
      </c>
    </row>
    <row r="28" spans="1:4" ht="18" customHeight="1" x14ac:dyDescent="0.2">
      <c r="A28" s="16">
        <v>19</v>
      </c>
      <c r="B28" s="29">
        <v>11</v>
      </c>
      <c r="C28" s="10">
        <v>7</v>
      </c>
      <c r="D28" s="9">
        <v>18</v>
      </c>
    </row>
    <row r="29" spans="1:4" ht="18" customHeight="1" x14ac:dyDescent="0.2">
      <c r="A29" s="8" t="s">
        <v>21</v>
      </c>
      <c r="B29" s="29">
        <v>38</v>
      </c>
      <c r="C29" s="10">
        <v>33</v>
      </c>
      <c r="D29" s="9">
        <v>71</v>
      </c>
    </row>
    <row r="30" spans="1:4" ht="18" customHeight="1" x14ac:dyDescent="0.2">
      <c r="A30" s="16">
        <v>20</v>
      </c>
      <c r="B30" s="29">
        <v>9</v>
      </c>
      <c r="C30" s="10">
        <v>8</v>
      </c>
      <c r="D30" s="9">
        <v>17</v>
      </c>
    </row>
    <row r="31" spans="1:4" ht="18" customHeight="1" x14ac:dyDescent="0.2">
      <c r="A31" s="16">
        <v>21</v>
      </c>
      <c r="B31" s="29">
        <v>11</v>
      </c>
      <c r="C31" s="10">
        <v>6</v>
      </c>
      <c r="D31" s="9">
        <v>17</v>
      </c>
    </row>
    <row r="32" spans="1:4" ht="18" customHeight="1" x14ac:dyDescent="0.2">
      <c r="A32" s="16">
        <v>22</v>
      </c>
      <c r="B32" s="29">
        <v>7</v>
      </c>
      <c r="C32" s="10">
        <v>6</v>
      </c>
      <c r="D32" s="9">
        <v>13</v>
      </c>
    </row>
    <row r="33" spans="1:4" ht="18" customHeight="1" x14ac:dyDescent="0.2">
      <c r="A33" s="16">
        <v>23</v>
      </c>
      <c r="B33" s="29">
        <v>10</v>
      </c>
      <c r="C33" s="10">
        <v>5</v>
      </c>
      <c r="D33" s="9">
        <v>15</v>
      </c>
    </row>
    <row r="34" spans="1:4" ht="18" customHeight="1" x14ac:dyDescent="0.2">
      <c r="A34" s="16">
        <v>24</v>
      </c>
      <c r="B34" s="29">
        <v>12</v>
      </c>
      <c r="C34" s="10">
        <v>8</v>
      </c>
      <c r="D34" s="9">
        <v>20</v>
      </c>
    </row>
    <row r="35" spans="1:4" ht="18" customHeight="1" x14ac:dyDescent="0.2">
      <c r="A35" s="8" t="s">
        <v>20</v>
      </c>
      <c r="B35" s="29">
        <v>49</v>
      </c>
      <c r="C35" s="10">
        <v>33</v>
      </c>
      <c r="D35" s="9">
        <v>82</v>
      </c>
    </row>
    <row r="36" spans="1:4" ht="18" customHeight="1" x14ac:dyDescent="0.2">
      <c r="A36" s="16">
        <v>25</v>
      </c>
      <c r="B36" s="29">
        <v>9</v>
      </c>
      <c r="C36" s="10">
        <v>6</v>
      </c>
      <c r="D36" s="9">
        <v>15</v>
      </c>
    </row>
    <row r="37" spans="1:4" ht="18" customHeight="1" x14ac:dyDescent="0.2">
      <c r="A37" s="16">
        <v>26</v>
      </c>
      <c r="B37" s="29">
        <v>7</v>
      </c>
      <c r="C37" s="10">
        <v>5</v>
      </c>
      <c r="D37" s="9">
        <v>12</v>
      </c>
    </row>
    <row r="38" spans="1:4" ht="18" customHeight="1" x14ac:dyDescent="0.2">
      <c r="A38" s="16">
        <v>27</v>
      </c>
      <c r="B38" s="29">
        <v>10</v>
      </c>
      <c r="C38" s="10">
        <v>5</v>
      </c>
      <c r="D38" s="9">
        <v>15</v>
      </c>
    </row>
    <row r="39" spans="1:4" ht="18" customHeight="1" x14ac:dyDescent="0.2">
      <c r="A39" s="16">
        <v>28</v>
      </c>
      <c r="B39" s="29">
        <v>9</v>
      </c>
      <c r="C39" s="10">
        <v>8</v>
      </c>
      <c r="D39" s="9">
        <v>17</v>
      </c>
    </row>
    <row r="40" spans="1:4" ht="18" customHeight="1" x14ac:dyDescent="0.2">
      <c r="A40" s="16">
        <v>29</v>
      </c>
      <c r="B40" s="29">
        <v>6</v>
      </c>
      <c r="C40" s="10">
        <v>11</v>
      </c>
      <c r="D40" s="9">
        <v>17</v>
      </c>
    </row>
    <row r="41" spans="1:4" ht="18" customHeight="1" x14ac:dyDescent="0.2">
      <c r="A41" s="8" t="s">
        <v>19</v>
      </c>
      <c r="B41" s="29">
        <v>41</v>
      </c>
      <c r="C41" s="10">
        <v>35</v>
      </c>
      <c r="D41" s="9">
        <v>76</v>
      </c>
    </row>
    <row r="42" spans="1:4" ht="18" customHeight="1" x14ac:dyDescent="0.2">
      <c r="A42" s="16">
        <v>30</v>
      </c>
      <c r="B42" s="29">
        <v>10</v>
      </c>
      <c r="C42" s="10">
        <v>3</v>
      </c>
      <c r="D42" s="9">
        <v>13</v>
      </c>
    </row>
    <row r="43" spans="1:4" ht="18" customHeight="1" x14ac:dyDescent="0.2">
      <c r="A43" s="16">
        <v>31</v>
      </c>
      <c r="B43" s="29">
        <v>8</v>
      </c>
      <c r="C43" s="10">
        <v>3</v>
      </c>
      <c r="D43" s="9">
        <v>11</v>
      </c>
    </row>
    <row r="44" spans="1:4" ht="18" customHeight="1" x14ac:dyDescent="0.2">
      <c r="A44" s="16">
        <v>32</v>
      </c>
      <c r="B44" s="29">
        <v>10</v>
      </c>
      <c r="C44" s="10">
        <v>1</v>
      </c>
      <c r="D44" s="9">
        <v>11</v>
      </c>
    </row>
    <row r="45" spans="1:4" ht="18" customHeight="1" x14ac:dyDescent="0.2">
      <c r="A45" s="16">
        <v>33</v>
      </c>
      <c r="B45" s="29">
        <v>12</v>
      </c>
      <c r="C45" s="10">
        <v>5</v>
      </c>
      <c r="D45" s="9">
        <v>17</v>
      </c>
    </row>
    <row r="46" spans="1:4" ht="18" customHeight="1" x14ac:dyDescent="0.2">
      <c r="A46" s="16">
        <v>34</v>
      </c>
      <c r="B46" s="29">
        <v>8</v>
      </c>
      <c r="C46" s="10">
        <v>4</v>
      </c>
      <c r="D46" s="9">
        <v>12</v>
      </c>
    </row>
    <row r="47" spans="1:4" ht="18" customHeight="1" x14ac:dyDescent="0.2">
      <c r="A47" s="8" t="s">
        <v>18</v>
      </c>
      <c r="B47" s="29">
        <v>48</v>
      </c>
      <c r="C47" s="10">
        <v>16</v>
      </c>
      <c r="D47" s="9">
        <v>64</v>
      </c>
    </row>
    <row r="48" spans="1:4" ht="18" customHeight="1" x14ac:dyDescent="0.2">
      <c r="A48" s="16">
        <v>35</v>
      </c>
      <c r="B48" s="29">
        <v>8</v>
      </c>
      <c r="C48" s="10">
        <v>6</v>
      </c>
      <c r="D48" s="9">
        <v>14</v>
      </c>
    </row>
    <row r="49" spans="1:4" ht="18" customHeight="1" x14ac:dyDescent="0.2">
      <c r="A49" s="16">
        <v>36</v>
      </c>
      <c r="B49" s="29">
        <v>6</v>
      </c>
      <c r="C49" s="10">
        <v>9</v>
      </c>
      <c r="D49" s="9">
        <v>15</v>
      </c>
    </row>
    <row r="50" spans="1:4" ht="18" customHeight="1" x14ac:dyDescent="0.2">
      <c r="A50" s="16">
        <v>37</v>
      </c>
      <c r="B50" s="29">
        <v>8</v>
      </c>
      <c r="C50" s="10">
        <v>6</v>
      </c>
      <c r="D50" s="9">
        <v>14</v>
      </c>
    </row>
    <row r="51" spans="1:4" ht="18" customHeight="1" x14ac:dyDescent="0.2">
      <c r="A51" s="16">
        <v>38</v>
      </c>
      <c r="B51" s="29">
        <v>12</v>
      </c>
      <c r="C51" s="10">
        <v>5</v>
      </c>
      <c r="D51" s="9">
        <v>17</v>
      </c>
    </row>
    <row r="52" spans="1:4" ht="18" customHeight="1" x14ac:dyDescent="0.2">
      <c r="A52" s="16">
        <v>39</v>
      </c>
      <c r="B52" s="29">
        <v>8</v>
      </c>
      <c r="C52" s="10">
        <v>8</v>
      </c>
      <c r="D52" s="9">
        <v>16</v>
      </c>
    </row>
    <row r="53" spans="1:4" ht="18" customHeight="1" x14ac:dyDescent="0.2">
      <c r="A53" s="8" t="s">
        <v>17</v>
      </c>
      <c r="B53" s="29">
        <v>42</v>
      </c>
      <c r="C53" s="10">
        <v>34</v>
      </c>
      <c r="D53" s="9">
        <v>76</v>
      </c>
    </row>
    <row r="54" spans="1:4" ht="18" customHeight="1" x14ac:dyDescent="0.2">
      <c r="A54" s="16">
        <v>40</v>
      </c>
      <c r="B54" s="29">
        <v>12</v>
      </c>
      <c r="C54" s="10">
        <v>5</v>
      </c>
      <c r="D54" s="9">
        <v>17</v>
      </c>
    </row>
    <row r="55" spans="1:4" ht="18" customHeight="1" x14ac:dyDescent="0.2">
      <c r="A55" s="16">
        <v>41</v>
      </c>
      <c r="B55" s="29">
        <v>12</v>
      </c>
      <c r="C55" s="10">
        <v>10</v>
      </c>
      <c r="D55" s="9">
        <v>22</v>
      </c>
    </row>
    <row r="56" spans="1:4" ht="18" customHeight="1" x14ac:dyDescent="0.2">
      <c r="A56" s="16">
        <v>42</v>
      </c>
      <c r="B56" s="29">
        <v>9</v>
      </c>
      <c r="C56" s="10">
        <v>8</v>
      </c>
      <c r="D56" s="9">
        <v>17</v>
      </c>
    </row>
    <row r="57" spans="1:4" ht="18" customHeight="1" x14ac:dyDescent="0.2">
      <c r="A57" s="16">
        <v>43</v>
      </c>
      <c r="B57" s="29">
        <v>10</v>
      </c>
      <c r="C57" s="10">
        <v>13</v>
      </c>
      <c r="D57" s="9">
        <v>23</v>
      </c>
    </row>
    <row r="58" spans="1:4" ht="18" customHeight="1" x14ac:dyDescent="0.2">
      <c r="A58" s="16">
        <v>44</v>
      </c>
      <c r="B58" s="29">
        <v>5</v>
      </c>
      <c r="C58" s="10">
        <v>7</v>
      </c>
      <c r="D58" s="9">
        <v>12</v>
      </c>
    </row>
    <row r="59" spans="1:4" ht="18" customHeight="1" x14ac:dyDescent="0.2">
      <c r="A59" s="8" t="s">
        <v>16</v>
      </c>
      <c r="B59" s="29">
        <v>48</v>
      </c>
      <c r="C59" s="10">
        <v>43</v>
      </c>
      <c r="D59" s="9">
        <v>91</v>
      </c>
    </row>
    <row r="60" spans="1:4" ht="18" customHeight="1" x14ac:dyDescent="0.2">
      <c r="A60" s="16">
        <v>45</v>
      </c>
      <c r="B60" s="29">
        <v>13</v>
      </c>
      <c r="C60" s="10">
        <v>6</v>
      </c>
      <c r="D60" s="9">
        <v>19</v>
      </c>
    </row>
    <row r="61" spans="1:4" ht="18" customHeight="1" x14ac:dyDescent="0.2">
      <c r="A61" s="16">
        <v>46</v>
      </c>
      <c r="B61" s="29">
        <v>14</v>
      </c>
      <c r="C61" s="10">
        <v>13</v>
      </c>
      <c r="D61" s="9">
        <v>27</v>
      </c>
    </row>
    <row r="62" spans="1:4" ht="18" customHeight="1" x14ac:dyDescent="0.2">
      <c r="A62" s="16">
        <v>47</v>
      </c>
      <c r="B62" s="29">
        <v>10</v>
      </c>
      <c r="C62" s="10">
        <v>13</v>
      </c>
      <c r="D62" s="9">
        <v>23</v>
      </c>
    </row>
    <row r="63" spans="1:4" ht="18" customHeight="1" x14ac:dyDescent="0.2">
      <c r="A63" s="16">
        <v>48</v>
      </c>
      <c r="B63" s="29">
        <v>10</v>
      </c>
      <c r="C63" s="10">
        <v>11</v>
      </c>
      <c r="D63" s="9">
        <v>21</v>
      </c>
    </row>
    <row r="64" spans="1:4" ht="18" customHeight="1" x14ac:dyDescent="0.2">
      <c r="A64" s="16">
        <v>49</v>
      </c>
      <c r="B64" s="29">
        <v>13</v>
      </c>
      <c r="C64" s="10">
        <v>8</v>
      </c>
      <c r="D64" s="9">
        <v>21</v>
      </c>
    </row>
    <row r="65" spans="1:4" ht="18" customHeight="1" x14ac:dyDescent="0.2">
      <c r="A65" s="8" t="s">
        <v>15</v>
      </c>
      <c r="B65" s="29">
        <v>60</v>
      </c>
      <c r="C65" s="10">
        <v>51</v>
      </c>
      <c r="D65" s="9">
        <v>111</v>
      </c>
    </row>
    <row r="66" spans="1:4" ht="18" customHeight="1" x14ac:dyDescent="0.2">
      <c r="A66" s="16">
        <v>50</v>
      </c>
      <c r="B66" s="29">
        <v>11</v>
      </c>
      <c r="C66" s="10">
        <v>13</v>
      </c>
      <c r="D66" s="9">
        <v>24</v>
      </c>
    </row>
    <row r="67" spans="1:4" ht="18" customHeight="1" x14ac:dyDescent="0.2">
      <c r="A67" s="16">
        <v>51</v>
      </c>
      <c r="B67" s="29">
        <v>13</v>
      </c>
      <c r="C67" s="10">
        <v>15</v>
      </c>
      <c r="D67" s="9">
        <v>28</v>
      </c>
    </row>
    <row r="68" spans="1:4" ht="18" customHeight="1" x14ac:dyDescent="0.2">
      <c r="A68" s="16">
        <v>52</v>
      </c>
      <c r="B68" s="29">
        <v>13</v>
      </c>
      <c r="C68" s="10">
        <v>12</v>
      </c>
      <c r="D68" s="9">
        <v>25</v>
      </c>
    </row>
    <row r="69" spans="1:4" ht="18" customHeight="1" x14ac:dyDescent="0.2">
      <c r="A69" s="16">
        <v>53</v>
      </c>
      <c r="B69" s="29">
        <v>12</v>
      </c>
      <c r="C69" s="10">
        <v>6</v>
      </c>
      <c r="D69" s="9">
        <v>18</v>
      </c>
    </row>
    <row r="70" spans="1:4" ht="18" customHeight="1" x14ac:dyDescent="0.2">
      <c r="A70" s="16">
        <v>54</v>
      </c>
      <c r="B70" s="29">
        <v>9</v>
      </c>
      <c r="C70" s="10">
        <v>7</v>
      </c>
      <c r="D70" s="9">
        <v>16</v>
      </c>
    </row>
    <row r="71" spans="1:4" ht="18" customHeight="1" x14ac:dyDescent="0.2">
      <c r="A71" s="8" t="s">
        <v>14</v>
      </c>
      <c r="B71" s="29">
        <v>58</v>
      </c>
      <c r="C71" s="10">
        <v>53</v>
      </c>
      <c r="D71" s="9">
        <v>111</v>
      </c>
    </row>
    <row r="72" spans="1:4" ht="18" customHeight="1" x14ac:dyDescent="0.2">
      <c r="A72" s="16">
        <v>55</v>
      </c>
      <c r="B72" s="29">
        <v>12</v>
      </c>
      <c r="C72" s="10">
        <v>12</v>
      </c>
      <c r="D72" s="9">
        <v>24</v>
      </c>
    </row>
    <row r="73" spans="1:4" ht="18" customHeight="1" x14ac:dyDescent="0.2">
      <c r="A73" s="16">
        <v>56</v>
      </c>
      <c r="B73" s="29">
        <v>11</v>
      </c>
      <c r="C73" s="10">
        <v>11</v>
      </c>
      <c r="D73" s="9">
        <v>22</v>
      </c>
    </row>
    <row r="74" spans="1:4" ht="18" customHeight="1" x14ac:dyDescent="0.2">
      <c r="A74" s="16">
        <v>57</v>
      </c>
      <c r="B74" s="29">
        <v>7</v>
      </c>
      <c r="C74" s="10">
        <v>5</v>
      </c>
      <c r="D74" s="9">
        <v>12</v>
      </c>
    </row>
    <row r="75" spans="1:4" ht="18" customHeight="1" x14ac:dyDescent="0.2">
      <c r="A75" s="16">
        <v>58</v>
      </c>
      <c r="B75" s="29">
        <v>11</v>
      </c>
      <c r="C75" s="10">
        <v>10</v>
      </c>
      <c r="D75" s="9">
        <v>21</v>
      </c>
    </row>
    <row r="76" spans="1:4" ht="18" customHeight="1" x14ac:dyDescent="0.2">
      <c r="A76" s="16">
        <v>59</v>
      </c>
      <c r="B76" s="29">
        <v>9</v>
      </c>
      <c r="C76" s="10">
        <v>12</v>
      </c>
      <c r="D76" s="9">
        <v>21</v>
      </c>
    </row>
    <row r="77" spans="1:4" ht="18" customHeight="1" x14ac:dyDescent="0.2">
      <c r="A77" s="8" t="s">
        <v>13</v>
      </c>
      <c r="B77" s="29">
        <v>50</v>
      </c>
      <c r="C77" s="10">
        <v>50</v>
      </c>
      <c r="D77" s="9">
        <v>100</v>
      </c>
    </row>
    <row r="78" spans="1:4" ht="18" customHeight="1" x14ac:dyDescent="0.2">
      <c r="A78" s="16">
        <v>60</v>
      </c>
      <c r="B78" s="29">
        <v>15</v>
      </c>
      <c r="C78" s="10">
        <v>14</v>
      </c>
      <c r="D78" s="9">
        <v>29</v>
      </c>
    </row>
    <row r="79" spans="1:4" ht="18" customHeight="1" x14ac:dyDescent="0.2">
      <c r="A79" s="16">
        <v>61</v>
      </c>
      <c r="B79" s="29">
        <v>5</v>
      </c>
      <c r="C79" s="10">
        <v>7</v>
      </c>
      <c r="D79" s="9">
        <v>12</v>
      </c>
    </row>
    <row r="80" spans="1:4" ht="18" customHeight="1" x14ac:dyDescent="0.2">
      <c r="A80" s="16">
        <v>62</v>
      </c>
      <c r="B80" s="29">
        <v>9</v>
      </c>
      <c r="C80" s="10">
        <v>5</v>
      </c>
      <c r="D80" s="9">
        <v>14</v>
      </c>
    </row>
    <row r="81" spans="1:4" ht="18" customHeight="1" x14ac:dyDescent="0.2">
      <c r="A81" s="16">
        <v>63</v>
      </c>
      <c r="B81" s="29">
        <v>14</v>
      </c>
      <c r="C81" s="10">
        <v>16</v>
      </c>
      <c r="D81" s="9">
        <v>30</v>
      </c>
    </row>
    <row r="82" spans="1:4" ht="18" customHeight="1" x14ac:dyDescent="0.2">
      <c r="A82" s="16">
        <v>64</v>
      </c>
      <c r="B82" s="29">
        <v>13</v>
      </c>
      <c r="C82" s="10">
        <v>10</v>
      </c>
      <c r="D82" s="9">
        <v>23</v>
      </c>
    </row>
    <row r="83" spans="1:4" ht="18" customHeight="1" x14ac:dyDescent="0.2">
      <c r="A83" s="8" t="s">
        <v>12</v>
      </c>
      <c r="B83" s="29">
        <v>56</v>
      </c>
      <c r="C83" s="10">
        <v>52</v>
      </c>
      <c r="D83" s="9">
        <v>108</v>
      </c>
    </row>
    <row r="84" spans="1:4" ht="18" customHeight="1" x14ac:dyDescent="0.2">
      <c r="A84" s="8" t="s">
        <v>11</v>
      </c>
      <c r="B84" s="29">
        <v>490</v>
      </c>
      <c r="C84" s="10">
        <v>400</v>
      </c>
      <c r="D84" s="9">
        <v>890</v>
      </c>
    </row>
    <row r="85" spans="1:4" ht="18" customHeight="1" x14ac:dyDescent="0.2">
      <c r="A85" s="16">
        <v>65</v>
      </c>
      <c r="B85" s="29">
        <v>11</v>
      </c>
      <c r="C85" s="10">
        <v>15</v>
      </c>
      <c r="D85" s="9">
        <v>26</v>
      </c>
    </row>
    <row r="86" spans="1:4" ht="18" customHeight="1" x14ac:dyDescent="0.2">
      <c r="A86" s="16">
        <v>66</v>
      </c>
      <c r="B86" s="29">
        <v>8</v>
      </c>
      <c r="C86" s="10">
        <v>11</v>
      </c>
      <c r="D86" s="9">
        <v>19</v>
      </c>
    </row>
    <row r="87" spans="1:4" ht="18" customHeight="1" x14ac:dyDescent="0.2">
      <c r="A87" s="16">
        <v>67</v>
      </c>
      <c r="B87" s="29">
        <v>7</v>
      </c>
      <c r="C87" s="10">
        <v>6</v>
      </c>
      <c r="D87" s="9">
        <v>13</v>
      </c>
    </row>
    <row r="88" spans="1:4" ht="18" customHeight="1" x14ac:dyDescent="0.2">
      <c r="A88" s="16">
        <v>68</v>
      </c>
      <c r="B88" s="29">
        <v>13</v>
      </c>
      <c r="C88" s="10">
        <v>12</v>
      </c>
      <c r="D88" s="9">
        <v>25</v>
      </c>
    </row>
    <row r="89" spans="1:4" ht="18" customHeight="1" x14ac:dyDescent="0.2">
      <c r="A89" s="16">
        <v>69</v>
      </c>
      <c r="B89" s="29">
        <v>6</v>
      </c>
      <c r="C89" s="10">
        <v>8</v>
      </c>
      <c r="D89" s="9">
        <v>14</v>
      </c>
    </row>
    <row r="90" spans="1:4" ht="18" customHeight="1" x14ac:dyDescent="0.2">
      <c r="A90" s="8" t="s">
        <v>10</v>
      </c>
      <c r="B90" s="29">
        <v>45</v>
      </c>
      <c r="C90" s="10">
        <v>52</v>
      </c>
      <c r="D90" s="9">
        <v>97</v>
      </c>
    </row>
    <row r="91" spans="1:4" ht="18" customHeight="1" x14ac:dyDescent="0.2">
      <c r="A91" s="16">
        <v>70</v>
      </c>
      <c r="B91" s="29">
        <v>13</v>
      </c>
      <c r="C91" s="10">
        <v>13</v>
      </c>
      <c r="D91" s="9">
        <v>26</v>
      </c>
    </row>
    <row r="92" spans="1:4" ht="18" customHeight="1" x14ac:dyDescent="0.2">
      <c r="A92" s="16">
        <v>71</v>
      </c>
      <c r="B92" s="29">
        <v>11</v>
      </c>
      <c r="C92" s="10">
        <v>14</v>
      </c>
      <c r="D92" s="9">
        <v>25</v>
      </c>
    </row>
    <row r="93" spans="1:4" ht="18" customHeight="1" x14ac:dyDescent="0.2">
      <c r="A93" s="16">
        <v>72</v>
      </c>
      <c r="B93" s="29">
        <v>8</v>
      </c>
      <c r="C93" s="10">
        <v>13</v>
      </c>
      <c r="D93" s="9">
        <v>21</v>
      </c>
    </row>
    <row r="94" spans="1:4" ht="18" customHeight="1" x14ac:dyDescent="0.2">
      <c r="A94" s="16">
        <v>73</v>
      </c>
      <c r="B94" s="29">
        <v>9</v>
      </c>
      <c r="C94" s="10">
        <v>9</v>
      </c>
      <c r="D94" s="9">
        <v>18</v>
      </c>
    </row>
    <row r="95" spans="1:4" ht="18" customHeight="1" x14ac:dyDescent="0.2">
      <c r="A95" s="16">
        <v>74</v>
      </c>
      <c r="B95" s="29">
        <v>22</v>
      </c>
      <c r="C95" s="10">
        <v>16</v>
      </c>
      <c r="D95" s="9">
        <v>38</v>
      </c>
    </row>
    <row r="96" spans="1:4" ht="18" customHeight="1" x14ac:dyDescent="0.2">
      <c r="A96" s="8" t="s">
        <v>9</v>
      </c>
      <c r="B96" s="29">
        <v>63</v>
      </c>
      <c r="C96" s="10">
        <v>65</v>
      </c>
      <c r="D96" s="9">
        <v>128</v>
      </c>
    </row>
    <row r="97" spans="1:4" ht="18" customHeight="1" x14ac:dyDescent="0.2">
      <c r="A97" s="16">
        <v>75</v>
      </c>
      <c r="B97" s="29">
        <v>14</v>
      </c>
      <c r="C97" s="10">
        <v>19</v>
      </c>
      <c r="D97" s="9">
        <v>33</v>
      </c>
    </row>
    <row r="98" spans="1:4" ht="18" customHeight="1" x14ac:dyDescent="0.2">
      <c r="A98" s="16">
        <v>76</v>
      </c>
      <c r="B98" s="29">
        <v>16</v>
      </c>
      <c r="C98" s="10">
        <v>14</v>
      </c>
      <c r="D98" s="9">
        <v>30</v>
      </c>
    </row>
    <row r="99" spans="1:4" ht="18" customHeight="1" x14ac:dyDescent="0.2">
      <c r="A99" s="16">
        <v>77</v>
      </c>
      <c r="B99" s="29">
        <v>5</v>
      </c>
      <c r="C99" s="10">
        <v>10</v>
      </c>
      <c r="D99" s="9">
        <v>15</v>
      </c>
    </row>
    <row r="100" spans="1:4" ht="18" customHeight="1" x14ac:dyDescent="0.2">
      <c r="A100" s="16">
        <v>78</v>
      </c>
      <c r="B100" s="29">
        <v>9</v>
      </c>
      <c r="C100" s="10">
        <v>8</v>
      </c>
      <c r="D100" s="9">
        <v>17</v>
      </c>
    </row>
    <row r="101" spans="1:4" ht="18" customHeight="1" x14ac:dyDescent="0.2">
      <c r="A101" s="16">
        <v>79</v>
      </c>
      <c r="B101" s="29">
        <v>9</v>
      </c>
      <c r="C101" s="10">
        <v>9</v>
      </c>
      <c r="D101" s="9">
        <v>18</v>
      </c>
    </row>
    <row r="102" spans="1:4" ht="18" customHeight="1" x14ac:dyDescent="0.2">
      <c r="A102" s="8" t="s">
        <v>8</v>
      </c>
      <c r="B102" s="29">
        <v>53</v>
      </c>
      <c r="C102" s="10">
        <v>60</v>
      </c>
      <c r="D102" s="9">
        <v>113</v>
      </c>
    </row>
    <row r="103" spans="1:4" ht="18" customHeight="1" x14ac:dyDescent="0.2">
      <c r="A103" s="16">
        <v>80</v>
      </c>
      <c r="B103" s="29">
        <v>9</v>
      </c>
      <c r="C103" s="10">
        <v>10</v>
      </c>
      <c r="D103" s="9">
        <v>19</v>
      </c>
    </row>
    <row r="104" spans="1:4" ht="18" customHeight="1" x14ac:dyDescent="0.2">
      <c r="A104" s="16">
        <v>81</v>
      </c>
      <c r="B104" s="29">
        <v>10</v>
      </c>
      <c r="C104" s="10">
        <v>15</v>
      </c>
      <c r="D104" s="9">
        <v>25</v>
      </c>
    </row>
    <row r="105" spans="1:4" ht="18" customHeight="1" x14ac:dyDescent="0.2">
      <c r="A105" s="16">
        <v>82</v>
      </c>
      <c r="B105" s="29">
        <v>1</v>
      </c>
      <c r="C105" s="10">
        <v>14</v>
      </c>
      <c r="D105" s="9">
        <v>15</v>
      </c>
    </row>
    <row r="106" spans="1:4" ht="18" customHeight="1" x14ac:dyDescent="0.2">
      <c r="A106" s="16">
        <v>83</v>
      </c>
      <c r="B106" s="29">
        <v>6</v>
      </c>
      <c r="C106" s="10">
        <v>9</v>
      </c>
      <c r="D106" s="9">
        <v>15</v>
      </c>
    </row>
    <row r="107" spans="1:4" ht="18" customHeight="1" x14ac:dyDescent="0.2">
      <c r="A107" s="16">
        <v>84</v>
      </c>
      <c r="B107" s="29">
        <v>4</v>
      </c>
      <c r="C107" s="10">
        <v>10</v>
      </c>
      <c r="D107" s="9">
        <v>14</v>
      </c>
    </row>
    <row r="108" spans="1:4" ht="18" customHeight="1" x14ac:dyDescent="0.2">
      <c r="A108" s="8" t="s">
        <v>7</v>
      </c>
      <c r="B108" s="29">
        <v>30</v>
      </c>
      <c r="C108" s="10">
        <v>58</v>
      </c>
      <c r="D108" s="9">
        <v>88</v>
      </c>
    </row>
    <row r="109" spans="1:4" ht="18" customHeight="1" x14ac:dyDescent="0.2">
      <c r="A109" s="16">
        <v>85</v>
      </c>
      <c r="B109" s="29">
        <v>5</v>
      </c>
      <c r="C109" s="10">
        <v>9</v>
      </c>
      <c r="D109" s="9">
        <v>14</v>
      </c>
    </row>
    <row r="110" spans="1:4" ht="18" customHeight="1" x14ac:dyDescent="0.2">
      <c r="A110" s="16">
        <v>86</v>
      </c>
      <c r="B110" s="29">
        <v>4</v>
      </c>
      <c r="C110" s="10">
        <v>15</v>
      </c>
      <c r="D110" s="9">
        <v>19</v>
      </c>
    </row>
    <row r="111" spans="1:4" ht="18" customHeight="1" x14ac:dyDescent="0.2">
      <c r="A111" s="16">
        <v>87</v>
      </c>
      <c r="B111" s="29">
        <v>4</v>
      </c>
      <c r="C111" s="10">
        <v>18</v>
      </c>
      <c r="D111" s="9">
        <v>22</v>
      </c>
    </row>
    <row r="112" spans="1:4" ht="18" customHeight="1" x14ac:dyDescent="0.2">
      <c r="A112" s="16">
        <v>88</v>
      </c>
      <c r="B112" s="29">
        <v>2</v>
      </c>
      <c r="C112" s="10">
        <v>7</v>
      </c>
      <c r="D112" s="9">
        <v>9</v>
      </c>
    </row>
    <row r="113" spans="1:4" ht="18" customHeight="1" x14ac:dyDescent="0.2">
      <c r="A113" s="16">
        <v>89</v>
      </c>
      <c r="B113" s="29">
        <v>4</v>
      </c>
      <c r="C113" s="10">
        <v>5</v>
      </c>
      <c r="D113" s="9">
        <v>9</v>
      </c>
    </row>
    <row r="114" spans="1:4" ht="18" customHeight="1" x14ac:dyDescent="0.2">
      <c r="A114" s="8" t="s">
        <v>6</v>
      </c>
      <c r="B114" s="29">
        <v>19</v>
      </c>
      <c r="C114" s="10">
        <v>54</v>
      </c>
      <c r="D114" s="9">
        <v>73</v>
      </c>
    </row>
    <row r="115" spans="1:4" ht="18" customHeight="1" x14ac:dyDescent="0.2">
      <c r="A115" s="16">
        <v>90</v>
      </c>
      <c r="B115" s="29">
        <v>1</v>
      </c>
      <c r="C115" s="10">
        <v>2</v>
      </c>
      <c r="D115" s="9">
        <v>3</v>
      </c>
    </row>
    <row r="116" spans="1:4" ht="18" customHeight="1" x14ac:dyDescent="0.2">
      <c r="A116" s="16">
        <v>91</v>
      </c>
      <c r="B116" s="29">
        <v>1</v>
      </c>
      <c r="C116" s="10">
        <v>5</v>
      </c>
      <c r="D116" s="9">
        <v>6</v>
      </c>
    </row>
    <row r="117" spans="1:4" ht="18" customHeight="1" x14ac:dyDescent="0.2">
      <c r="A117" s="16">
        <v>92</v>
      </c>
      <c r="B117" s="29">
        <v>1</v>
      </c>
      <c r="C117" s="10">
        <v>9</v>
      </c>
      <c r="D117" s="9">
        <v>10</v>
      </c>
    </row>
    <row r="118" spans="1:4" ht="18" customHeight="1" x14ac:dyDescent="0.2">
      <c r="A118" s="16">
        <v>93</v>
      </c>
      <c r="B118" s="29">
        <v>1</v>
      </c>
      <c r="C118" s="10">
        <v>4</v>
      </c>
      <c r="D118" s="9">
        <v>5</v>
      </c>
    </row>
    <row r="119" spans="1:4" ht="18" customHeight="1" x14ac:dyDescent="0.2">
      <c r="A119" s="16">
        <v>94</v>
      </c>
      <c r="B119" s="29">
        <v>1</v>
      </c>
      <c r="C119" s="10">
        <v>1</v>
      </c>
      <c r="D119" s="9">
        <v>2</v>
      </c>
    </row>
    <row r="120" spans="1:4" ht="18" customHeight="1" x14ac:dyDescent="0.2">
      <c r="A120" s="8" t="s">
        <v>5</v>
      </c>
      <c r="B120" s="29">
        <v>5</v>
      </c>
      <c r="C120" s="10">
        <v>21</v>
      </c>
      <c r="D120" s="9">
        <v>26</v>
      </c>
    </row>
    <row r="121" spans="1:4" ht="18" customHeight="1" x14ac:dyDescent="0.2">
      <c r="A121" s="16">
        <v>95</v>
      </c>
      <c r="B121" s="29">
        <v>2</v>
      </c>
      <c r="C121" s="10">
        <v>2</v>
      </c>
      <c r="D121" s="9">
        <v>4</v>
      </c>
    </row>
    <row r="122" spans="1:4" ht="18" customHeight="1" x14ac:dyDescent="0.2">
      <c r="A122" s="16">
        <v>96</v>
      </c>
      <c r="B122" s="29">
        <v>1</v>
      </c>
      <c r="C122" s="10">
        <v>1</v>
      </c>
      <c r="D122" s="9">
        <v>2</v>
      </c>
    </row>
    <row r="123" spans="1:4" ht="18" customHeight="1" x14ac:dyDescent="0.2">
      <c r="A123" s="16">
        <v>97</v>
      </c>
      <c r="B123" s="29">
        <v>1</v>
      </c>
      <c r="C123" s="10">
        <v>1</v>
      </c>
      <c r="D123" s="9">
        <v>2</v>
      </c>
    </row>
    <row r="124" spans="1:4" ht="18" customHeight="1" x14ac:dyDescent="0.2">
      <c r="A124" s="16">
        <v>98</v>
      </c>
      <c r="B124" s="29">
        <v>0</v>
      </c>
      <c r="C124" s="10">
        <v>1</v>
      </c>
      <c r="D124" s="9">
        <v>1</v>
      </c>
    </row>
    <row r="125" spans="1:4" ht="18" customHeight="1" x14ac:dyDescent="0.2">
      <c r="A125" s="16">
        <v>99</v>
      </c>
      <c r="B125" s="29">
        <v>0</v>
      </c>
      <c r="C125" s="10">
        <v>2</v>
      </c>
      <c r="D125" s="9">
        <v>2</v>
      </c>
    </row>
    <row r="126" spans="1:4" ht="18" customHeight="1" x14ac:dyDescent="0.2">
      <c r="A126" s="8" t="s">
        <v>4</v>
      </c>
      <c r="B126" s="29">
        <v>4</v>
      </c>
      <c r="C126" s="10">
        <v>7</v>
      </c>
      <c r="D126" s="9">
        <v>11</v>
      </c>
    </row>
    <row r="127" spans="1:4" ht="18" customHeight="1" x14ac:dyDescent="0.2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2">
      <c r="A128" s="15" t="s">
        <v>3</v>
      </c>
      <c r="B128" s="29">
        <v>0</v>
      </c>
      <c r="C128" s="10">
        <v>0</v>
      </c>
      <c r="D128" s="9">
        <v>0</v>
      </c>
    </row>
    <row r="129" spans="1:4" ht="18" customHeight="1" x14ac:dyDescent="0.2">
      <c r="A129" s="8" t="s">
        <v>2</v>
      </c>
      <c r="B129" s="29">
        <v>0</v>
      </c>
      <c r="C129" s="10">
        <v>1</v>
      </c>
      <c r="D129" s="9">
        <v>1</v>
      </c>
    </row>
    <row r="130" spans="1:4" ht="18" customHeight="1" x14ac:dyDescent="0.2">
      <c r="A130" s="8" t="s">
        <v>1</v>
      </c>
      <c r="B130" s="28">
        <v>219</v>
      </c>
      <c r="C130" s="6">
        <v>318</v>
      </c>
      <c r="D130" s="5">
        <v>537</v>
      </c>
    </row>
    <row r="131" spans="1:4" ht="18" customHeight="1" x14ac:dyDescent="0.2">
      <c r="A131" s="4" t="s">
        <v>0</v>
      </c>
      <c r="B131" s="27">
        <v>802</v>
      </c>
      <c r="C131" s="2">
        <v>809</v>
      </c>
      <c r="D131" s="1">
        <v>1611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C4725A-2B50-486D-8AF4-DE649327F869}">
  <sheetPr codeName="Sheet5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71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4</v>
      </c>
      <c r="C5" s="18">
        <v>3</v>
      </c>
      <c r="D5" s="17">
        <v>7</v>
      </c>
    </row>
    <row r="6" spans="1:4" ht="18" customHeight="1" x14ac:dyDescent="0.2">
      <c r="A6" s="16">
        <v>1</v>
      </c>
      <c r="B6" s="29">
        <v>4</v>
      </c>
      <c r="C6" s="10">
        <v>3</v>
      </c>
      <c r="D6" s="9">
        <v>7</v>
      </c>
    </row>
    <row r="7" spans="1:4" ht="18" customHeight="1" x14ac:dyDescent="0.2">
      <c r="A7" s="16">
        <v>2</v>
      </c>
      <c r="B7" s="29">
        <v>2</v>
      </c>
      <c r="C7" s="10">
        <v>2</v>
      </c>
      <c r="D7" s="9">
        <v>4</v>
      </c>
    </row>
    <row r="8" spans="1:4" ht="18" customHeight="1" x14ac:dyDescent="0.2">
      <c r="A8" s="16">
        <v>3</v>
      </c>
      <c r="B8" s="29">
        <v>4</v>
      </c>
      <c r="C8" s="10">
        <v>5</v>
      </c>
      <c r="D8" s="9">
        <v>9</v>
      </c>
    </row>
    <row r="9" spans="1:4" ht="18" customHeight="1" x14ac:dyDescent="0.2">
      <c r="A9" s="16">
        <v>4</v>
      </c>
      <c r="B9" s="29">
        <v>2</v>
      </c>
      <c r="C9" s="10">
        <v>6</v>
      </c>
      <c r="D9" s="9">
        <v>8</v>
      </c>
    </row>
    <row r="10" spans="1:4" ht="18" customHeight="1" x14ac:dyDescent="0.2">
      <c r="A10" s="8" t="s">
        <v>25</v>
      </c>
      <c r="B10" s="29">
        <v>16</v>
      </c>
      <c r="C10" s="10">
        <v>19</v>
      </c>
      <c r="D10" s="9">
        <v>35</v>
      </c>
    </row>
    <row r="11" spans="1:4" ht="18" customHeight="1" x14ac:dyDescent="0.2">
      <c r="A11" s="16">
        <v>5</v>
      </c>
      <c r="B11" s="29">
        <v>2</v>
      </c>
      <c r="C11" s="10">
        <v>6</v>
      </c>
      <c r="D11" s="9">
        <v>8</v>
      </c>
    </row>
    <row r="12" spans="1:4" ht="18" customHeight="1" x14ac:dyDescent="0.2">
      <c r="A12" s="16">
        <v>6</v>
      </c>
      <c r="B12" s="29">
        <v>7</v>
      </c>
      <c r="C12" s="10">
        <v>3</v>
      </c>
      <c r="D12" s="9">
        <v>10</v>
      </c>
    </row>
    <row r="13" spans="1:4" ht="18" customHeight="1" x14ac:dyDescent="0.2">
      <c r="A13" s="16">
        <v>7</v>
      </c>
      <c r="B13" s="29">
        <v>5</v>
      </c>
      <c r="C13" s="10">
        <v>6</v>
      </c>
      <c r="D13" s="9">
        <v>11</v>
      </c>
    </row>
    <row r="14" spans="1:4" ht="18" customHeight="1" x14ac:dyDescent="0.2">
      <c r="A14" s="16">
        <v>8</v>
      </c>
      <c r="B14" s="29">
        <v>3</v>
      </c>
      <c r="C14" s="10">
        <v>1</v>
      </c>
      <c r="D14" s="9">
        <v>4</v>
      </c>
    </row>
    <row r="15" spans="1:4" ht="18" customHeight="1" x14ac:dyDescent="0.2">
      <c r="A15" s="16">
        <v>9</v>
      </c>
      <c r="B15" s="29">
        <v>3</v>
      </c>
      <c r="C15" s="10">
        <v>5</v>
      </c>
      <c r="D15" s="9">
        <v>8</v>
      </c>
    </row>
    <row r="16" spans="1:4" ht="18" customHeight="1" x14ac:dyDescent="0.2">
      <c r="A16" s="8" t="s">
        <v>24</v>
      </c>
      <c r="B16" s="29">
        <v>20</v>
      </c>
      <c r="C16" s="10">
        <v>21</v>
      </c>
      <c r="D16" s="9">
        <v>41</v>
      </c>
    </row>
    <row r="17" spans="1:4" ht="18" customHeight="1" x14ac:dyDescent="0.2">
      <c r="A17" s="16">
        <v>10</v>
      </c>
      <c r="B17" s="29">
        <v>4</v>
      </c>
      <c r="C17" s="10">
        <v>3</v>
      </c>
      <c r="D17" s="9">
        <v>7</v>
      </c>
    </row>
    <row r="18" spans="1:4" ht="18" customHeight="1" x14ac:dyDescent="0.2">
      <c r="A18" s="16">
        <v>11</v>
      </c>
      <c r="B18" s="29">
        <v>3</v>
      </c>
      <c r="C18" s="10">
        <v>3</v>
      </c>
      <c r="D18" s="9">
        <v>6</v>
      </c>
    </row>
    <row r="19" spans="1:4" ht="18" customHeight="1" x14ac:dyDescent="0.2">
      <c r="A19" s="16">
        <v>12</v>
      </c>
      <c r="B19" s="29">
        <v>2</v>
      </c>
      <c r="C19" s="10">
        <v>4</v>
      </c>
      <c r="D19" s="9">
        <v>6</v>
      </c>
    </row>
    <row r="20" spans="1:4" ht="18" customHeight="1" x14ac:dyDescent="0.2">
      <c r="A20" s="16">
        <v>13</v>
      </c>
      <c r="B20" s="29">
        <v>4</v>
      </c>
      <c r="C20" s="10">
        <v>3</v>
      </c>
      <c r="D20" s="9">
        <v>7</v>
      </c>
    </row>
    <row r="21" spans="1:4" ht="18" customHeight="1" x14ac:dyDescent="0.2">
      <c r="A21" s="16">
        <v>14</v>
      </c>
      <c r="B21" s="29">
        <v>3</v>
      </c>
      <c r="C21" s="10">
        <v>2</v>
      </c>
      <c r="D21" s="9">
        <v>5</v>
      </c>
    </row>
    <row r="22" spans="1:4" ht="18" customHeight="1" x14ac:dyDescent="0.2">
      <c r="A22" s="8" t="s">
        <v>23</v>
      </c>
      <c r="B22" s="29">
        <v>16</v>
      </c>
      <c r="C22" s="10">
        <v>15</v>
      </c>
      <c r="D22" s="9">
        <v>31</v>
      </c>
    </row>
    <row r="23" spans="1:4" ht="18" customHeight="1" x14ac:dyDescent="0.2">
      <c r="A23" s="8" t="s">
        <v>22</v>
      </c>
      <c r="B23" s="29">
        <v>52</v>
      </c>
      <c r="C23" s="10">
        <v>55</v>
      </c>
      <c r="D23" s="9">
        <v>107</v>
      </c>
    </row>
    <row r="24" spans="1:4" ht="18" customHeight="1" x14ac:dyDescent="0.2">
      <c r="A24" s="16">
        <v>15</v>
      </c>
      <c r="B24" s="29">
        <v>1</v>
      </c>
      <c r="C24" s="10">
        <v>3</v>
      </c>
      <c r="D24" s="9">
        <v>4</v>
      </c>
    </row>
    <row r="25" spans="1:4" ht="18" customHeight="1" x14ac:dyDescent="0.2">
      <c r="A25" s="16">
        <v>16</v>
      </c>
      <c r="B25" s="29">
        <v>3</v>
      </c>
      <c r="C25" s="10">
        <v>8</v>
      </c>
      <c r="D25" s="9">
        <v>11</v>
      </c>
    </row>
    <row r="26" spans="1:4" ht="18" customHeight="1" x14ac:dyDescent="0.2">
      <c r="A26" s="16">
        <v>17</v>
      </c>
      <c r="B26" s="29">
        <v>5</v>
      </c>
      <c r="C26" s="10">
        <v>4</v>
      </c>
      <c r="D26" s="9">
        <v>9</v>
      </c>
    </row>
    <row r="27" spans="1:4" ht="18" customHeight="1" x14ac:dyDescent="0.2">
      <c r="A27" s="16">
        <v>18</v>
      </c>
      <c r="B27" s="29">
        <v>7</v>
      </c>
      <c r="C27" s="10">
        <v>13</v>
      </c>
      <c r="D27" s="9">
        <v>20</v>
      </c>
    </row>
    <row r="28" spans="1:4" ht="18" customHeight="1" x14ac:dyDescent="0.2">
      <c r="A28" s="16">
        <v>19</v>
      </c>
      <c r="B28" s="29">
        <v>25</v>
      </c>
      <c r="C28" s="10">
        <v>10</v>
      </c>
      <c r="D28" s="9">
        <v>35</v>
      </c>
    </row>
    <row r="29" spans="1:4" ht="18" customHeight="1" x14ac:dyDescent="0.2">
      <c r="A29" s="8" t="s">
        <v>21</v>
      </c>
      <c r="B29" s="29">
        <v>41</v>
      </c>
      <c r="C29" s="10">
        <v>38</v>
      </c>
      <c r="D29" s="9">
        <v>79</v>
      </c>
    </row>
    <row r="30" spans="1:4" ht="18" customHeight="1" x14ac:dyDescent="0.2">
      <c r="A30" s="16">
        <v>20</v>
      </c>
      <c r="B30" s="29">
        <v>18</v>
      </c>
      <c r="C30" s="10">
        <v>16</v>
      </c>
      <c r="D30" s="9">
        <v>34</v>
      </c>
    </row>
    <row r="31" spans="1:4" ht="18" customHeight="1" x14ac:dyDescent="0.2">
      <c r="A31" s="16">
        <v>21</v>
      </c>
      <c r="B31" s="29">
        <v>23</v>
      </c>
      <c r="C31" s="10">
        <v>23</v>
      </c>
      <c r="D31" s="9">
        <v>46</v>
      </c>
    </row>
    <row r="32" spans="1:4" ht="18" customHeight="1" x14ac:dyDescent="0.2">
      <c r="A32" s="16">
        <v>22</v>
      </c>
      <c r="B32" s="29">
        <v>23</v>
      </c>
      <c r="C32" s="10">
        <v>37</v>
      </c>
      <c r="D32" s="9">
        <v>60</v>
      </c>
    </row>
    <row r="33" spans="1:4" ht="18" customHeight="1" x14ac:dyDescent="0.2">
      <c r="A33" s="16">
        <v>23</v>
      </c>
      <c r="B33" s="29">
        <v>32</v>
      </c>
      <c r="C33" s="10">
        <v>23</v>
      </c>
      <c r="D33" s="9">
        <v>55</v>
      </c>
    </row>
    <row r="34" spans="1:4" ht="18" customHeight="1" x14ac:dyDescent="0.2">
      <c r="A34" s="16">
        <v>24</v>
      </c>
      <c r="B34" s="29">
        <v>16</v>
      </c>
      <c r="C34" s="10">
        <v>29</v>
      </c>
      <c r="D34" s="9">
        <v>45</v>
      </c>
    </row>
    <row r="35" spans="1:4" ht="18" customHeight="1" x14ac:dyDescent="0.2">
      <c r="A35" s="8" t="s">
        <v>20</v>
      </c>
      <c r="B35" s="29">
        <v>112</v>
      </c>
      <c r="C35" s="10">
        <v>128</v>
      </c>
      <c r="D35" s="9">
        <v>240</v>
      </c>
    </row>
    <row r="36" spans="1:4" ht="18" customHeight="1" x14ac:dyDescent="0.2">
      <c r="A36" s="16">
        <v>25</v>
      </c>
      <c r="B36" s="29">
        <v>17</v>
      </c>
      <c r="C36" s="10">
        <v>17</v>
      </c>
      <c r="D36" s="9">
        <v>34</v>
      </c>
    </row>
    <row r="37" spans="1:4" ht="18" customHeight="1" x14ac:dyDescent="0.2">
      <c r="A37" s="16">
        <v>26</v>
      </c>
      <c r="B37" s="29">
        <v>22</v>
      </c>
      <c r="C37" s="10">
        <v>16</v>
      </c>
      <c r="D37" s="9">
        <v>38</v>
      </c>
    </row>
    <row r="38" spans="1:4" ht="18" customHeight="1" x14ac:dyDescent="0.2">
      <c r="A38" s="16">
        <v>27</v>
      </c>
      <c r="B38" s="29">
        <v>18</v>
      </c>
      <c r="C38" s="10">
        <v>12</v>
      </c>
      <c r="D38" s="9">
        <v>30</v>
      </c>
    </row>
    <row r="39" spans="1:4" ht="18" customHeight="1" x14ac:dyDescent="0.2">
      <c r="A39" s="16">
        <v>28</v>
      </c>
      <c r="B39" s="29">
        <v>13</v>
      </c>
      <c r="C39" s="10">
        <v>9</v>
      </c>
      <c r="D39" s="9">
        <v>22</v>
      </c>
    </row>
    <row r="40" spans="1:4" ht="18" customHeight="1" x14ac:dyDescent="0.2">
      <c r="A40" s="16">
        <v>29</v>
      </c>
      <c r="B40" s="29">
        <v>6</v>
      </c>
      <c r="C40" s="10">
        <v>11</v>
      </c>
      <c r="D40" s="9">
        <v>17</v>
      </c>
    </row>
    <row r="41" spans="1:4" ht="18" customHeight="1" x14ac:dyDescent="0.2">
      <c r="A41" s="8" t="s">
        <v>19</v>
      </c>
      <c r="B41" s="29">
        <v>76</v>
      </c>
      <c r="C41" s="10">
        <v>65</v>
      </c>
      <c r="D41" s="9">
        <v>141</v>
      </c>
    </row>
    <row r="42" spans="1:4" ht="18" customHeight="1" x14ac:dyDescent="0.2">
      <c r="A42" s="16">
        <v>30</v>
      </c>
      <c r="B42" s="29">
        <v>6</v>
      </c>
      <c r="C42" s="10">
        <v>10</v>
      </c>
      <c r="D42" s="9">
        <v>16</v>
      </c>
    </row>
    <row r="43" spans="1:4" ht="18" customHeight="1" x14ac:dyDescent="0.2">
      <c r="A43" s="16">
        <v>31</v>
      </c>
      <c r="B43" s="29">
        <v>7</v>
      </c>
      <c r="C43" s="10">
        <v>12</v>
      </c>
      <c r="D43" s="9">
        <v>19</v>
      </c>
    </row>
    <row r="44" spans="1:4" ht="18" customHeight="1" x14ac:dyDescent="0.2">
      <c r="A44" s="16">
        <v>32</v>
      </c>
      <c r="B44" s="29">
        <v>5</v>
      </c>
      <c r="C44" s="10">
        <v>7</v>
      </c>
      <c r="D44" s="9">
        <v>12</v>
      </c>
    </row>
    <row r="45" spans="1:4" ht="18" customHeight="1" x14ac:dyDescent="0.2">
      <c r="A45" s="16">
        <v>33</v>
      </c>
      <c r="B45" s="29">
        <v>12</v>
      </c>
      <c r="C45" s="10">
        <v>5</v>
      </c>
      <c r="D45" s="9">
        <v>17</v>
      </c>
    </row>
    <row r="46" spans="1:4" ht="18" customHeight="1" x14ac:dyDescent="0.2">
      <c r="A46" s="16">
        <v>34</v>
      </c>
      <c r="B46" s="29">
        <v>17</v>
      </c>
      <c r="C46" s="10">
        <v>6</v>
      </c>
      <c r="D46" s="9">
        <v>23</v>
      </c>
    </row>
    <row r="47" spans="1:4" ht="18" customHeight="1" x14ac:dyDescent="0.2">
      <c r="A47" s="8" t="s">
        <v>18</v>
      </c>
      <c r="B47" s="29">
        <v>47</v>
      </c>
      <c r="C47" s="10">
        <v>40</v>
      </c>
      <c r="D47" s="9">
        <v>87</v>
      </c>
    </row>
    <row r="48" spans="1:4" ht="18" customHeight="1" x14ac:dyDescent="0.2">
      <c r="A48" s="16">
        <v>35</v>
      </c>
      <c r="B48" s="29">
        <v>9</v>
      </c>
      <c r="C48" s="10">
        <v>4</v>
      </c>
      <c r="D48" s="9">
        <v>13</v>
      </c>
    </row>
    <row r="49" spans="1:4" ht="18" customHeight="1" x14ac:dyDescent="0.2">
      <c r="A49" s="16">
        <v>36</v>
      </c>
      <c r="B49" s="29">
        <v>9</v>
      </c>
      <c r="C49" s="10">
        <v>8</v>
      </c>
      <c r="D49" s="9">
        <v>17</v>
      </c>
    </row>
    <row r="50" spans="1:4" ht="18" customHeight="1" x14ac:dyDescent="0.2">
      <c r="A50" s="16">
        <v>37</v>
      </c>
      <c r="B50" s="29">
        <v>9</v>
      </c>
      <c r="C50" s="10">
        <v>7</v>
      </c>
      <c r="D50" s="9">
        <v>16</v>
      </c>
    </row>
    <row r="51" spans="1:4" ht="18" customHeight="1" x14ac:dyDescent="0.2">
      <c r="A51" s="16">
        <v>38</v>
      </c>
      <c r="B51" s="29">
        <v>11</v>
      </c>
      <c r="C51" s="10">
        <v>4</v>
      </c>
      <c r="D51" s="9">
        <v>15</v>
      </c>
    </row>
    <row r="52" spans="1:4" ht="18" customHeight="1" x14ac:dyDescent="0.2">
      <c r="A52" s="16">
        <v>39</v>
      </c>
      <c r="B52" s="29">
        <v>7</v>
      </c>
      <c r="C52" s="10">
        <v>1</v>
      </c>
      <c r="D52" s="9">
        <v>8</v>
      </c>
    </row>
    <row r="53" spans="1:4" ht="18" customHeight="1" x14ac:dyDescent="0.2">
      <c r="A53" s="8" t="s">
        <v>17</v>
      </c>
      <c r="B53" s="29">
        <v>45</v>
      </c>
      <c r="C53" s="10">
        <v>24</v>
      </c>
      <c r="D53" s="9">
        <v>69</v>
      </c>
    </row>
    <row r="54" spans="1:4" ht="18" customHeight="1" x14ac:dyDescent="0.2">
      <c r="A54" s="16">
        <v>40</v>
      </c>
      <c r="B54" s="29">
        <v>11</v>
      </c>
      <c r="C54" s="10">
        <v>4</v>
      </c>
      <c r="D54" s="9">
        <v>15</v>
      </c>
    </row>
    <row r="55" spans="1:4" ht="18" customHeight="1" x14ac:dyDescent="0.2">
      <c r="A55" s="16">
        <v>41</v>
      </c>
      <c r="B55" s="29">
        <v>12</v>
      </c>
      <c r="C55" s="10">
        <v>4</v>
      </c>
      <c r="D55" s="9">
        <v>16</v>
      </c>
    </row>
    <row r="56" spans="1:4" ht="18" customHeight="1" x14ac:dyDescent="0.2">
      <c r="A56" s="16">
        <v>42</v>
      </c>
      <c r="B56" s="29">
        <v>15</v>
      </c>
      <c r="C56" s="10">
        <v>5</v>
      </c>
      <c r="D56" s="9">
        <v>20</v>
      </c>
    </row>
    <row r="57" spans="1:4" ht="18" customHeight="1" x14ac:dyDescent="0.2">
      <c r="A57" s="16">
        <v>43</v>
      </c>
      <c r="B57" s="29">
        <v>10</v>
      </c>
      <c r="C57" s="10">
        <v>9</v>
      </c>
      <c r="D57" s="9">
        <v>19</v>
      </c>
    </row>
    <row r="58" spans="1:4" ht="18" customHeight="1" x14ac:dyDescent="0.2">
      <c r="A58" s="16">
        <v>44</v>
      </c>
      <c r="B58" s="29">
        <v>5</v>
      </c>
      <c r="C58" s="10">
        <v>4</v>
      </c>
      <c r="D58" s="9">
        <v>9</v>
      </c>
    </row>
    <row r="59" spans="1:4" ht="18" customHeight="1" x14ac:dyDescent="0.2">
      <c r="A59" s="8" t="s">
        <v>16</v>
      </c>
      <c r="B59" s="29">
        <v>53</v>
      </c>
      <c r="C59" s="10">
        <v>26</v>
      </c>
      <c r="D59" s="9">
        <v>79</v>
      </c>
    </row>
    <row r="60" spans="1:4" ht="18" customHeight="1" x14ac:dyDescent="0.2">
      <c r="A60" s="16">
        <v>45</v>
      </c>
      <c r="B60" s="29">
        <v>8</v>
      </c>
      <c r="C60" s="10">
        <v>12</v>
      </c>
      <c r="D60" s="9">
        <v>20</v>
      </c>
    </row>
    <row r="61" spans="1:4" ht="18" customHeight="1" x14ac:dyDescent="0.2">
      <c r="A61" s="16">
        <v>46</v>
      </c>
      <c r="B61" s="29">
        <v>11</v>
      </c>
      <c r="C61" s="10">
        <v>8</v>
      </c>
      <c r="D61" s="9">
        <v>19</v>
      </c>
    </row>
    <row r="62" spans="1:4" ht="18" customHeight="1" x14ac:dyDescent="0.2">
      <c r="A62" s="16">
        <v>47</v>
      </c>
      <c r="B62" s="29">
        <v>13</v>
      </c>
      <c r="C62" s="10">
        <v>11</v>
      </c>
      <c r="D62" s="9">
        <v>24</v>
      </c>
    </row>
    <row r="63" spans="1:4" ht="18" customHeight="1" x14ac:dyDescent="0.2">
      <c r="A63" s="16">
        <v>48</v>
      </c>
      <c r="B63" s="29">
        <v>14</v>
      </c>
      <c r="C63" s="10">
        <v>6</v>
      </c>
      <c r="D63" s="9">
        <v>20</v>
      </c>
    </row>
    <row r="64" spans="1:4" ht="18" customHeight="1" x14ac:dyDescent="0.2">
      <c r="A64" s="16">
        <v>49</v>
      </c>
      <c r="B64" s="29">
        <v>19</v>
      </c>
      <c r="C64" s="10">
        <v>15</v>
      </c>
      <c r="D64" s="9">
        <v>34</v>
      </c>
    </row>
    <row r="65" spans="1:4" ht="18" customHeight="1" x14ac:dyDescent="0.2">
      <c r="A65" s="8" t="s">
        <v>15</v>
      </c>
      <c r="B65" s="29">
        <v>65</v>
      </c>
      <c r="C65" s="10">
        <v>52</v>
      </c>
      <c r="D65" s="9">
        <v>117</v>
      </c>
    </row>
    <row r="66" spans="1:4" ht="18" customHeight="1" x14ac:dyDescent="0.2">
      <c r="A66" s="16">
        <v>50</v>
      </c>
      <c r="B66" s="29">
        <v>13</v>
      </c>
      <c r="C66" s="10">
        <v>9</v>
      </c>
      <c r="D66" s="9">
        <v>22</v>
      </c>
    </row>
    <row r="67" spans="1:4" ht="18" customHeight="1" x14ac:dyDescent="0.2">
      <c r="A67" s="16">
        <v>51</v>
      </c>
      <c r="B67" s="29">
        <v>10</v>
      </c>
      <c r="C67" s="10">
        <v>9</v>
      </c>
      <c r="D67" s="9">
        <v>19</v>
      </c>
    </row>
    <row r="68" spans="1:4" ht="18" customHeight="1" x14ac:dyDescent="0.2">
      <c r="A68" s="16">
        <v>52</v>
      </c>
      <c r="B68" s="29">
        <v>6</v>
      </c>
      <c r="C68" s="10">
        <v>9</v>
      </c>
      <c r="D68" s="9">
        <v>15</v>
      </c>
    </row>
    <row r="69" spans="1:4" ht="18" customHeight="1" x14ac:dyDescent="0.2">
      <c r="A69" s="16">
        <v>53</v>
      </c>
      <c r="B69" s="29">
        <v>12</v>
      </c>
      <c r="C69" s="10">
        <v>11</v>
      </c>
      <c r="D69" s="9">
        <v>23</v>
      </c>
    </row>
    <row r="70" spans="1:4" ht="18" customHeight="1" x14ac:dyDescent="0.2">
      <c r="A70" s="16">
        <v>54</v>
      </c>
      <c r="B70" s="29">
        <v>12</v>
      </c>
      <c r="C70" s="10">
        <v>8</v>
      </c>
      <c r="D70" s="9">
        <v>20</v>
      </c>
    </row>
    <row r="71" spans="1:4" ht="18" customHeight="1" x14ac:dyDescent="0.2">
      <c r="A71" s="8" t="s">
        <v>14</v>
      </c>
      <c r="B71" s="29">
        <v>53</v>
      </c>
      <c r="C71" s="10">
        <v>46</v>
      </c>
      <c r="D71" s="9">
        <v>99</v>
      </c>
    </row>
    <row r="72" spans="1:4" ht="18" customHeight="1" x14ac:dyDescent="0.2">
      <c r="A72" s="16">
        <v>55</v>
      </c>
      <c r="B72" s="29">
        <v>7</v>
      </c>
      <c r="C72" s="10">
        <v>7</v>
      </c>
      <c r="D72" s="9">
        <v>14</v>
      </c>
    </row>
    <row r="73" spans="1:4" ht="18" customHeight="1" x14ac:dyDescent="0.2">
      <c r="A73" s="16">
        <v>56</v>
      </c>
      <c r="B73" s="29">
        <v>15</v>
      </c>
      <c r="C73" s="10">
        <v>8</v>
      </c>
      <c r="D73" s="9">
        <v>23</v>
      </c>
    </row>
    <row r="74" spans="1:4" ht="18" customHeight="1" x14ac:dyDescent="0.2">
      <c r="A74" s="16">
        <v>57</v>
      </c>
      <c r="B74" s="29">
        <v>10</v>
      </c>
      <c r="C74" s="10">
        <v>9</v>
      </c>
      <c r="D74" s="9">
        <v>19</v>
      </c>
    </row>
    <row r="75" spans="1:4" ht="18" customHeight="1" x14ac:dyDescent="0.2">
      <c r="A75" s="16">
        <v>58</v>
      </c>
      <c r="B75" s="29">
        <v>13</v>
      </c>
      <c r="C75" s="10">
        <v>7</v>
      </c>
      <c r="D75" s="9">
        <v>20</v>
      </c>
    </row>
    <row r="76" spans="1:4" ht="18" customHeight="1" x14ac:dyDescent="0.2">
      <c r="A76" s="16">
        <v>59</v>
      </c>
      <c r="B76" s="29">
        <v>9</v>
      </c>
      <c r="C76" s="10">
        <v>8</v>
      </c>
      <c r="D76" s="9">
        <v>17</v>
      </c>
    </row>
    <row r="77" spans="1:4" ht="18" customHeight="1" x14ac:dyDescent="0.2">
      <c r="A77" s="8" t="s">
        <v>13</v>
      </c>
      <c r="B77" s="29">
        <v>54</v>
      </c>
      <c r="C77" s="10">
        <v>39</v>
      </c>
      <c r="D77" s="9">
        <v>93</v>
      </c>
    </row>
    <row r="78" spans="1:4" ht="18" customHeight="1" x14ac:dyDescent="0.2">
      <c r="A78" s="16">
        <v>60</v>
      </c>
      <c r="B78" s="29">
        <v>7</v>
      </c>
      <c r="C78" s="10">
        <v>19</v>
      </c>
      <c r="D78" s="9">
        <v>26</v>
      </c>
    </row>
    <row r="79" spans="1:4" ht="18" customHeight="1" x14ac:dyDescent="0.2">
      <c r="A79" s="16">
        <v>61</v>
      </c>
      <c r="B79" s="29">
        <v>11</v>
      </c>
      <c r="C79" s="10">
        <v>8</v>
      </c>
      <c r="D79" s="9">
        <v>19</v>
      </c>
    </row>
    <row r="80" spans="1:4" ht="18" customHeight="1" x14ac:dyDescent="0.2">
      <c r="A80" s="16">
        <v>62</v>
      </c>
      <c r="B80" s="29">
        <v>8</v>
      </c>
      <c r="C80" s="10">
        <v>14</v>
      </c>
      <c r="D80" s="9">
        <v>22</v>
      </c>
    </row>
    <row r="81" spans="1:4" ht="18" customHeight="1" x14ac:dyDescent="0.2">
      <c r="A81" s="16">
        <v>63</v>
      </c>
      <c r="B81" s="29">
        <v>9</v>
      </c>
      <c r="C81" s="10">
        <v>4</v>
      </c>
      <c r="D81" s="9">
        <v>13</v>
      </c>
    </row>
    <row r="82" spans="1:4" ht="18" customHeight="1" x14ac:dyDescent="0.2">
      <c r="A82" s="16">
        <v>64</v>
      </c>
      <c r="B82" s="29">
        <v>6</v>
      </c>
      <c r="C82" s="10">
        <v>8</v>
      </c>
      <c r="D82" s="9">
        <v>14</v>
      </c>
    </row>
    <row r="83" spans="1:4" ht="18" customHeight="1" x14ac:dyDescent="0.2">
      <c r="A83" s="8" t="s">
        <v>12</v>
      </c>
      <c r="B83" s="29">
        <v>41</v>
      </c>
      <c r="C83" s="10">
        <v>53</v>
      </c>
      <c r="D83" s="9">
        <v>94</v>
      </c>
    </row>
    <row r="84" spans="1:4" ht="18" customHeight="1" x14ac:dyDescent="0.2">
      <c r="A84" s="8" t="s">
        <v>11</v>
      </c>
      <c r="B84" s="29">
        <v>587</v>
      </c>
      <c r="C84" s="10">
        <v>511</v>
      </c>
      <c r="D84" s="9">
        <v>1098</v>
      </c>
    </row>
    <row r="85" spans="1:4" ht="18" customHeight="1" x14ac:dyDescent="0.2">
      <c r="A85" s="16">
        <v>65</v>
      </c>
      <c r="B85" s="29">
        <v>12</v>
      </c>
      <c r="C85" s="10">
        <v>7</v>
      </c>
      <c r="D85" s="9">
        <v>19</v>
      </c>
    </row>
    <row r="86" spans="1:4" ht="18" customHeight="1" x14ac:dyDescent="0.2">
      <c r="A86" s="16">
        <v>66</v>
      </c>
      <c r="B86" s="29">
        <v>8</v>
      </c>
      <c r="C86" s="10">
        <v>7</v>
      </c>
      <c r="D86" s="9">
        <v>15</v>
      </c>
    </row>
    <row r="87" spans="1:4" ht="18" customHeight="1" x14ac:dyDescent="0.2">
      <c r="A87" s="16">
        <v>67</v>
      </c>
      <c r="B87" s="29">
        <v>11</v>
      </c>
      <c r="C87" s="10">
        <v>12</v>
      </c>
      <c r="D87" s="9">
        <v>23</v>
      </c>
    </row>
    <row r="88" spans="1:4" ht="18" customHeight="1" x14ac:dyDescent="0.2">
      <c r="A88" s="16">
        <v>68</v>
      </c>
      <c r="B88" s="29">
        <v>6</v>
      </c>
      <c r="C88" s="10">
        <v>3</v>
      </c>
      <c r="D88" s="9">
        <v>9</v>
      </c>
    </row>
    <row r="89" spans="1:4" ht="18" customHeight="1" x14ac:dyDescent="0.2">
      <c r="A89" s="16">
        <v>69</v>
      </c>
      <c r="B89" s="29">
        <v>8</v>
      </c>
      <c r="C89" s="10">
        <v>15</v>
      </c>
      <c r="D89" s="9">
        <v>23</v>
      </c>
    </row>
    <row r="90" spans="1:4" ht="18" customHeight="1" x14ac:dyDescent="0.2">
      <c r="A90" s="8" t="s">
        <v>10</v>
      </c>
      <c r="B90" s="29">
        <v>45</v>
      </c>
      <c r="C90" s="10">
        <v>44</v>
      </c>
      <c r="D90" s="9">
        <v>89</v>
      </c>
    </row>
    <row r="91" spans="1:4" ht="18" customHeight="1" x14ac:dyDescent="0.2">
      <c r="A91" s="16">
        <v>70</v>
      </c>
      <c r="B91" s="29">
        <v>10</v>
      </c>
      <c r="C91" s="10">
        <v>9</v>
      </c>
      <c r="D91" s="9">
        <v>19</v>
      </c>
    </row>
    <row r="92" spans="1:4" ht="18" customHeight="1" x14ac:dyDescent="0.2">
      <c r="A92" s="16">
        <v>71</v>
      </c>
      <c r="B92" s="29">
        <v>10</v>
      </c>
      <c r="C92" s="10">
        <v>9</v>
      </c>
      <c r="D92" s="9">
        <v>19</v>
      </c>
    </row>
    <row r="93" spans="1:4" ht="18" customHeight="1" x14ac:dyDescent="0.2">
      <c r="A93" s="16">
        <v>72</v>
      </c>
      <c r="B93" s="29">
        <v>11</v>
      </c>
      <c r="C93" s="10">
        <v>15</v>
      </c>
      <c r="D93" s="9">
        <v>26</v>
      </c>
    </row>
    <row r="94" spans="1:4" ht="18" customHeight="1" x14ac:dyDescent="0.2">
      <c r="A94" s="16">
        <v>73</v>
      </c>
      <c r="B94" s="29">
        <v>12</v>
      </c>
      <c r="C94" s="10">
        <v>22</v>
      </c>
      <c r="D94" s="9">
        <v>34</v>
      </c>
    </row>
    <row r="95" spans="1:4" ht="18" customHeight="1" x14ac:dyDescent="0.2">
      <c r="A95" s="16">
        <v>74</v>
      </c>
      <c r="B95" s="29">
        <v>15</v>
      </c>
      <c r="C95" s="10">
        <v>17</v>
      </c>
      <c r="D95" s="9">
        <v>32</v>
      </c>
    </row>
    <row r="96" spans="1:4" ht="18" customHeight="1" x14ac:dyDescent="0.2">
      <c r="A96" s="8" t="s">
        <v>9</v>
      </c>
      <c r="B96" s="29">
        <v>58</v>
      </c>
      <c r="C96" s="10">
        <v>72</v>
      </c>
      <c r="D96" s="9">
        <v>130</v>
      </c>
    </row>
    <row r="97" spans="1:4" ht="18" customHeight="1" x14ac:dyDescent="0.2">
      <c r="A97" s="16">
        <v>75</v>
      </c>
      <c r="B97" s="29">
        <v>17</v>
      </c>
      <c r="C97" s="10">
        <v>13</v>
      </c>
      <c r="D97" s="9">
        <v>30</v>
      </c>
    </row>
    <row r="98" spans="1:4" ht="18" customHeight="1" x14ac:dyDescent="0.2">
      <c r="A98" s="16">
        <v>76</v>
      </c>
      <c r="B98" s="29">
        <v>12</v>
      </c>
      <c r="C98" s="10">
        <v>16</v>
      </c>
      <c r="D98" s="9">
        <v>28</v>
      </c>
    </row>
    <row r="99" spans="1:4" ht="18" customHeight="1" x14ac:dyDescent="0.2">
      <c r="A99" s="16">
        <v>77</v>
      </c>
      <c r="B99" s="29">
        <v>1</v>
      </c>
      <c r="C99" s="10">
        <v>3</v>
      </c>
      <c r="D99" s="9">
        <v>4</v>
      </c>
    </row>
    <row r="100" spans="1:4" ht="18" customHeight="1" x14ac:dyDescent="0.2">
      <c r="A100" s="16">
        <v>78</v>
      </c>
      <c r="B100" s="29">
        <v>8</v>
      </c>
      <c r="C100" s="10">
        <v>12</v>
      </c>
      <c r="D100" s="9">
        <v>20</v>
      </c>
    </row>
    <row r="101" spans="1:4" ht="18" customHeight="1" x14ac:dyDescent="0.2">
      <c r="A101" s="16">
        <v>79</v>
      </c>
      <c r="B101" s="29">
        <v>9</v>
      </c>
      <c r="C101" s="10">
        <v>7</v>
      </c>
      <c r="D101" s="9">
        <v>16</v>
      </c>
    </row>
    <row r="102" spans="1:4" ht="18" customHeight="1" x14ac:dyDescent="0.2">
      <c r="A102" s="8" t="s">
        <v>8</v>
      </c>
      <c r="B102" s="29">
        <v>47</v>
      </c>
      <c r="C102" s="10">
        <v>51</v>
      </c>
      <c r="D102" s="9">
        <v>98</v>
      </c>
    </row>
    <row r="103" spans="1:4" ht="18" customHeight="1" x14ac:dyDescent="0.2">
      <c r="A103" s="16">
        <v>80</v>
      </c>
      <c r="B103" s="29">
        <v>9</v>
      </c>
      <c r="C103" s="10">
        <v>5</v>
      </c>
      <c r="D103" s="9">
        <v>14</v>
      </c>
    </row>
    <row r="104" spans="1:4" ht="18" customHeight="1" x14ac:dyDescent="0.2">
      <c r="A104" s="16">
        <v>81</v>
      </c>
      <c r="B104" s="29">
        <v>8</v>
      </c>
      <c r="C104" s="10">
        <v>5</v>
      </c>
      <c r="D104" s="9">
        <v>13</v>
      </c>
    </row>
    <row r="105" spans="1:4" ht="18" customHeight="1" x14ac:dyDescent="0.2">
      <c r="A105" s="16">
        <v>82</v>
      </c>
      <c r="B105" s="29">
        <v>1</v>
      </c>
      <c r="C105" s="10">
        <v>8</v>
      </c>
      <c r="D105" s="9">
        <v>9</v>
      </c>
    </row>
    <row r="106" spans="1:4" ht="18" customHeight="1" x14ac:dyDescent="0.2">
      <c r="A106" s="16">
        <v>83</v>
      </c>
      <c r="B106" s="29">
        <v>4</v>
      </c>
      <c r="C106" s="10">
        <v>9</v>
      </c>
      <c r="D106" s="9">
        <v>13</v>
      </c>
    </row>
    <row r="107" spans="1:4" ht="18" customHeight="1" x14ac:dyDescent="0.2">
      <c r="A107" s="16">
        <v>84</v>
      </c>
      <c r="B107" s="29">
        <v>6</v>
      </c>
      <c r="C107" s="10">
        <v>6</v>
      </c>
      <c r="D107" s="9">
        <v>12</v>
      </c>
    </row>
    <row r="108" spans="1:4" ht="18" customHeight="1" x14ac:dyDescent="0.2">
      <c r="A108" s="8" t="s">
        <v>7</v>
      </c>
      <c r="B108" s="29">
        <v>28</v>
      </c>
      <c r="C108" s="10">
        <v>33</v>
      </c>
      <c r="D108" s="9">
        <v>61</v>
      </c>
    </row>
    <row r="109" spans="1:4" ht="18" customHeight="1" x14ac:dyDescent="0.2">
      <c r="A109" s="16">
        <v>85</v>
      </c>
      <c r="B109" s="29">
        <v>4</v>
      </c>
      <c r="C109" s="10">
        <v>5</v>
      </c>
      <c r="D109" s="9">
        <v>9</v>
      </c>
    </row>
    <row r="110" spans="1:4" ht="18" customHeight="1" x14ac:dyDescent="0.2">
      <c r="A110" s="16">
        <v>86</v>
      </c>
      <c r="B110" s="29">
        <v>1</v>
      </c>
      <c r="C110" s="10">
        <v>5</v>
      </c>
      <c r="D110" s="9">
        <v>6</v>
      </c>
    </row>
    <row r="111" spans="1:4" ht="18" customHeight="1" x14ac:dyDescent="0.2">
      <c r="A111" s="16">
        <v>87</v>
      </c>
      <c r="B111" s="29">
        <v>2</v>
      </c>
      <c r="C111" s="10">
        <v>9</v>
      </c>
      <c r="D111" s="9">
        <v>11</v>
      </c>
    </row>
    <row r="112" spans="1:4" ht="18" customHeight="1" x14ac:dyDescent="0.2">
      <c r="A112" s="16">
        <v>88</v>
      </c>
      <c r="B112" s="29">
        <v>5</v>
      </c>
      <c r="C112" s="10">
        <v>3</v>
      </c>
      <c r="D112" s="9">
        <v>8</v>
      </c>
    </row>
    <row r="113" spans="1:4" ht="18" customHeight="1" x14ac:dyDescent="0.2">
      <c r="A113" s="16">
        <v>89</v>
      </c>
      <c r="B113" s="29">
        <v>1</v>
      </c>
      <c r="C113" s="10">
        <v>3</v>
      </c>
      <c r="D113" s="9">
        <v>4</v>
      </c>
    </row>
    <row r="114" spans="1:4" ht="18" customHeight="1" x14ac:dyDescent="0.2">
      <c r="A114" s="8" t="s">
        <v>6</v>
      </c>
      <c r="B114" s="29">
        <v>13</v>
      </c>
      <c r="C114" s="10">
        <v>25</v>
      </c>
      <c r="D114" s="9">
        <v>38</v>
      </c>
    </row>
    <row r="115" spans="1:4" ht="18" customHeight="1" x14ac:dyDescent="0.2">
      <c r="A115" s="16">
        <v>90</v>
      </c>
      <c r="B115" s="29">
        <v>2</v>
      </c>
      <c r="C115" s="10">
        <v>6</v>
      </c>
      <c r="D115" s="9">
        <v>8</v>
      </c>
    </row>
    <row r="116" spans="1:4" ht="18" customHeight="1" x14ac:dyDescent="0.2">
      <c r="A116" s="16">
        <v>91</v>
      </c>
      <c r="B116" s="29">
        <v>1</v>
      </c>
      <c r="C116" s="10">
        <v>6</v>
      </c>
      <c r="D116" s="9">
        <v>7</v>
      </c>
    </row>
    <row r="117" spans="1:4" ht="18" customHeight="1" x14ac:dyDescent="0.2">
      <c r="A117" s="16">
        <v>92</v>
      </c>
      <c r="B117" s="29">
        <v>0</v>
      </c>
      <c r="C117" s="10">
        <v>3</v>
      </c>
      <c r="D117" s="9">
        <v>3</v>
      </c>
    </row>
    <row r="118" spans="1:4" ht="18" customHeight="1" x14ac:dyDescent="0.2">
      <c r="A118" s="16">
        <v>93</v>
      </c>
      <c r="B118" s="29">
        <v>2</v>
      </c>
      <c r="C118" s="10">
        <v>5</v>
      </c>
      <c r="D118" s="9">
        <v>7</v>
      </c>
    </row>
    <row r="119" spans="1:4" ht="18" customHeight="1" x14ac:dyDescent="0.2">
      <c r="A119" s="16">
        <v>94</v>
      </c>
      <c r="B119" s="29">
        <v>1</v>
      </c>
      <c r="C119" s="10">
        <v>3</v>
      </c>
      <c r="D119" s="9">
        <v>4</v>
      </c>
    </row>
    <row r="120" spans="1:4" ht="18" customHeight="1" x14ac:dyDescent="0.2">
      <c r="A120" s="8" t="s">
        <v>5</v>
      </c>
      <c r="B120" s="29">
        <v>6</v>
      </c>
      <c r="C120" s="10">
        <v>23</v>
      </c>
      <c r="D120" s="9">
        <v>29</v>
      </c>
    </row>
    <row r="121" spans="1:4" ht="18" customHeight="1" x14ac:dyDescent="0.2">
      <c r="A121" s="16">
        <v>95</v>
      </c>
      <c r="B121" s="29">
        <v>0</v>
      </c>
      <c r="C121" s="10">
        <v>2</v>
      </c>
      <c r="D121" s="9">
        <v>2</v>
      </c>
    </row>
    <row r="122" spans="1:4" ht="18" customHeight="1" x14ac:dyDescent="0.2">
      <c r="A122" s="16">
        <v>96</v>
      </c>
      <c r="B122" s="29">
        <v>1</v>
      </c>
      <c r="C122" s="10">
        <v>1</v>
      </c>
      <c r="D122" s="9">
        <v>2</v>
      </c>
    </row>
    <row r="123" spans="1:4" ht="18" customHeight="1" x14ac:dyDescent="0.2">
      <c r="A123" s="16">
        <v>97</v>
      </c>
      <c r="B123" s="29">
        <v>0</v>
      </c>
      <c r="C123" s="10">
        <v>0</v>
      </c>
      <c r="D123" s="9">
        <v>0</v>
      </c>
    </row>
    <row r="124" spans="1:4" ht="18" customHeight="1" x14ac:dyDescent="0.2">
      <c r="A124" s="16">
        <v>98</v>
      </c>
      <c r="B124" s="29">
        <v>0</v>
      </c>
      <c r="C124" s="10">
        <v>0</v>
      </c>
      <c r="D124" s="9">
        <v>0</v>
      </c>
    </row>
    <row r="125" spans="1:4" ht="18" customHeight="1" x14ac:dyDescent="0.2">
      <c r="A125" s="16">
        <v>99</v>
      </c>
      <c r="B125" s="29">
        <v>0</v>
      </c>
      <c r="C125" s="10">
        <v>1</v>
      </c>
      <c r="D125" s="9">
        <v>1</v>
      </c>
    </row>
    <row r="126" spans="1:4" ht="18" customHeight="1" x14ac:dyDescent="0.2">
      <c r="A126" s="8" t="s">
        <v>4</v>
      </c>
      <c r="B126" s="29">
        <v>1</v>
      </c>
      <c r="C126" s="10">
        <v>4</v>
      </c>
      <c r="D126" s="9">
        <v>5</v>
      </c>
    </row>
    <row r="127" spans="1:4" ht="18" customHeight="1" x14ac:dyDescent="0.2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2">
      <c r="A128" s="15" t="s">
        <v>3</v>
      </c>
      <c r="B128" s="29">
        <v>0</v>
      </c>
      <c r="C128" s="10">
        <v>0</v>
      </c>
      <c r="D128" s="9">
        <v>0</v>
      </c>
    </row>
    <row r="129" spans="1:4" ht="18" customHeight="1" x14ac:dyDescent="0.2">
      <c r="A129" s="8" t="s">
        <v>2</v>
      </c>
      <c r="B129" s="29">
        <v>0</v>
      </c>
      <c r="C129" s="10">
        <v>1</v>
      </c>
      <c r="D129" s="9">
        <v>1</v>
      </c>
    </row>
    <row r="130" spans="1:4" ht="18" customHeight="1" x14ac:dyDescent="0.2">
      <c r="A130" s="8" t="s">
        <v>1</v>
      </c>
      <c r="B130" s="28">
        <v>198</v>
      </c>
      <c r="C130" s="6">
        <v>253</v>
      </c>
      <c r="D130" s="5">
        <v>451</v>
      </c>
    </row>
    <row r="131" spans="1:4" ht="18" customHeight="1" x14ac:dyDescent="0.2">
      <c r="A131" s="4" t="s">
        <v>0</v>
      </c>
      <c r="B131" s="27">
        <v>837</v>
      </c>
      <c r="C131" s="2">
        <v>819</v>
      </c>
      <c r="D131" s="1">
        <v>165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2E60E6A-5508-4C84-A38C-843EB0ED0F9F}">
  <sheetPr codeName="Sheet5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72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9</v>
      </c>
      <c r="C5" s="18">
        <v>9</v>
      </c>
      <c r="D5" s="17">
        <v>18</v>
      </c>
    </row>
    <row r="6" spans="1:4" ht="18" customHeight="1" x14ac:dyDescent="0.2">
      <c r="A6" s="16">
        <v>1</v>
      </c>
      <c r="B6" s="29">
        <v>7</v>
      </c>
      <c r="C6" s="10">
        <v>9</v>
      </c>
      <c r="D6" s="9">
        <v>16</v>
      </c>
    </row>
    <row r="7" spans="1:4" ht="18" customHeight="1" x14ac:dyDescent="0.2">
      <c r="A7" s="16">
        <v>2</v>
      </c>
      <c r="B7" s="29">
        <v>9</v>
      </c>
      <c r="C7" s="10">
        <v>7</v>
      </c>
      <c r="D7" s="9">
        <v>16</v>
      </c>
    </row>
    <row r="8" spans="1:4" ht="18" customHeight="1" x14ac:dyDescent="0.2">
      <c r="A8" s="16">
        <v>3</v>
      </c>
      <c r="B8" s="29">
        <v>8</v>
      </c>
      <c r="C8" s="10">
        <v>16</v>
      </c>
      <c r="D8" s="9">
        <v>24</v>
      </c>
    </row>
    <row r="9" spans="1:4" ht="18" customHeight="1" x14ac:dyDescent="0.2">
      <c r="A9" s="16">
        <v>4</v>
      </c>
      <c r="B9" s="29">
        <v>14</v>
      </c>
      <c r="C9" s="10">
        <v>11</v>
      </c>
      <c r="D9" s="9">
        <v>25</v>
      </c>
    </row>
    <row r="10" spans="1:4" ht="18" customHeight="1" x14ac:dyDescent="0.2">
      <c r="A10" s="8" t="s">
        <v>25</v>
      </c>
      <c r="B10" s="29">
        <v>47</v>
      </c>
      <c r="C10" s="10">
        <v>52</v>
      </c>
      <c r="D10" s="9">
        <v>99</v>
      </c>
    </row>
    <row r="11" spans="1:4" ht="18" customHeight="1" x14ac:dyDescent="0.2">
      <c r="A11" s="16">
        <v>5</v>
      </c>
      <c r="B11" s="29">
        <v>11</v>
      </c>
      <c r="C11" s="10">
        <v>12</v>
      </c>
      <c r="D11" s="9">
        <v>23</v>
      </c>
    </row>
    <row r="12" spans="1:4" ht="18" customHeight="1" x14ac:dyDescent="0.2">
      <c r="A12" s="16">
        <v>6</v>
      </c>
      <c r="B12" s="29">
        <v>16</v>
      </c>
      <c r="C12" s="10">
        <v>11</v>
      </c>
      <c r="D12" s="9">
        <v>27</v>
      </c>
    </row>
    <row r="13" spans="1:4" ht="18" customHeight="1" x14ac:dyDescent="0.2">
      <c r="A13" s="16">
        <v>7</v>
      </c>
      <c r="B13" s="29">
        <v>13</v>
      </c>
      <c r="C13" s="10">
        <v>15</v>
      </c>
      <c r="D13" s="9">
        <v>28</v>
      </c>
    </row>
    <row r="14" spans="1:4" ht="18" customHeight="1" x14ac:dyDescent="0.2">
      <c r="A14" s="16">
        <v>8</v>
      </c>
      <c r="B14" s="29">
        <v>10</v>
      </c>
      <c r="C14" s="10">
        <v>22</v>
      </c>
      <c r="D14" s="9">
        <v>32</v>
      </c>
    </row>
    <row r="15" spans="1:4" ht="18" customHeight="1" x14ac:dyDescent="0.2">
      <c r="A15" s="16">
        <v>9</v>
      </c>
      <c r="B15" s="29">
        <v>12</v>
      </c>
      <c r="C15" s="10">
        <v>14</v>
      </c>
      <c r="D15" s="9">
        <v>26</v>
      </c>
    </row>
    <row r="16" spans="1:4" ht="18" customHeight="1" x14ac:dyDescent="0.2">
      <c r="A16" s="8" t="s">
        <v>24</v>
      </c>
      <c r="B16" s="29">
        <v>62</v>
      </c>
      <c r="C16" s="10">
        <v>74</v>
      </c>
      <c r="D16" s="9">
        <v>136</v>
      </c>
    </row>
    <row r="17" spans="1:4" ht="18" customHeight="1" x14ac:dyDescent="0.2">
      <c r="A17" s="16">
        <v>10</v>
      </c>
      <c r="B17" s="29">
        <v>11</v>
      </c>
      <c r="C17" s="10">
        <v>10</v>
      </c>
      <c r="D17" s="9">
        <v>21</v>
      </c>
    </row>
    <row r="18" spans="1:4" ht="18" customHeight="1" x14ac:dyDescent="0.2">
      <c r="A18" s="16">
        <v>11</v>
      </c>
      <c r="B18" s="29">
        <v>20</v>
      </c>
      <c r="C18" s="10">
        <v>7</v>
      </c>
      <c r="D18" s="9">
        <v>27</v>
      </c>
    </row>
    <row r="19" spans="1:4" ht="18" customHeight="1" x14ac:dyDescent="0.2">
      <c r="A19" s="16">
        <v>12</v>
      </c>
      <c r="B19" s="29">
        <v>10</v>
      </c>
      <c r="C19" s="10">
        <v>14</v>
      </c>
      <c r="D19" s="9">
        <v>24</v>
      </c>
    </row>
    <row r="20" spans="1:4" ht="18" customHeight="1" x14ac:dyDescent="0.2">
      <c r="A20" s="16">
        <v>13</v>
      </c>
      <c r="B20" s="29">
        <v>14</v>
      </c>
      <c r="C20" s="10">
        <v>11</v>
      </c>
      <c r="D20" s="9">
        <v>25</v>
      </c>
    </row>
    <row r="21" spans="1:4" ht="18" customHeight="1" x14ac:dyDescent="0.2">
      <c r="A21" s="16">
        <v>14</v>
      </c>
      <c r="B21" s="29">
        <v>14</v>
      </c>
      <c r="C21" s="10">
        <v>16</v>
      </c>
      <c r="D21" s="9">
        <v>30</v>
      </c>
    </row>
    <row r="22" spans="1:4" ht="18" customHeight="1" x14ac:dyDescent="0.2">
      <c r="A22" s="8" t="s">
        <v>23</v>
      </c>
      <c r="B22" s="29">
        <v>69</v>
      </c>
      <c r="C22" s="10">
        <v>58</v>
      </c>
      <c r="D22" s="9">
        <v>127</v>
      </c>
    </row>
    <row r="23" spans="1:4" ht="18" customHeight="1" x14ac:dyDescent="0.2">
      <c r="A23" s="8" t="s">
        <v>22</v>
      </c>
      <c r="B23" s="29">
        <v>178</v>
      </c>
      <c r="C23" s="10">
        <v>184</v>
      </c>
      <c r="D23" s="9">
        <v>362</v>
      </c>
    </row>
    <row r="24" spans="1:4" ht="18" customHeight="1" x14ac:dyDescent="0.2">
      <c r="A24" s="16">
        <v>15</v>
      </c>
      <c r="B24" s="29">
        <v>16</v>
      </c>
      <c r="C24" s="10">
        <v>14</v>
      </c>
      <c r="D24" s="9">
        <v>30</v>
      </c>
    </row>
    <row r="25" spans="1:4" ht="18" customHeight="1" x14ac:dyDescent="0.2">
      <c r="A25" s="16">
        <v>16</v>
      </c>
      <c r="B25" s="29">
        <v>15</v>
      </c>
      <c r="C25" s="10">
        <v>16</v>
      </c>
      <c r="D25" s="9">
        <v>31</v>
      </c>
    </row>
    <row r="26" spans="1:4" ht="18" customHeight="1" x14ac:dyDescent="0.2">
      <c r="A26" s="16">
        <v>17</v>
      </c>
      <c r="B26" s="29">
        <v>12</v>
      </c>
      <c r="C26" s="10">
        <v>15</v>
      </c>
      <c r="D26" s="9">
        <v>27</v>
      </c>
    </row>
    <row r="27" spans="1:4" ht="18" customHeight="1" x14ac:dyDescent="0.2">
      <c r="A27" s="16">
        <v>18</v>
      </c>
      <c r="B27" s="29">
        <v>15</v>
      </c>
      <c r="C27" s="10">
        <v>12</v>
      </c>
      <c r="D27" s="9">
        <v>27</v>
      </c>
    </row>
    <row r="28" spans="1:4" ht="18" customHeight="1" x14ac:dyDescent="0.2">
      <c r="A28" s="16">
        <v>19</v>
      </c>
      <c r="B28" s="29">
        <v>8</v>
      </c>
      <c r="C28" s="10">
        <v>14</v>
      </c>
      <c r="D28" s="9">
        <v>22</v>
      </c>
    </row>
    <row r="29" spans="1:4" ht="18" customHeight="1" x14ac:dyDescent="0.2">
      <c r="A29" s="8" t="s">
        <v>21</v>
      </c>
      <c r="B29" s="29">
        <v>66</v>
      </c>
      <c r="C29" s="10">
        <v>71</v>
      </c>
      <c r="D29" s="9">
        <v>137</v>
      </c>
    </row>
    <row r="30" spans="1:4" ht="18" customHeight="1" x14ac:dyDescent="0.2">
      <c r="A30" s="16">
        <v>20</v>
      </c>
      <c r="B30" s="29">
        <v>16</v>
      </c>
      <c r="C30" s="10">
        <v>12</v>
      </c>
      <c r="D30" s="9">
        <v>28</v>
      </c>
    </row>
    <row r="31" spans="1:4" ht="18" customHeight="1" x14ac:dyDescent="0.2">
      <c r="A31" s="16">
        <v>21</v>
      </c>
      <c r="B31" s="29">
        <v>19</v>
      </c>
      <c r="C31" s="10">
        <v>20</v>
      </c>
      <c r="D31" s="9">
        <v>39</v>
      </c>
    </row>
    <row r="32" spans="1:4" ht="18" customHeight="1" x14ac:dyDescent="0.2">
      <c r="A32" s="16">
        <v>22</v>
      </c>
      <c r="B32" s="29">
        <v>24</v>
      </c>
      <c r="C32" s="10">
        <v>20</v>
      </c>
      <c r="D32" s="9">
        <v>44</v>
      </c>
    </row>
    <row r="33" spans="1:4" ht="18" customHeight="1" x14ac:dyDescent="0.2">
      <c r="A33" s="16">
        <v>23</v>
      </c>
      <c r="B33" s="29">
        <v>12</v>
      </c>
      <c r="C33" s="10">
        <v>16</v>
      </c>
      <c r="D33" s="9">
        <v>28</v>
      </c>
    </row>
    <row r="34" spans="1:4" ht="18" customHeight="1" x14ac:dyDescent="0.2">
      <c r="A34" s="16">
        <v>24</v>
      </c>
      <c r="B34" s="29">
        <v>25</v>
      </c>
      <c r="C34" s="10">
        <v>14</v>
      </c>
      <c r="D34" s="9">
        <v>39</v>
      </c>
    </row>
    <row r="35" spans="1:4" ht="18" customHeight="1" x14ac:dyDescent="0.2">
      <c r="A35" s="8" t="s">
        <v>20</v>
      </c>
      <c r="B35" s="29">
        <v>96</v>
      </c>
      <c r="C35" s="10">
        <v>82</v>
      </c>
      <c r="D35" s="9">
        <v>178</v>
      </c>
    </row>
    <row r="36" spans="1:4" ht="18" customHeight="1" x14ac:dyDescent="0.2">
      <c r="A36" s="16">
        <v>25</v>
      </c>
      <c r="B36" s="29">
        <v>9</v>
      </c>
      <c r="C36" s="10">
        <v>15</v>
      </c>
      <c r="D36" s="9">
        <v>24</v>
      </c>
    </row>
    <row r="37" spans="1:4" ht="18" customHeight="1" x14ac:dyDescent="0.2">
      <c r="A37" s="16">
        <v>26</v>
      </c>
      <c r="B37" s="29">
        <v>26</v>
      </c>
      <c r="C37" s="10">
        <v>12</v>
      </c>
      <c r="D37" s="9">
        <v>38</v>
      </c>
    </row>
    <row r="38" spans="1:4" ht="18" customHeight="1" x14ac:dyDescent="0.2">
      <c r="A38" s="16">
        <v>27</v>
      </c>
      <c r="B38" s="29">
        <v>20</v>
      </c>
      <c r="C38" s="10">
        <v>5</v>
      </c>
      <c r="D38" s="9">
        <v>25</v>
      </c>
    </row>
    <row r="39" spans="1:4" ht="18" customHeight="1" x14ac:dyDescent="0.2">
      <c r="A39" s="16">
        <v>28</v>
      </c>
      <c r="B39" s="29">
        <v>7</v>
      </c>
      <c r="C39" s="10">
        <v>9</v>
      </c>
      <c r="D39" s="9">
        <v>16</v>
      </c>
    </row>
    <row r="40" spans="1:4" ht="18" customHeight="1" x14ac:dyDescent="0.2">
      <c r="A40" s="16">
        <v>29</v>
      </c>
      <c r="B40" s="29">
        <v>13</v>
      </c>
      <c r="C40" s="10">
        <v>13</v>
      </c>
      <c r="D40" s="9">
        <v>26</v>
      </c>
    </row>
    <row r="41" spans="1:4" ht="18" customHeight="1" x14ac:dyDescent="0.2">
      <c r="A41" s="8" t="s">
        <v>19</v>
      </c>
      <c r="B41" s="29">
        <v>75</v>
      </c>
      <c r="C41" s="10">
        <v>54</v>
      </c>
      <c r="D41" s="9">
        <v>129</v>
      </c>
    </row>
    <row r="42" spans="1:4" ht="18" customHeight="1" x14ac:dyDescent="0.2">
      <c r="A42" s="16">
        <v>30</v>
      </c>
      <c r="B42" s="29">
        <v>13</v>
      </c>
      <c r="C42" s="10">
        <v>18</v>
      </c>
      <c r="D42" s="9">
        <v>31</v>
      </c>
    </row>
    <row r="43" spans="1:4" ht="18" customHeight="1" x14ac:dyDescent="0.2">
      <c r="A43" s="16">
        <v>31</v>
      </c>
      <c r="B43" s="29">
        <v>10</v>
      </c>
      <c r="C43" s="10">
        <v>10</v>
      </c>
      <c r="D43" s="9">
        <v>20</v>
      </c>
    </row>
    <row r="44" spans="1:4" ht="18" customHeight="1" x14ac:dyDescent="0.2">
      <c r="A44" s="16">
        <v>32</v>
      </c>
      <c r="B44" s="29">
        <v>14</v>
      </c>
      <c r="C44" s="10">
        <v>18</v>
      </c>
      <c r="D44" s="9">
        <v>32</v>
      </c>
    </row>
    <row r="45" spans="1:4" ht="18" customHeight="1" x14ac:dyDescent="0.2">
      <c r="A45" s="16">
        <v>33</v>
      </c>
      <c r="B45" s="29">
        <v>14</v>
      </c>
      <c r="C45" s="10">
        <v>10</v>
      </c>
      <c r="D45" s="9">
        <v>24</v>
      </c>
    </row>
    <row r="46" spans="1:4" ht="18" customHeight="1" x14ac:dyDescent="0.2">
      <c r="A46" s="16">
        <v>34</v>
      </c>
      <c r="B46" s="29">
        <v>17</v>
      </c>
      <c r="C46" s="10">
        <v>12</v>
      </c>
      <c r="D46" s="9">
        <v>29</v>
      </c>
    </row>
    <row r="47" spans="1:4" ht="18" customHeight="1" x14ac:dyDescent="0.2">
      <c r="A47" s="8" t="s">
        <v>18</v>
      </c>
      <c r="B47" s="29">
        <v>68</v>
      </c>
      <c r="C47" s="10">
        <v>68</v>
      </c>
      <c r="D47" s="9">
        <v>136</v>
      </c>
    </row>
    <row r="48" spans="1:4" ht="18" customHeight="1" x14ac:dyDescent="0.2">
      <c r="A48" s="16">
        <v>35</v>
      </c>
      <c r="B48" s="29">
        <v>19</v>
      </c>
      <c r="C48" s="10">
        <v>13</v>
      </c>
      <c r="D48" s="9">
        <v>32</v>
      </c>
    </row>
    <row r="49" spans="1:4" ht="18" customHeight="1" x14ac:dyDescent="0.2">
      <c r="A49" s="16">
        <v>36</v>
      </c>
      <c r="B49" s="29">
        <v>30</v>
      </c>
      <c r="C49" s="10">
        <v>16</v>
      </c>
      <c r="D49" s="9">
        <v>46</v>
      </c>
    </row>
    <row r="50" spans="1:4" ht="18" customHeight="1" x14ac:dyDescent="0.2">
      <c r="A50" s="16">
        <v>37</v>
      </c>
      <c r="B50" s="29">
        <v>18</v>
      </c>
      <c r="C50" s="10">
        <v>16</v>
      </c>
      <c r="D50" s="9">
        <v>34</v>
      </c>
    </row>
    <row r="51" spans="1:4" ht="18" customHeight="1" x14ac:dyDescent="0.2">
      <c r="A51" s="16">
        <v>38</v>
      </c>
      <c r="B51" s="29">
        <v>23</v>
      </c>
      <c r="C51" s="10">
        <v>15</v>
      </c>
      <c r="D51" s="9">
        <v>38</v>
      </c>
    </row>
    <row r="52" spans="1:4" ht="18" customHeight="1" x14ac:dyDescent="0.2">
      <c r="A52" s="16">
        <v>39</v>
      </c>
      <c r="B52" s="29">
        <v>14</v>
      </c>
      <c r="C52" s="10">
        <v>18</v>
      </c>
      <c r="D52" s="9">
        <v>32</v>
      </c>
    </row>
    <row r="53" spans="1:4" ht="18" customHeight="1" x14ac:dyDescent="0.2">
      <c r="A53" s="8" t="s">
        <v>17</v>
      </c>
      <c r="B53" s="29">
        <v>104</v>
      </c>
      <c r="C53" s="10">
        <v>78</v>
      </c>
      <c r="D53" s="9">
        <v>182</v>
      </c>
    </row>
    <row r="54" spans="1:4" ht="18" customHeight="1" x14ac:dyDescent="0.2">
      <c r="A54" s="16">
        <v>40</v>
      </c>
      <c r="B54" s="29">
        <v>19</v>
      </c>
      <c r="C54" s="10">
        <v>22</v>
      </c>
      <c r="D54" s="9">
        <v>41</v>
      </c>
    </row>
    <row r="55" spans="1:4" ht="18" customHeight="1" x14ac:dyDescent="0.2">
      <c r="A55" s="16">
        <v>41</v>
      </c>
      <c r="B55" s="29">
        <v>19</v>
      </c>
      <c r="C55" s="10">
        <v>18</v>
      </c>
      <c r="D55" s="9">
        <v>37</v>
      </c>
    </row>
    <row r="56" spans="1:4" ht="18" customHeight="1" x14ac:dyDescent="0.2">
      <c r="A56" s="16">
        <v>42</v>
      </c>
      <c r="B56" s="29">
        <v>18</v>
      </c>
      <c r="C56" s="10">
        <v>22</v>
      </c>
      <c r="D56" s="9">
        <v>40</v>
      </c>
    </row>
    <row r="57" spans="1:4" ht="18" customHeight="1" x14ac:dyDescent="0.2">
      <c r="A57" s="16">
        <v>43</v>
      </c>
      <c r="B57" s="29">
        <v>22</v>
      </c>
      <c r="C57" s="10">
        <v>21</v>
      </c>
      <c r="D57" s="9">
        <v>43</v>
      </c>
    </row>
    <row r="58" spans="1:4" ht="18" customHeight="1" x14ac:dyDescent="0.2">
      <c r="A58" s="16">
        <v>44</v>
      </c>
      <c r="B58" s="29">
        <v>18</v>
      </c>
      <c r="C58" s="10">
        <v>13</v>
      </c>
      <c r="D58" s="9">
        <v>31</v>
      </c>
    </row>
    <row r="59" spans="1:4" ht="18" customHeight="1" x14ac:dyDescent="0.2">
      <c r="A59" s="8" t="s">
        <v>16</v>
      </c>
      <c r="B59" s="29">
        <v>96</v>
      </c>
      <c r="C59" s="10">
        <v>96</v>
      </c>
      <c r="D59" s="9">
        <v>192</v>
      </c>
    </row>
    <row r="60" spans="1:4" ht="18" customHeight="1" x14ac:dyDescent="0.2">
      <c r="A60" s="16">
        <v>45</v>
      </c>
      <c r="B60" s="29">
        <v>26</v>
      </c>
      <c r="C60" s="10">
        <v>18</v>
      </c>
      <c r="D60" s="9">
        <v>44</v>
      </c>
    </row>
    <row r="61" spans="1:4" ht="18" customHeight="1" x14ac:dyDescent="0.2">
      <c r="A61" s="16">
        <v>46</v>
      </c>
      <c r="B61" s="29">
        <v>19</v>
      </c>
      <c r="C61" s="10">
        <v>20</v>
      </c>
      <c r="D61" s="9">
        <v>39</v>
      </c>
    </row>
    <row r="62" spans="1:4" ht="18" customHeight="1" x14ac:dyDescent="0.2">
      <c r="A62" s="16">
        <v>47</v>
      </c>
      <c r="B62" s="29">
        <v>27</v>
      </c>
      <c r="C62" s="10">
        <v>28</v>
      </c>
      <c r="D62" s="9">
        <v>55</v>
      </c>
    </row>
    <row r="63" spans="1:4" ht="18" customHeight="1" x14ac:dyDescent="0.2">
      <c r="A63" s="16">
        <v>48</v>
      </c>
      <c r="B63" s="29">
        <v>23</v>
      </c>
      <c r="C63" s="10">
        <v>19</v>
      </c>
      <c r="D63" s="9">
        <v>42</v>
      </c>
    </row>
    <row r="64" spans="1:4" ht="18" customHeight="1" x14ac:dyDescent="0.2">
      <c r="A64" s="16">
        <v>49</v>
      </c>
      <c r="B64" s="29">
        <v>32</v>
      </c>
      <c r="C64" s="10">
        <v>21</v>
      </c>
      <c r="D64" s="9">
        <v>53</v>
      </c>
    </row>
    <row r="65" spans="1:4" ht="18" customHeight="1" x14ac:dyDescent="0.2">
      <c r="A65" s="8" t="s">
        <v>15</v>
      </c>
      <c r="B65" s="29">
        <v>127</v>
      </c>
      <c r="C65" s="10">
        <v>106</v>
      </c>
      <c r="D65" s="9">
        <v>233</v>
      </c>
    </row>
    <row r="66" spans="1:4" ht="18" customHeight="1" x14ac:dyDescent="0.2">
      <c r="A66" s="16">
        <v>50</v>
      </c>
      <c r="B66" s="29">
        <v>26</v>
      </c>
      <c r="C66" s="10">
        <v>28</v>
      </c>
      <c r="D66" s="9">
        <v>54</v>
      </c>
    </row>
    <row r="67" spans="1:4" ht="18" customHeight="1" x14ac:dyDescent="0.2">
      <c r="A67" s="16">
        <v>51</v>
      </c>
      <c r="B67" s="29">
        <v>25</v>
      </c>
      <c r="C67" s="10">
        <v>19</v>
      </c>
      <c r="D67" s="9">
        <v>44</v>
      </c>
    </row>
    <row r="68" spans="1:4" ht="18" customHeight="1" x14ac:dyDescent="0.2">
      <c r="A68" s="16">
        <v>52</v>
      </c>
      <c r="B68" s="29">
        <v>17</v>
      </c>
      <c r="C68" s="10">
        <v>18</v>
      </c>
      <c r="D68" s="9">
        <v>35</v>
      </c>
    </row>
    <row r="69" spans="1:4" ht="18" customHeight="1" x14ac:dyDescent="0.2">
      <c r="A69" s="16">
        <v>53</v>
      </c>
      <c r="B69" s="29">
        <v>27</v>
      </c>
      <c r="C69" s="10">
        <v>22</v>
      </c>
      <c r="D69" s="9">
        <v>49</v>
      </c>
    </row>
    <row r="70" spans="1:4" ht="18" customHeight="1" x14ac:dyDescent="0.2">
      <c r="A70" s="16">
        <v>54</v>
      </c>
      <c r="B70" s="29">
        <v>24</v>
      </c>
      <c r="C70" s="10">
        <v>21</v>
      </c>
      <c r="D70" s="9">
        <v>45</v>
      </c>
    </row>
    <row r="71" spans="1:4" ht="18" customHeight="1" x14ac:dyDescent="0.2">
      <c r="A71" s="8" t="s">
        <v>14</v>
      </c>
      <c r="B71" s="29">
        <v>119</v>
      </c>
      <c r="C71" s="10">
        <v>108</v>
      </c>
      <c r="D71" s="9">
        <v>227</v>
      </c>
    </row>
    <row r="72" spans="1:4" ht="18" customHeight="1" x14ac:dyDescent="0.2">
      <c r="A72" s="16">
        <v>55</v>
      </c>
      <c r="B72" s="29">
        <v>18</v>
      </c>
      <c r="C72" s="10">
        <v>21</v>
      </c>
      <c r="D72" s="9">
        <v>39</v>
      </c>
    </row>
    <row r="73" spans="1:4" ht="18" customHeight="1" x14ac:dyDescent="0.2">
      <c r="A73" s="16">
        <v>56</v>
      </c>
      <c r="B73" s="29">
        <v>27</v>
      </c>
      <c r="C73" s="10">
        <v>18</v>
      </c>
      <c r="D73" s="9">
        <v>45</v>
      </c>
    </row>
    <row r="74" spans="1:4" ht="18" customHeight="1" x14ac:dyDescent="0.2">
      <c r="A74" s="16">
        <v>57</v>
      </c>
      <c r="B74" s="29">
        <v>18</v>
      </c>
      <c r="C74" s="10">
        <v>16</v>
      </c>
      <c r="D74" s="9">
        <v>34</v>
      </c>
    </row>
    <row r="75" spans="1:4" ht="18" customHeight="1" x14ac:dyDescent="0.2">
      <c r="A75" s="16">
        <v>58</v>
      </c>
      <c r="B75" s="29">
        <v>11</v>
      </c>
      <c r="C75" s="10">
        <v>18</v>
      </c>
      <c r="D75" s="9">
        <v>29</v>
      </c>
    </row>
    <row r="76" spans="1:4" ht="18" customHeight="1" x14ac:dyDescent="0.2">
      <c r="A76" s="16">
        <v>59</v>
      </c>
      <c r="B76" s="29">
        <v>13</v>
      </c>
      <c r="C76" s="10">
        <v>15</v>
      </c>
      <c r="D76" s="9">
        <v>28</v>
      </c>
    </row>
    <row r="77" spans="1:4" ht="18" customHeight="1" x14ac:dyDescent="0.2">
      <c r="A77" s="8" t="s">
        <v>13</v>
      </c>
      <c r="B77" s="29">
        <v>87</v>
      </c>
      <c r="C77" s="10">
        <v>88</v>
      </c>
      <c r="D77" s="9">
        <v>175</v>
      </c>
    </row>
    <row r="78" spans="1:4" ht="18" customHeight="1" x14ac:dyDescent="0.2">
      <c r="A78" s="16">
        <v>60</v>
      </c>
      <c r="B78" s="29">
        <v>23</v>
      </c>
      <c r="C78" s="10">
        <v>18</v>
      </c>
      <c r="D78" s="9">
        <v>41</v>
      </c>
    </row>
    <row r="79" spans="1:4" ht="18" customHeight="1" x14ac:dyDescent="0.2">
      <c r="A79" s="16">
        <v>61</v>
      </c>
      <c r="B79" s="29">
        <v>23</v>
      </c>
      <c r="C79" s="10">
        <v>25</v>
      </c>
      <c r="D79" s="9">
        <v>48</v>
      </c>
    </row>
    <row r="80" spans="1:4" ht="18" customHeight="1" x14ac:dyDescent="0.2">
      <c r="A80" s="16">
        <v>62</v>
      </c>
      <c r="B80" s="29">
        <v>16</v>
      </c>
      <c r="C80" s="10">
        <v>22</v>
      </c>
      <c r="D80" s="9">
        <v>38</v>
      </c>
    </row>
    <row r="81" spans="1:4" ht="18" customHeight="1" x14ac:dyDescent="0.2">
      <c r="A81" s="16">
        <v>63</v>
      </c>
      <c r="B81" s="29">
        <v>13</v>
      </c>
      <c r="C81" s="10">
        <v>17</v>
      </c>
      <c r="D81" s="9">
        <v>30</v>
      </c>
    </row>
    <row r="82" spans="1:4" ht="18" customHeight="1" x14ac:dyDescent="0.2">
      <c r="A82" s="16">
        <v>64</v>
      </c>
      <c r="B82" s="29">
        <v>14</v>
      </c>
      <c r="C82" s="10">
        <v>22</v>
      </c>
      <c r="D82" s="9">
        <v>36</v>
      </c>
    </row>
    <row r="83" spans="1:4" ht="18" customHeight="1" x14ac:dyDescent="0.2">
      <c r="A83" s="8" t="s">
        <v>12</v>
      </c>
      <c r="B83" s="29">
        <v>89</v>
      </c>
      <c r="C83" s="10">
        <v>104</v>
      </c>
      <c r="D83" s="9">
        <v>193</v>
      </c>
    </row>
    <row r="84" spans="1:4" ht="18" customHeight="1" x14ac:dyDescent="0.2">
      <c r="A84" s="8" t="s">
        <v>11</v>
      </c>
      <c r="B84" s="29">
        <v>927</v>
      </c>
      <c r="C84" s="10">
        <v>855</v>
      </c>
      <c r="D84" s="9">
        <v>1782</v>
      </c>
    </row>
    <row r="85" spans="1:4" ht="18" customHeight="1" x14ac:dyDescent="0.2">
      <c r="A85" s="16">
        <v>65</v>
      </c>
      <c r="B85" s="29">
        <v>20</v>
      </c>
      <c r="C85" s="10">
        <v>14</v>
      </c>
      <c r="D85" s="9">
        <v>34</v>
      </c>
    </row>
    <row r="86" spans="1:4" ht="18" customHeight="1" x14ac:dyDescent="0.2">
      <c r="A86" s="16">
        <v>66</v>
      </c>
      <c r="B86" s="29">
        <v>19</v>
      </c>
      <c r="C86" s="10">
        <v>20</v>
      </c>
      <c r="D86" s="9">
        <v>39</v>
      </c>
    </row>
    <row r="87" spans="1:4" ht="18" customHeight="1" x14ac:dyDescent="0.2">
      <c r="A87" s="16">
        <v>67</v>
      </c>
      <c r="B87" s="29">
        <v>22</v>
      </c>
      <c r="C87" s="10">
        <v>30</v>
      </c>
      <c r="D87" s="9">
        <v>52</v>
      </c>
    </row>
    <row r="88" spans="1:4" ht="18" customHeight="1" x14ac:dyDescent="0.2">
      <c r="A88" s="16">
        <v>68</v>
      </c>
      <c r="B88" s="29">
        <v>24</v>
      </c>
      <c r="C88" s="10">
        <v>21</v>
      </c>
      <c r="D88" s="9">
        <v>45</v>
      </c>
    </row>
    <row r="89" spans="1:4" ht="18" customHeight="1" x14ac:dyDescent="0.2">
      <c r="A89" s="16">
        <v>69</v>
      </c>
      <c r="B89" s="29">
        <v>19</v>
      </c>
      <c r="C89" s="10">
        <v>24</v>
      </c>
      <c r="D89" s="9">
        <v>43</v>
      </c>
    </row>
    <row r="90" spans="1:4" ht="18" customHeight="1" x14ac:dyDescent="0.2">
      <c r="A90" s="8" t="s">
        <v>10</v>
      </c>
      <c r="B90" s="29">
        <v>104</v>
      </c>
      <c r="C90" s="10">
        <v>109</v>
      </c>
      <c r="D90" s="9">
        <v>213</v>
      </c>
    </row>
    <row r="91" spans="1:4" ht="18" customHeight="1" x14ac:dyDescent="0.2">
      <c r="A91" s="16">
        <v>70</v>
      </c>
      <c r="B91" s="29">
        <v>30</v>
      </c>
      <c r="C91" s="10">
        <v>36</v>
      </c>
      <c r="D91" s="9">
        <v>66</v>
      </c>
    </row>
    <row r="92" spans="1:4" ht="18" customHeight="1" x14ac:dyDescent="0.2">
      <c r="A92" s="16">
        <v>71</v>
      </c>
      <c r="B92" s="29">
        <v>19</v>
      </c>
      <c r="C92" s="10">
        <v>36</v>
      </c>
      <c r="D92" s="9">
        <v>55</v>
      </c>
    </row>
    <row r="93" spans="1:4" ht="18" customHeight="1" x14ac:dyDescent="0.2">
      <c r="A93" s="16">
        <v>72</v>
      </c>
      <c r="B93" s="29">
        <v>28</v>
      </c>
      <c r="C93" s="10">
        <v>31</v>
      </c>
      <c r="D93" s="9">
        <v>59</v>
      </c>
    </row>
    <row r="94" spans="1:4" ht="18" customHeight="1" x14ac:dyDescent="0.2">
      <c r="A94" s="16">
        <v>73</v>
      </c>
      <c r="B94" s="29">
        <v>34</v>
      </c>
      <c r="C94" s="10">
        <v>42</v>
      </c>
      <c r="D94" s="9">
        <v>76</v>
      </c>
    </row>
    <row r="95" spans="1:4" ht="18" customHeight="1" x14ac:dyDescent="0.2">
      <c r="A95" s="16">
        <v>74</v>
      </c>
      <c r="B95" s="29">
        <v>38</v>
      </c>
      <c r="C95" s="10">
        <v>39</v>
      </c>
      <c r="D95" s="9">
        <v>77</v>
      </c>
    </row>
    <row r="96" spans="1:4" ht="18" customHeight="1" x14ac:dyDescent="0.2">
      <c r="A96" s="8" t="s">
        <v>9</v>
      </c>
      <c r="B96" s="29">
        <v>149</v>
      </c>
      <c r="C96" s="10">
        <v>184</v>
      </c>
      <c r="D96" s="9">
        <v>333</v>
      </c>
    </row>
    <row r="97" spans="1:4" ht="18" customHeight="1" x14ac:dyDescent="0.2">
      <c r="A97" s="16">
        <v>75</v>
      </c>
      <c r="B97" s="29">
        <v>33</v>
      </c>
      <c r="C97" s="10">
        <v>21</v>
      </c>
      <c r="D97" s="9">
        <v>54</v>
      </c>
    </row>
    <row r="98" spans="1:4" ht="18" customHeight="1" x14ac:dyDescent="0.2">
      <c r="A98" s="16">
        <v>76</v>
      </c>
      <c r="B98" s="29">
        <v>33</v>
      </c>
      <c r="C98" s="10">
        <v>36</v>
      </c>
      <c r="D98" s="9">
        <v>69</v>
      </c>
    </row>
    <row r="99" spans="1:4" ht="18" customHeight="1" x14ac:dyDescent="0.2">
      <c r="A99" s="16">
        <v>77</v>
      </c>
      <c r="B99" s="29">
        <v>15</v>
      </c>
      <c r="C99" s="10">
        <v>19</v>
      </c>
      <c r="D99" s="9">
        <v>34</v>
      </c>
    </row>
    <row r="100" spans="1:4" ht="18" customHeight="1" x14ac:dyDescent="0.2">
      <c r="A100" s="16">
        <v>78</v>
      </c>
      <c r="B100" s="29">
        <v>21</v>
      </c>
      <c r="C100" s="10">
        <v>20</v>
      </c>
      <c r="D100" s="9">
        <v>41</v>
      </c>
    </row>
    <row r="101" spans="1:4" ht="18" customHeight="1" x14ac:dyDescent="0.2">
      <c r="A101" s="16">
        <v>79</v>
      </c>
      <c r="B101" s="29">
        <v>24</v>
      </c>
      <c r="C101" s="10">
        <v>24</v>
      </c>
      <c r="D101" s="9">
        <v>48</v>
      </c>
    </row>
    <row r="102" spans="1:4" ht="18" customHeight="1" x14ac:dyDescent="0.2">
      <c r="A102" s="8" t="s">
        <v>8</v>
      </c>
      <c r="B102" s="29">
        <v>126</v>
      </c>
      <c r="C102" s="10">
        <v>120</v>
      </c>
      <c r="D102" s="9">
        <v>246</v>
      </c>
    </row>
    <row r="103" spans="1:4" ht="18" customHeight="1" x14ac:dyDescent="0.2">
      <c r="A103" s="16">
        <v>80</v>
      </c>
      <c r="B103" s="29">
        <v>19</v>
      </c>
      <c r="C103" s="10">
        <v>19</v>
      </c>
      <c r="D103" s="9">
        <v>38</v>
      </c>
    </row>
    <row r="104" spans="1:4" ht="18" customHeight="1" x14ac:dyDescent="0.2">
      <c r="A104" s="16">
        <v>81</v>
      </c>
      <c r="B104" s="29">
        <v>25</v>
      </c>
      <c r="C104" s="10">
        <v>23</v>
      </c>
      <c r="D104" s="9">
        <v>48</v>
      </c>
    </row>
    <row r="105" spans="1:4" ht="18" customHeight="1" x14ac:dyDescent="0.2">
      <c r="A105" s="16">
        <v>82</v>
      </c>
      <c r="B105" s="29">
        <v>19</v>
      </c>
      <c r="C105" s="10">
        <v>17</v>
      </c>
      <c r="D105" s="9">
        <v>36</v>
      </c>
    </row>
    <row r="106" spans="1:4" ht="18" customHeight="1" x14ac:dyDescent="0.2">
      <c r="A106" s="16">
        <v>83</v>
      </c>
      <c r="B106" s="29">
        <v>11</v>
      </c>
      <c r="C106" s="10">
        <v>16</v>
      </c>
      <c r="D106" s="9">
        <v>27</v>
      </c>
    </row>
    <row r="107" spans="1:4" ht="18" customHeight="1" x14ac:dyDescent="0.2">
      <c r="A107" s="16">
        <v>84</v>
      </c>
      <c r="B107" s="29">
        <v>9</v>
      </c>
      <c r="C107" s="10">
        <v>14</v>
      </c>
      <c r="D107" s="9">
        <v>23</v>
      </c>
    </row>
    <row r="108" spans="1:4" ht="18" customHeight="1" x14ac:dyDescent="0.2">
      <c r="A108" s="8" t="s">
        <v>7</v>
      </c>
      <c r="B108" s="29">
        <v>83</v>
      </c>
      <c r="C108" s="10">
        <v>89</v>
      </c>
      <c r="D108" s="9">
        <v>172</v>
      </c>
    </row>
    <row r="109" spans="1:4" ht="18" customHeight="1" x14ac:dyDescent="0.2">
      <c r="A109" s="16">
        <v>85</v>
      </c>
      <c r="B109" s="29">
        <v>7</v>
      </c>
      <c r="C109" s="10">
        <v>16</v>
      </c>
      <c r="D109" s="9">
        <v>23</v>
      </c>
    </row>
    <row r="110" spans="1:4" ht="18" customHeight="1" x14ac:dyDescent="0.2">
      <c r="A110" s="16">
        <v>86</v>
      </c>
      <c r="B110" s="29">
        <v>7</v>
      </c>
      <c r="C110" s="10">
        <v>24</v>
      </c>
      <c r="D110" s="9">
        <v>31</v>
      </c>
    </row>
    <row r="111" spans="1:4" ht="18" customHeight="1" x14ac:dyDescent="0.2">
      <c r="A111" s="16">
        <v>87</v>
      </c>
      <c r="B111" s="29">
        <v>9</v>
      </c>
      <c r="C111" s="10">
        <v>10</v>
      </c>
      <c r="D111" s="9">
        <v>19</v>
      </c>
    </row>
    <row r="112" spans="1:4" ht="18" customHeight="1" x14ac:dyDescent="0.2">
      <c r="A112" s="16">
        <v>88</v>
      </c>
      <c r="B112" s="29">
        <v>8</v>
      </c>
      <c r="C112" s="10">
        <v>12</v>
      </c>
      <c r="D112" s="9">
        <v>20</v>
      </c>
    </row>
    <row r="113" spans="1:4" ht="18" customHeight="1" x14ac:dyDescent="0.2">
      <c r="A113" s="16">
        <v>89</v>
      </c>
      <c r="B113" s="29">
        <v>4</v>
      </c>
      <c r="C113" s="10">
        <v>12</v>
      </c>
      <c r="D113" s="9">
        <v>16</v>
      </c>
    </row>
    <row r="114" spans="1:4" ht="18" customHeight="1" x14ac:dyDescent="0.2">
      <c r="A114" s="8" t="s">
        <v>6</v>
      </c>
      <c r="B114" s="29">
        <v>35</v>
      </c>
      <c r="C114" s="10">
        <v>74</v>
      </c>
      <c r="D114" s="9">
        <v>109</v>
      </c>
    </row>
    <row r="115" spans="1:4" ht="18" customHeight="1" x14ac:dyDescent="0.2">
      <c r="A115" s="16">
        <v>90</v>
      </c>
      <c r="B115" s="29">
        <v>8</v>
      </c>
      <c r="C115" s="10">
        <v>9</v>
      </c>
      <c r="D115" s="9">
        <v>17</v>
      </c>
    </row>
    <row r="116" spans="1:4" ht="18" customHeight="1" x14ac:dyDescent="0.2">
      <c r="A116" s="16">
        <v>91</v>
      </c>
      <c r="B116" s="29">
        <v>2</v>
      </c>
      <c r="C116" s="10">
        <v>9</v>
      </c>
      <c r="D116" s="9">
        <v>11</v>
      </c>
    </row>
    <row r="117" spans="1:4" ht="18" customHeight="1" x14ac:dyDescent="0.2">
      <c r="A117" s="16">
        <v>92</v>
      </c>
      <c r="B117" s="29">
        <v>2</v>
      </c>
      <c r="C117" s="10">
        <v>7</v>
      </c>
      <c r="D117" s="9">
        <v>9</v>
      </c>
    </row>
    <row r="118" spans="1:4" ht="18" customHeight="1" x14ac:dyDescent="0.2">
      <c r="A118" s="16">
        <v>93</v>
      </c>
      <c r="B118" s="29">
        <v>5</v>
      </c>
      <c r="C118" s="10">
        <v>3</v>
      </c>
      <c r="D118" s="9">
        <v>8</v>
      </c>
    </row>
    <row r="119" spans="1:4" ht="18" customHeight="1" x14ac:dyDescent="0.2">
      <c r="A119" s="16">
        <v>94</v>
      </c>
      <c r="B119" s="29">
        <v>1</v>
      </c>
      <c r="C119" s="10">
        <v>7</v>
      </c>
      <c r="D119" s="9">
        <v>8</v>
      </c>
    </row>
    <row r="120" spans="1:4" ht="18" customHeight="1" x14ac:dyDescent="0.2">
      <c r="A120" s="8" t="s">
        <v>5</v>
      </c>
      <c r="B120" s="29">
        <v>18</v>
      </c>
      <c r="C120" s="10">
        <v>35</v>
      </c>
      <c r="D120" s="9">
        <v>53</v>
      </c>
    </row>
    <row r="121" spans="1:4" ht="18" customHeight="1" x14ac:dyDescent="0.2">
      <c r="A121" s="16">
        <v>95</v>
      </c>
      <c r="B121" s="29">
        <v>0</v>
      </c>
      <c r="C121" s="10">
        <v>3</v>
      </c>
      <c r="D121" s="9">
        <v>3</v>
      </c>
    </row>
    <row r="122" spans="1:4" ht="18" customHeight="1" x14ac:dyDescent="0.2">
      <c r="A122" s="16">
        <v>96</v>
      </c>
      <c r="B122" s="29">
        <v>0</v>
      </c>
      <c r="C122" s="10">
        <v>5</v>
      </c>
      <c r="D122" s="9">
        <v>5</v>
      </c>
    </row>
    <row r="123" spans="1:4" ht="18" customHeight="1" x14ac:dyDescent="0.2">
      <c r="A123" s="16">
        <v>97</v>
      </c>
      <c r="B123" s="29">
        <v>0</v>
      </c>
      <c r="C123" s="10">
        <v>2</v>
      </c>
      <c r="D123" s="9">
        <v>2</v>
      </c>
    </row>
    <row r="124" spans="1:4" ht="18" customHeight="1" x14ac:dyDescent="0.2">
      <c r="A124" s="16">
        <v>98</v>
      </c>
      <c r="B124" s="29">
        <v>1</v>
      </c>
      <c r="C124" s="10">
        <v>2</v>
      </c>
      <c r="D124" s="9">
        <v>3</v>
      </c>
    </row>
    <row r="125" spans="1:4" ht="18" customHeight="1" x14ac:dyDescent="0.2">
      <c r="A125" s="16">
        <v>99</v>
      </c>
      <c r="B125" s="29">
        <v>1</v>
      </c>
      <c r="C125" s="10">
        <v>1</v>
      </c>
      <c r="D125" s="9">
        <v>2</v>
      </c>
    </row>
    <row r="126" spans="1:4" ht="18" customHeight="1" x14ac:dyDescent="0.2">
      <c r="A126" s="8" t="s">
        <v>4</v>
      </c>
      <c r="B126" s="29">
        <v>2</v>
      </c>
      <c r="C126" s="10">
        <v>13</v>
      </c>
      <c r="D126" s="9">
        <v>15</v>
      </c>
    </row>
    <row r="127" spans="1:4" ht="18" customHeight="1" x14ac:dyDescent="0.2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2">
      <c r="A128" s="15" t="s">
        <v>3</v>
      </c>
      <c r="B128" s="29">
        <v>0</v>
      </c>
      <c r="C128" s="10">
        <v>4</v>
      </c>
      <c r="D128" s="9">
        <v>4</v>
      </c>
    </row>
    <row r="129" spans="1:4" ht="18" customHeight="1" x14ac:dyDescent="0.2">
      <c r="A129" s="8" t="s">
        <v>2</v>
      </c>
      <c r="B129" s="29">
        <v>0</v>
      </c>
      <c r="C129" s="10">
        <v>5</v>
      </c>
      <c r="D129" s="9">
        <v>5</v>
      </c>
    </row>
    <row r="130" spans="1:4" ht="18" customHeight="1" x14ac:dyDescent="0.2">
      <c r="A130" s="8" t="s">
        <v>1</v>
      </c>
      <c r="B130" s="28">
        <v>517</v>
      </c>
      <c r="C130" s="6">
        <v>629</v>
      </c>
      <c r="D130" s="5">
        <v>1146</v>
      </c>
    </row>
    <row r="131" spans="1:4" ht="18" customHeight="1" x14ac:dyDescent="0.2">
      <c r="A131" s="4" t="s">
        <v>0</v>
      </c>
      <c r="B131" s="27">
        <v>1622</v>
      </c>
      <c r="C131" s="2">
        <v>1668</v>
      </c>
      <c r="D131" s="1">
        <v>329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EC1A70E-5F4D-499B-8C17-3493B7BEB57D}">
  <sheetPr codeName="Sheet5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73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1</v>
      </c>
      <c r="C5" s="18">
        <v>1</v>
      </c>
      <c r="D5" s="17">
        <v>2</v>
      </c>
    </row>
    <row r="6" spans="1:4" ht="18" customHeight="1" x14ac:dyDescent="0.2">
      <c r="A6" s="16">
        <v>1</v>
      </c>
      <c r="B6" s="29">
        <v>2</v>
      </c>
      <c r="C6" s="10">
        <v>0</v>
      </c>
      <c r="D6" s="9">
        <v>2</v>
      </c>
    </row>
    <row r="7" spans="1:4" ht="18" customHeight="1" x14ac:dyDescent="0.2">
      <c r="A7" s="16">
        <v>2</v>
      </c>
      <c r="B7" s="29">
        <v>1</v>
      </c>
      <c r="C7" s="10">
        <v>3</v>
      </c>
      <c r="D7" s="9">
        <v>4</v>
      </c>
    </row>
    <row r="8" spans="1:4" ht="18" customHeight="1" x14ac:dyDescent="0.2">
      <c r="A8" s="16">
        <v>3</v>
      </c>
      <c r="B8" s="29">
        <v>5</v>
      </c>
      <c r="C8" s="10">
        <v>0</v>
      </c>
      <c r="D8" s="9">
        <v>5</v>
      </c>
    </row>
    <row r="9" spans="1:4" ht="18" customHeight="1" x14ac:dyDescent="0.2">
      <c r="A9" s="16">
        <v>4</v>
      </c>
      <c r="B9" s="29">
        <v>1</v>
      </c>
      <c r="C9" s="10">
        <v>1</v>
      </c>
      <c r="D9" s="9">
        <v>2</v>
      </c>
    </row>
    <row r="10" spans="1:4" ht="18" customHeight="1" x14ac:dyDescent="0.2">
      <c r="A10" s="8" t="s">
        <v>25</v>
      </c>
      <c r="B10" s="29">
        <v>10</v>
      </c>
      <c r="C10" s="10">
        <v>5</v>
      </c>
      <c r="D10" s="9">
        <v>15</v>
      </c>
    </row>
    <row r="11" spans="1:4" ht="18" customHeight="1" x14ac:dyDescent="0.2">
      <c r="A11" s="16">
        <v>5</v>
      </c>
      <c r="B11" s="29">
        <v>2</v>
      </c>
      <c r="C11" s="10">
        <v>4</v>
      </c>
      <c r="D11" s="9">
        <v>6</v>
      </c>
    </row>
    <row r="12" spans="1:4" ht="18" customHeight="1" x14ac:dyDescent="0.2">
      <c r="A12" s="16">
        <v>6</v>
      </c>
      <c r="B12" s="29">
        <v>4</v>
      </c>
      <c r="C12" s="10">
        <v>4</v>
      </c>
      <c r="D12" s="9">
        <v>8</v>
      </c>
    </row>
    <row r="13" spans="1:4" ht="18" customHeight="1" x14ac:dyDescent="0.2">
      <c r="A13" s="16">
        <v>7</v>
      </c>
      <c r="B13" s="29">
        <v>5</v>
      </c>
      <c r="C13" s="10">
        <v>3</v>
      </c>
      <c r="D13" s="9">
        <v>8</v>
      </c>
    </row>
    <row r="14" spans="1:4" ht="18" customHeight="1" x14ac:dyDescent="0.2">
      <c r="A14" s="16">
        <v>8</v>
      </c>
      <c r="B14" s="29">
        <v>3</v>
      </c>
      <c r="C14" s="10">
        <v>5</v>
      </c>
      <c r="D14" s="9">
        <v>8</v>
      </c>
    </row>
    <row r="15" spans="1:4" ht="18" customHeight="1" x14ac:dyDescent="0.2">
      <c r="A15" s="16">
        <v>9</v>
      </c>
      <c r="B15" s="29">
        <v>3</v>
      </c>
      <c r="C15" s="10">
        <v>5</v>
      </c>
      <c r="D15" s="9">
        <v>8</v>
      </c>
    </row>
    <row r="16" spans="1:4" ht="18" customHeight="1" x14ac:dyDescent="0.2">
      <c r="A16" s="8" t="s">
        <v>24</v>
      </c>
      <c r="B16" s="29">
        <v>17</v>
      </c>
      <c r="C16" s="10">
        <v>21</v>
      </c>
      <c r="D16" s="9">
        <v>38</v>
      </c>
    </row>
    <row r="17" spans="1:4" ht="18" customHeight="1" x14ac:dyDescent="0.2">
      <c r="A17" s="16">
        <v>10</v>
      </c>
      <c r="B17" s="29">
        <v>4</v>
      </c>
      <c r="C17" s="10">
        <v>5</v>
      </c>
      <c r="D17" s="9">
        <v>9</v>
      </c>
    </row>
    <row r="18" spans="1:4" ht="18" customHeight="1" x14ac:dyDescent="0.2">
      <c r="A18" s="16">
        <v>11</v>
      </c>
      <c r="B18" s="29">
        <v>5</v>
      </c>
      <c r="C18" s="10">
        <v>5</v>
      </c>
      <c r="D18" s="9">
        <v>10</v>
      </c>
    </row>
    <row r="19" spans="1:4" ht="18" customHeight="1" x14ac:dyDescent="0.2">
      <c r="A19" s="16">
        <v>12</v>
      </c>
      <c r="B19" s="29">
        <v>2</v>
      </c>
      <c r="C19" s="10">
        <v>2</v>
      </c>
      <c r="D19" s="9">
        <v>4</v>
      </c>
    </row>
    <row r="20" spans="1:4" ht="18" customHeight="1" x14ac:dyDescent="0.2">
      <c r="A20" s="16">
        <v>13</v>
      </c>
      <c r="B20" s="29">
        <v>1</v>
      </c>
      <c r="C20" s="10">
        <v>5</v>
      </c>
      <c r="D20" s="9">
        <v>6</v>
      </c>
    </row>
    <row r="21" spans="1:4" ht="18" customHeight="1" x14ac:dyDescent="0.2">
      <c r="A21" s="16">
        <v>14</v>
      </c>
      <c r="B21" s="29">
        <v>5</v>
      </c>
      <c r="C21" s="10">
        <v>4</v>
      </c>
      <c r="D21" s="9">
        <v>9</v>
      </c>
    </row>
    <row r="22" spans="1:4" ht="18" customHeight="1" x14ac:dyDescent="0.2">
      <c r="A22" s="8" t="s">
        <v>23</v>
      </c>
      <c r="B22" s="29">
        <v>17</v>
      </c>
      <c r="C22" s="10">
        <v>21</v>
      </c>
      <c r="D22" s="9">
        <v>38</v>
      </c>
    </row>
    <row r="23" spans="1:4" ht="18" customHeight="1" x14ac:dyDescent="0.2">
      <c r="A23" s="8" t="s">
        <v>22</v>
      </c>
      <c r="B23" s="29">
        <v>44</v>
      </c>
      <c r="C23" s="10">
        <v>47</v>
      </c>
      <c r="D23" s="9">
        <v>91</v>
      </c>
    </row>
    <row r="24" spans="1:4" ht="18" customHeight="1" x14ac:dyDescent="0.2">
      <c r="A24" s="16">
        <v>15</v>
      </c>
      <c r="B24" s="29">
        <v>4</v>
      </c>
      <c r="C24" s="10">
        <v>6</v>
      </c>
      <c r="D24" s="9">
        <v>10</v>
      </c>
    </row>
    <row r="25" spans="1:4" ht="18" customHeight="1" x14ac:dyDescent="0.2">
      <c r="A25" s="16">
        <v>16</v>
      </c>
      <c r="B25" s="29">
        <v>7</v>
      </c>
      <c r="C25" s="10">
        <v>2</v>
      </c>
      <c r="D25" s="9">
        <v>9</v>
      </c>
    </row>
    <row r="26" spans="1:4" ht="18" customHeight="1" x14ac:dyDescent="0.2">
      <c r="A26" s="16">
        <v>17</v>
      </c>
      <c r="B26" s="29">
        <v>5</v>
      </c>
      <c r="C26" s="10">
        <v>1</v>
      </c>
      <c r="D26" s="9">
        <v>6</v>
      </c>
    </row>
    <row r="27" spans="1:4" ht="18" customHeight="1" x14ac:dyDescent="0.2">
      <c r="A27" s="16">
        <v>18</v>
      </c>
      <c r="B27" s="29">
        <v>2</v>
      </c>
      <c r="C27" s="10">
        <v>5</v>
      </c>
      <c r="D27" s="9">
        <v>7</v>
      </c>
    </row>
    <row r="28" spans="1:4" ht="18" customHeight="1" x14ac:dyDescent="0.2">
      <c r="A28" s="16">
        <v>19</v>
      </c>
      <c r="B28" s="29">
        <v>3</v>
      </c>
      <c r="C28" s="10">
        <v>8</v>
      </c>
      <c r="D28" s="9">
        <v>11</v>
      </c>
    </row>
    <row r="29" spans="1:4" ht="18" customHeight="1" x14ac:dyDescent="0.2">
      <c r="A29" s="8" t="s">
        <v>21</v>
      </c>
      <c r="B29" s="29">
        <v>21</v>
      </c>
      <c r="C29" s="10">
        <v>22</v>
      </c>
      <c r="D29" s="9">
        <v>43</v>
      </c>
    </row>
    <row r="30" spans="1:4" ht="18" customHeight="1" x14ac:dyDescent="0.2">
      <c r="A30" s="16">
        <v>20</v>
      </c>
      <c r="B30" s="29">
        <v>5</v>
      </c>
      <c r="C30" s="10">
        <v>6</v>
      </c>
      <c r="D30" s="9">
        <v>11</v>
      </c>
    </row>
    <row r="31" spans="1:4" ht="18" customHeight="1" x14ac:dyDescent="0.2">
      <c r="A31" s="16">
        <v>21</v>
      </c>
      <c r="B31" s="29">
        <v>6</v>
      </c>
      <c r="C31" s="10">
        <v>2</v>
      </c>
      <c r="D31" s="9">
        <v>8</v>
      </c>
    </row>
    <row r="32" spans="1:4" ht="18" customHeight="1" x14ac:dyDescent="0.2">
      <c r="A32" s="16">
        <v>22</v>
      </c>
      <c r="B32" s="29">
        <v>4</v>
      </c>
      <c r="C32" s="10">
        <v>6</v>
      </c>
      <c r="D32" s="9">
        <v>10</v>
      </c>
    </row>
    <row r="33" spans="1:4" ht="18" customHeight="1" x14ac:dyDescent="0.2">
      <c r="A33" s="16">
        <v>23</v>
      </c>
      <c r="B33" s="29">
        <v>3</v>
      </c>
      <c r="C33" s="10">
        <v>4</v>
      </c>
      <c r="D33" s="9">
        <v>7</v>
      </c>
    </row>
    <row r="34" spans="1:4" ht="18" customHeight="1" x14ac:dyDescent="0.2">
      <c r="A34" s="16">
        <v>24</v>
      </c>
      <c r="B34" s="29">
        <v>5</v>
      </c>
      <c r="C34" s="10">
        <v>3</v>
      </c>
      <c r="D34" s="9">
        <v>8</v>
      </c>
    </row>
    <row r="35" spans="1:4" ht="18" customHeight="1" x14ac:dyDescent="0.2">
      <c r="A35" s="8" t="s">
        <v>20</v>
      </c>
      <c r="B35" s="29">
        <v>23</v>
      </c>
      <c r="C35" s="10">
        <v>21</v>
      </c>
      <c r="D35" s="9">
        <v>44</v>
      </c>
    </row>
    <row r="36" spans="1:4" ht="18" customHeight="1" x14ac:dyDescent="0.2">
      <c r="A36" s="16">
        <v>25</v>
      </c>
      <c r="B36" s="29">
        <v>5</v>
      </c>
      <c r="C36" s="10">
        <v>3</v>
      </c>
      <c r="D36" s="9">
        <v>8</v>
      </c>
    </row>
    <row r="37" spans="1:4" ht="18" customHeight="1" x14ac:dyDescent="0.2">
      <c r="A37" s="16">
        <v>26</v>
      </c>
      <c r="B37" s="29">
        <v>2</v>
      </c>
      <c r="C37" s="10">
        <v>5</v>
      </c>
      <c r="D37" s="9">
        <v>7</v>
      </c>
    </row>
    <row r="38" spans="1:4" ht="18" customHeight="1" x14ac:dyDescent="0.2">
      <c r="A38" s="16">
        <v>27</v>
      </c>
      <c r="B38" s="29">
        <v>1</v>
      </c>
      <c r="C38" s="10">
        <v>3</v>
      </c>
      <c r="D38" s="9">
        <v>4</v>
      </c>
    </row>
    <row r="39" spans="1:4" ht="18" customHeight="1" x14ac:dyDescent="0.2">
      <c r="A39" s="16">
        <v>28</v>
      </c>
      <c r="B39" s="29">
        <v>3</v>
      </c>
      <c r="C39" s="10">
        <v>2</v>
      </c>
      <c r="D39" s="9">
        <v>5</v>
      </c>
    </row>
    <row r="40" spans="1:4" ht="18" customHeight="1" x14ac:dyDescent="0.2">
      <c r="A40" s="16">
        <v>29</v>
      </c>
      <c r="B40" s="29">
        <v>5</v>
      </c>
      <c r="C40" s="10">
        <v>3</v>
      </c>
      <c r="D40" s="9">
        <v>8</v>
      </c>
    </row>
    <row r="41" spans="1:4" ht="18" customHeight="1" x14ac:dyDescent="0.2">
      <c r="A41" s="8" t="s">
        <v>19</v>
      </c>
      <c r="B41" s="29">
        <v>16</v>
      </c>
      <c r="C41" s="10">
        <v>16</v>
      </c>
      <c r="D41" s="9">
        <v>32</v>
      </c>
    </row>
    <row r="42" spans="1:4" ht="18" customHeight="1" x14ac:dyDescent="0.2">
      <c r="A42" s="16">
        <v>30</v>
      </c>
      <c r="B42" s="29">
        <v>6</v>
      </c>
      <c r="C42" s="10">
        <v>1</v>
      </c>
      <c r="D42" s="9">
        <v>7</v>
      </c>
    </row>
    <row r="43" spans="1:4" ht="18" customHeight="1" x14ac:dyDescent="0.2">
      <c r="A43" s="16">
        <v>31</v>
      </c>
      <c r="B43" s="29">
        <v>1</v>
      </c>
      <c r="C43" s="10">
        <v>5</v>
      </c>
      <c r="D43" s="9">
        <v>6</v>
      </c>
    </row>
    <row r="44" spans="1:4" ht="18" customHeight="1" x14ac:dyDescent="0.2">
      <c r="A44" s="16">
        <v>32</v>
      </c>
      <c r="B44" s="29">
        <v>4</v>
      </c>
      <c r="C44" s="10">
        <v>3</v>
      </c>
      <c r="D44" s="9">
        <v>7</v>
      </c>
    </row>
    <row r="45" spans="1:4" ht="18" customHeight="1" x14ac:dyDescent="0.2">
      <c r="A45" s="16">
        <v>33</v>
      </c>
      <c r="B45" s="29">
        <v>2</v>
      </c>
      <c r="C45" s="10">
        <v>4</v>
      </c>
      <c r="D45" s="9">
        <v>6</v>
      </c>
    </row>
    <row r="46" spans="1:4" ht="18" customHeight="1" x14ac:dyDescent="0.2">
      <c r="A46" s="16">
        <v>34</v>
      </c>
      <c r="B46" s="29">
        <v>3</v>
      </c>
      <c r="C46" s="10">
        <v>4</v>
      </c>
      <c r="D46" s="9">
        <v>7</v>
      </c>
    </row>
    <row r="47" spans="1:4" ht="18" customHeight="1" x14ac:dyDescent="0.2">
      <c r="A47" s="8" t="s">
        <v>18</v>
      </c>
      <c r="B47" s="29">
        <v>16</v>
      </c>
      <c r="C47" s="10">
        <v>17</v>
      </c>
      <c r="D47" s="9">
        <v>33</v>
      </c>
    </row>
    <row r="48" spans="1:4" ht="18" customHeight="1" x14ac:dyDescent="0.2">
      <c r="A48" s="16">
        <v>35</v>
      </c>
      <c r="B48" s="29">
        <v>3</v>
      </c>
      <c r="C48" s="10">
        <v>0</v>
      </c>
      <c r="D48" s="9">
        <v>3</v>
      </c>
    </row>
    <row r="49" spans="1:4" ht="18" customHeight="1" x14ac:dyDescent="0.2">
      <c r="A49" s="16">
        <v>36</v>
      </c>
      <c r="B49" s="29">
        <v>5</v>
      </c>
      <c r="C49" s="10">
        <v>3</v>
      </c>
      <c r="D49" s="9">
        <v>8</v>
      </c>
    </row>
    <row r="50" spans="1:4" ht="18" customHeight="1" x14ac:dyDescent="0.2">
      <c r="A50" s="16">
        <v>37</v>
      </c>
      <c r="B50" s="29">
        <v>4</v>
      </c>
      <c r="C50" s="10">
        <v>1</v>
      </c>
      <c r="D50" s="9">
        <v>5</v>
      </c>
    </row>
    <row r="51" spans="1:4" ht="18" customHeight="1" x14ac:dyDescent="0.2">
      <c r="A51" s="16">
        <v>38</v>
      </c>
      <c r="B51" s="29">
        <v>2</v>
      </c>
      <c r="C51" s="10">
        <v>5</v>
      </c>
      <c r="D51" s="9">
        <v>7</v>
      </c>
    </row>
    <row r="52" spans="1:4" ht="18" customHeight="1" x14ac:dyDescent="0.2">
      <c r="A52" s="16">
        <v>39</v>
      </c>
      <c r="B52" s="29">
        <v>8</v>
      </c>
      <c r="C52" s="10">
        <v>11</v>
      </c>
      <c r="D52" s="9">
        <v>19</v>
      </c>
    </row>
    <row r="53" spans="1:4" ht="18" customHeight="1" x14ac:dyDescent="0.2">
      <c r="A53" s="8" t="s">
        <v>17</v>
      </c>
      <c r="B53" s="29">
        <v>22</v>
      </c>
      <c r="C53" s="10">
        <v>20</v>
      </c>
      <c r="D53" s="9">
        <v>42</v>
      </c>
    </row>
    <row r="54" spans="1:4" ht="18" customHeight="1" x14ac:dyDescent="0.2">
      <c r="A54" s="16">
        <v>40</v>
      </c>
      <c r="B54" s="29">
        <v>6</v>
      </c>
      <c r="C54" s="10">
        <v>3</v>
      </c>
      <c r="D54" s="9">
        <v>9</v>
      </c>
    </row>
    <row r="55" spans="1:4" ht="18" customHeight="1" x14ac:dyDescent="0.2">
      <c r="A55" s="16">
        <v>41</v>
      </c>
      <c r="B55" s="29">
        <v>2</v>
      </c>
      <c r="C55" s="10">
        <v>9</v>
      </c>
      <c r="D55" s="9">
        <v>11</v>
      </c>
    </row>
    <row r="56" spans="1:4" ht="18" customHeight="1" x14ac:dyDescent="0.2">
      <c r="A56" s="16">
        <v>42</v>
      </c>
      <c r="B56" s="29">
        <v>6</v>
      </c>
      <c r="C56" s="10">
        <v>7</v>
      </c>
      <c r="D56" s="9">
        <v>13</v>
      </c>
    </row>
    <row r="57" spans="1:4" ht="18" customHeight="1" x14ac:dyDescent="0.2">
      <c r="A57" s="16">
        <v>43</v>
      </c>
      <c r="B57" s="29">
        <v>6</v>
      </c>
      <c r="C57" s="10">
        <v>7</v>
      </c>
      <c r="D57" s="9">
        <v>13</v>
      </c>
    </row>
    <row r="58" spans="1:4" ht="18" customHeight="1" x14ac:dyDescent="0.2">
      <c r="A58" s="16">
        <v>44</v>
      </c>
      <c r="B58" s="29">
        <v>6</v>
      </c>
      <c r="C58" s="10">
        <v>10</v>
      </c>
      <c r="D58" s="9">
        <v>16</v>
      </c>
    </row>
    <row r="59" spans="1:4" ht="18" customHeight="1" x14ac:dyDescent="0.2">
      <c r="A59" s="8" t="s">
        <v>16</v>
      </c>
      <c r="B59" s="29">
        <v>26</v>
      </c>
      <c r="C59" s="10">
        <v>36</v>
      </c>
      <c r="D59" s="9">
        <v>62</v>
      </c>
    </row>
    <row r="60" spans="1:4" ht="18" customHeight="1" x14ac:dyDescent="0.2">
      <c r="A60" s="16">
        <v>45</v>
      </c>
      <c r="B60" s="29">
        <v>8</v>
      </c>
      <c r="C60" s="10">
        <v>5</v>
      </c>
      <c r="D60" s="9">
        <v>13</v>
      </c>
    </row>
    <row r="61" spans="1:4" ht="18" customHeight="1" x14ac:dyDescent="0.2">
      <c r="A61" s="16">
        <v>46</v>
      </c>
      <c r="B61" s="29">
        <v>6</v>
      </c>
      <c r="C61" s="10">
        <v>3</v>
      </c>
      <c r="D61" s="9">
        <v>9</v>
      </c>
    </row>
    <row r="62" spans="1:4" ht="18" customHeight="1" x14ac:dyDescent="0.2">
      <c r="A62" s="16">
        <v>47</v>
      </c>
      <c r="B62" s="29">
        <v>7</v>
      </c>
      <c r="C62" s="10">
        <v>9</v>
      </c>
      <c r="D62" s="9">
        <v>16</v>
      </c>
    </row>
    <row r="63" spans="1:4" ht="18" customHeight="1" x14ac:dyDescent="0.2">
      <c r="A63" s="16">
        <v>48</v>
      </c>
      <c r="B63" s="29">
        <v>9</v>
      </c>
      <c r="C63" s="10">
        <v>6</v>
      </c>
      <c r="D63" s="9">
        <v>15</v>
      </c>
    </row>
    <row r="64" spans="1:4" ht="18" customHeight="1" x14ac:dyDescent="0.2">
      <c r="A64" s="16">
        <v>49</v>
      </c>
      <c r="B64" s="29">
        <v>9</v>
      </c>
      <c r="C64" s="10">
        <v>7</v>
      </c>
      <c r="D64" s="9">
        <v>16</v>
      </c>
    </row>
    <row r="65" spans="1:4" ht="18" customHeight="1" x14ac:dyDescent="0.2">
      <c r="A65" s="8" t="s">
        <v>15</v>
      </c>
      <c r="B65" s="29">
        <v>39</v>
      </c>
      <c r="C65" s="10">
        <v>30</v>
      </c>
      <c r="D65" s="9">
        <v>69</v>
      </c>
    </row>
    <row r="66" spans="1:4" ht="18" customHeight="1" x14ac:dyDescent="0.2">
      <c r="A66" s="16">
        <v>50</v>
      </c>
      <c r="B66" s="29">
        <v>12</v>
      </c>
      <c r="C66" s="10">
        <v>11</v>
      </c>
      <c r="D66" s="9">
        <v>23</v>
      </c>
    </row>
    <row r="67" spans="1:4" ht="18" customHeight="1" x14ac:dyDescent="0.2">
      <c r="A67" s="16">
        <v>51</v>
      </c>
      <c r="B67" s="29">
        <v>8</v>
      </c>
      <c r="C67" s="10">
        <v>9</v>
      </c>
      <c r="D67" s="9">
        <v>17</v>
      </c>
    </row>
    <row r="68" spans="1:4" ht="18" customHeight="1" x14ac:dyDescent="0.2">
      <c r="A68" s="16">
        <v>52</v>
      </c>
      <c r="B68" s="29">
        <v>5</v>
      </c>
      <c r="C68" s="10">
        <v>11</v>
      </c>
      <c r="D68" s="9">
        <v>16</v>
      </c>
    </row>
    <row r="69" spans="1:4" ht="18" customHeight="1" x14ac:dyDescent="0.2">
      <c r="A69" s="16">
        <v>53</v>
      </c>
      <c r="B69" s="29">
        <v>8</v>
      </c>
      <c r="C69" s="10">
        <v>3</v>
      </c>
      <c r="D69" s="9">
        <v>11</v>
      </c>
    </row>
    <row r="70" spans="1:4" ht="18" customHeight="1" x14ac:dyDescent="0.2">
      <c r="A70" s="16">
        <v>54</v>
      </c>
      <c r="B70" s="29">
        <v>7</v>
      </c>
      <c r="C70" s="10">
        <v>4</v>
      </c>
      <c r="D70" s="9">
        <v>11</v>
      </c>
    </row>
    <row r="71" spans="1:4" ht="18" customHeight="1" x14ac:dyDescent="0.2">
      <c r="A71" s="8" t="s">
        <v>14</v>
      </c>
      <c r="B71" s="29">
        <v>40</v>
      </c>
      <c r="C71" s="10">
        <v>38</v>
      </c>
      <c r="D71" s="9">
        <v>78</v>
      </c>
    </row>
    <row r="72" spans="1:4" ht="18" customHeight="1" x14ac:dyDescent="0.2">
      <c r="A72" s="16">
        <v>55</v>
      </c>
      <c r="B72" s="29">
        <v>4</v>
      </c>
      <c r="C72" s="10">
        <v>4</v>
      </c>
      <c r="D72" s="9">
        <v>8</v>
      </c>
    </row>
    <row r="73" spans="1:4" ht="18" customHeight="1" x14ac:dyDescent="0.2">
      <c r="A73" s="16">
        <v>56</v>
      </c>
      <c r="B73" s="29">
        <v>4</v>
      </c>
      <c r="C73" s="10">
        <v>8</v>
      </c>
      <c r="D73" s="9">
        <v>12</v>
      </c>
    </row>
    <row r="74" spans="1:4" ht="18" customHeight="1" x14ac:dyDescent="0.2">
      <c r="A74" s="16">
        <v>57</v>
      </c>
      <c r="B74" s="29">
        <v>6</v>
      </c>
      <c r="C74" s="10">
        <v>5</v>
      </c>
      <c r="D74" s="9">
        <v>11</v>
      </c>
    </row>
    <row r="75" spans="1:4" ht="18" customHeight="1" x14ac:dyDescent="0.2">
      <c r="A75" s="16">
        <v>58</v>
      </c>
      <c r="B75" s="29">
        <v>4</v>
      </c>
      <c r="C75" s="10">
        <v>9</v>
      </c>
      <c r="D75" s="9">
        <v>13</v>
      </c>
    </row>
    <row r="76" spans="1:4" ht="18" customHeight="1" x14ac:dyDescent="0.2">
      <c r="A76" s="16">
        <v>59</v>
      </c>
      <c r="B76" s="29">
        <v>1</v>
      </c>
      <c r="C76" s="10">
        <v>4</v>
      </c>
      <c r="D76" s="9">
        <v>5</v>
      </c>
    </row>
    <row r="77" spans="1:4" ht="18" customHeight="1" x14ac:dyDescent="0.2">
      <c r="A77" s="8" t="s">
        <v>13</v>
      </c>
      <c r="B77" s="29">
        <v>19</v>
      </c>
      <c r="C77" s="10">
        <v>30</v>
      </c>
      <c r="D77" s="9">
        <v>49</v>
      </c>
    </row>
    <row r="78" spans="1:4" ht="18" customHeight="1" x14ac:dyDescent="0.2">
      <c r="A78" s="16">
        <v>60</v>
      </c>
      <c r="B78" s="29">
        <v>7</v>
      </c>
      <c r="C78" s="10">
        <v>8</v>
      </c>
      <c r="D78" s="9">
        <v>15</v>
      </c>
    </row>
    <row r="79" spans="1:4" ht="18" customHeight="1" x14ac:dyDescent="0.2">
      <c r="A79" s="16">
        <v>61</v>
      </c>
      <c r="B79" s="29">
        <v>9</v>
      </c>
      <c r="C79" s="10">
        <v>7</v>
      </c>
      <c r="D79" s="9">
        <v>16</v>
      </c>
    </row>
    <row r="80" spans="1:4" ht="18" customHeight="1" x14ac:dyDescent="0.2">
      <c r="A80" s="16">
        <v>62</v>
      </c>
      <c r="B80" s="29">
        <v>6</v>
      </c>
      <c r="C80" s="10">
        <v>15</v>
      </c>
      <c r="D80" s="9">
        <v>21</v>
      </c>
    </row>
    <row r="81" spans="1:4" ht="18" customHeight="1" x14ac:dyDescent="0.2">
      <c r="A81" s="16">
        <v>63</v>
      </c>
      <c r="B81" s="29">
        <v>7</v>
      </c>
      <c r="C81" s="10">
        <v>6</v>
      </c>
      <c r="D81" s="9">
        <v>13</v>
      </c>
    </row>
    <row r="82" spans="1:4" ht="18" customHeight="1" x14ac:dyDescent="0.2">
      <c r="A82" s="16">
        <v>64</v>
      </c>
      <c r="B82" s="29">
        <v>7</v>
      </c>
      <c r="C82" s="10">
        <v>3</v>
      </c>
      <c r="D82" s="9">
        <v>10</v>
      </c>
    </row>
    <row r="83" spans="1:4" ht="18" customHeight="1" x14ac:dyDescent="0.2">
      <c r="A83" s="8" t="s">
        <v>12</v>
      </c>
      <c r="B83" s="29">
        <v>36</v>
      </c>
      <c r="C83" s="10">
        <v>39</v>
      </c>
      <c r="D83" s="9">
        <v>75</v>
      </c>
    </row>
    <row r="84" spans="1:4" ht="18" customHeight="1" x14ac:dyDescent="0.2">
      <c r="A84" s="8" t="s">
        <v>11</v>
      </c>
      <c r="B84" s="29">
        <v>258</v>
      </c>
      <c r="C84" s="10">
        <v>269</v>
      </c>
      <c r="D84" s="9">
        <v>527</v>
      </c>
    </row>
    <row r="85" spans="1:4" ht="18" customHeight="1" x14ac:dyDescent="0.2">
      <c r="A85" s="16">
        <v>65</v>
      </c>
      <c r="B85" s="29">
        <v>3</v>
      </c>
      <c r="C85" s="10">
        <v>7</v>
      </c>
      <c r="D85" s="9">
        <v>10</v>
      </c>
    </row>
    <row r="86" spans="1:4" ht="18" customHeight="1" x14ac:dyDescent="0.2">
      <c r="A86" s="16">
        <v>66</v>
      </c>
      <c r="B86" s="29">
        <v>8</v>
      </c>
      <c r="C86" s="10">
        <v>5</v>
      </c>
      <c r="D86" s="9">
        <v>13</v>
      </c>
    </row>
    <row r="87" spans="1:4" ht="18" customHeight="1" x14ac:dyDescent="0.2">
      <c r="A87" s="16">
        <v>67</v>
      </c>
      <c r="B87" s="29">
        <v>4</v>
      </c>
      <c r="C87" s="10">
        <v>9</v>
      </c>
      <c r="D87" s="9">
        <v>13</v>
      </c>
    </row>
    <row r="88" spans="1:4" ht="18" customHeight="1" x14ac:dyDescent="0.2">
      <c r="A88" s="16">
        <v>68</v>
      </c>
      <c r="B88" s="29">
        <v>11</v>
      </c>
      <c r="C88" s="10">
        <v>5</v>
      </c>
      <c r="D88" s="9">
        <v>16</v>
      </c>
    </row>
    <row r="89" spans="1:4" ht="18" customHeight="1" x14ac:dyDescent="0.2">
      <c r="A89" s="16">
        <v>69</v>
      </c>
      <c r="B89" s="29">
        <v>4</v>
      </c>
      <c r="C89" s="10">
        <v>10</v>
      </c>
      <c r="D89" s="9">
        <v>14</v>
      </c>
    </row>
    <row r="90" spans="1:4" ht="18" customHeight="1" x14ac:dyDescent="0.2">
      <c r="A90" s="8" t="s">
        <v>10</v>
      </c>
      <c r="B90" s="29">
        <v>30</v>
      </c>
      <c r="C90" s="10">
        <v>36</v>
      </c>
      <c r="D90" s="9">
        <v>66</v>
      </c>
    </row>
    <row r="91" spans="1:4" ht="18" customHeight="1" x14ac:dyDescent="0.2">
      <c r="A91" s="16">
        <v>70</v>
      </c>
      <c r="B91" s="29">
        <v>6</v>
      </c>
      <c r="C91" s="10">
        <v>9</v>
      </c>
      <c r="D91" s="9">
        <v>15</v>
      </c>
    </row>
    <row r="92" spans="1:4" ht="18" customHeight="1" x14ac:dyDescent="0.2">
      <c r="A92" s="16">
        <v>71</v>
      </c>
      <c r="B92" s="29">
        <v>11</v>
      </c>
      <c r="C92" s="10">
        <v>7</v>
      </c>
      <c r="D92" s="9">
        <v>18</v>
      </c>
    </row>
    <row r="93" spans="1:4" ht="18" customHeight="1" x14ac:dyDescent="0.2">
      <c r="A93" s="16">
        <v>72</v>
      </c>
      <c r="B93" s="29">
        <v>12</v>
      </c>
      <c r="C93" s="10">
        <v>12</v>
      </c>
      <c r="D93" s="9">
        <v>24</v>
      </c>
    </row>
    <row r="94" spans="1:4" ht="18" customHeight="1" x14ac:dyDescent="0.2">
      <c r="A94" s="16">
        <v>73</v>
      </c>
      <c r="B94" s="29">
        <v>14</v>
      </c>
      <c r="C94" s="10">
        <v>14</v>
      </c>
      <c r="D94" s="9">
        <v>28</v>
      </c>
    </row>
    <row r="95" spans="1:4" ht="18" customHeight="1" x14ac:dyDescent="0.2">
      <c r="A95" s="16">
        <v>74</v>
      </c>
      <c r="B95" s="29">
        <v>16</v>
      </c>
      <c r="C95" s="10">
        <v>14</v>
      </c>
      <c r="D95" s="9">
        <v>30</v>
      </c>
    </row>
    <row r="96" spans="1:4" ht="18" customHeight="1" x14ac:dyDescent="0.2">
      <c r="A96" s="8" t="s">
        <v>9</v>
      </c>
      <c r="B96" s="29">
        <v>59</v>
      </c>
      <c r="C96" s="10">
        <v>56</v>
      </c>
      <c r="D96" s="9">
        <v>115</v>
      </c>
    </row>
    <row r="97" spans="1:4" ht="18" customHeight="1" x14ac:dyDescent="0.2">
      <c r="A97" s="16">
        <v>75</v>
      </c>
      <c r="B97" s="29">
        <v>9</v>
      </c>
      <c r="C97" s="10">
        <v>12</v>
      </c>
      <c r="D97" s="9">
        <v>21</v>
      </c>
    </row>
    <row r="98" spans="1:4" ht="18" customHeight="1" x14ac:dyDescent="0.2">
      <c r="A98" s="16">
        <v>76</v>
      </c>
      <c r="B98" s="29">
        <v>7</v>
      </c>
      <c r="C98" s="10">
        <v>15</v>
      </c>
      <c r="D98" s="9">
        <v>22</v>
      </c>
    </row>
    <row r="99" spans="1:4" ht="18" customHeight="1" x14ac:dyDescent="0.2">
      <c r="A99" s="16">
        <v>77</v>
      </c>
      <c r="B99" s="29">
        <v>4</v>
      </c>
      <c r="C99" s="10">
        <v>3</v>
      </c>
      <c r="D99" s="9">
        <v>7</v>
      </c>
    </row>
    <row r="100" spans="1:4" ht="18" customHeight="1" x14ac:dyDescent="0.2">
      <c r="A100" s="16">
        <v>78</v>
      </c>
      <c r="B100" s="29">
        <v>7</v>
      </c>
      <c r="C100" s="10">
        <v>2</v>
      </c>
      <c r="D100" s="9">
        <v>9</v>
      </c>
    </row>
    <row r="101" spans="1:4" ht="18" customHeight="1" x14ac:dyDescent="0.2">
      <c r="A101" s="16">
        <v>79</v>
      </c>
      <c r="B101" s="29">
        <v>7</v>
      </c>
      <c r="C101" s="10">
        <v>5</v>
      </c>
      <c r="D101" s="9">
        <v>12</v>
      </c>
    </row>
    <row r="102" spans="1:4" ht="18" customHeight="1" x14ac:dyDescent="0.2">
      <c r="A102" s="8" t="s">
        <v>8</v>
      </c>
      <c r="B102" s="29">
        <v>34</v>
      </c>
      <c r="C102" s="10">
        <v>37</v>
      </c>
      <c r="D102" s="9">
        <v>71</v>
      </c>
    </row>
    <row r="103" spans="1:4" ht="18" customHeight="1" x14ac:dyDescent="0.2">
      <c r="A103" s="16">
        <v>80</v>
      </c>
      <c r="B103" s="29">
        <v>9</v>
      </c>
      <c r="C103" s="10">
        <v>4</v>
      </c>
      <c r="D103" s="9">
        <v>13</v>
      </c>
    </row>
    <row r="104" spans="1:4" ht="18" customHeight="1" x14ac:dyDescent="0.2">
      <c r="A104" s="16">
        <v>81</v>
      </c>
      <c r="B104" s="29">
        <v>9</v>
      </c>
      <c r="C104" s="10">
        <v>2</v>
      </c>
      <c r="D104" s="9">
        <v>11</v>
      </c>
    </row>
    <row r="105" spans="1:4" ht="18" customHeight="1" x14ac:dyDescent="0.2">
      <c r="A105" s="16">
        <v>82</v>
      </c>
      <c r="B105" s="29">
        <v>2</v>
      </c>
      <c r="C105" s="10">
        <v>9</v>
      </c>
      <c r="D105" s="9">
        <v>11</v>
      </c>
    </row>
    <row r="106" spans="1:4" ht="18" customHeight="1" x14ac:dyDescent="0.2">
      <c r="A106" s="16">
        <v>83</v>
      </c>
      <c r="B106" s="29">
        <v>3</v>
      </c>
      <c r="C106" s="10">
        <v>6</v>
      </c>
      <c r="D106" s="9">
        <v>9</v>
      </c>
    </row>
    <row r="107" spans="1:4" ht="18" customHeight="1" x14ac:dyDescent="0.2">
      <c r="A107" s="16">
        <v>84</v>
      </c>
      <c r="B107" s="29">
        <v>1</v>
      </c>
      <c r="C107" s="10">
        <v>6</v>
      </c>
      <c r="D107" s="9">
        <v>7</v>
      </c>
    </row>
    <row r="108" spans="1:4" ht="18" customHeight="1" x14ac:dyDescent="0.2">
      <c r="A108" s="8" t="s">
        <v>7</v>
      </c>
      <c r="B108" s="29">
        <v>24</v>
      </c>
      <c r="C108" s="10">
        <v>27</v>
      </c>
      <c r="D108" s="9">
        <v>51</v>
      </c>
    </row>
    <row r="109" spans="1:4" ht="18" customHeight="1" x14ac:dyDescent="0.2">
      <c r="A109" s="16">
        <v>85</v>
      </c>
      <c r="B109" s="29">
        <v>1</v>
      </c>
      <c r="C109" s="10">
        <v>5</v>
      </c>
      <c r="D109" s="9">
        <v>6</v>
      </c>
    </row>
    <row r="110" spans="1:4" ht="18" customHeight="1" x14ac:dyDescent="0.2">
      <c r="A110" s="16">
        <v>86</v>
      </c>
      <c r="B110" s="29">
        <v>3</v>
      </c>
      <c r="C110" s="10">
        <v>6</v>
      </c>
      <c r="D110" s="9">
        <v>9</v>
      </c>
    </row>
    <row r="111" spans="1:4" ht="18" customHeight="1" x14ac:dyDescent="0.2">
      <c r="A111" s="16">
        <v>87</v>
      </c>
      <c r="B111" s="29">
        <v>2</v>
      </c>
      <c r="C111" s="10">
        <v>8</v>
      </c>
      <c r="D111" s="9">
        <v>10</v>
      </c>
    </row>
    <row r="112" spans="1:4" ht="18" customHeight="1" x14ac:dyDescent="0.2">
      <c r="A112" s="16">
        <v>88</v>
      </c>
      <c r="B112" s="29">
        <v>3</v>
      </c>
      <c r="C112" s="10">
        <v>5</v>
      </c>
      <c r="D112" s="9">
        <v>8</v>
      </c>
    </row>
    <row r="113" spans="1:4" ht="18" customHeight="1" x14ac:dyDescent="0.2">
      <c r="A113" s="16">
        <v>89</v>
      </c>
      <c r="B113" s="29">
        <v>2</v>
      </c>
      <c r="C113" s="10">
        <v>6</v>
      </c>
      <c r="D113" s="9">
        <v>8</v>
      </c>
    </row>
    <row r="114" spans="1:4" ht="18" customHeight="1" x14ac:dyDescent="0.2">
      <c r="A114" s="8" t="s">
        <v>6</v>
      </c>
      <c r="B114" s="29">
        <v>11</v>
      </c>
      <c r="C114" s="10">
        <v>30</v>
      </c>
      <c r="D114" s="9">
        <v>41</v>
      </c>
    </row>
    <row r="115" spans="1:4" ht="18" customHeight="1" x14ac:dyDescent="0.2">
      <c r="A115" s="16">
        <v>90</v>
      </c>
      <c r="B115" s="29">
        <v>2</v>
      </c>
      <c r="C115" s="10">
        <v>2</v>
      </c>
      <c r="D115" s="9">
        <v>4</v>
      </c>
    </row>
    <row r="116" spans="1:4" ht="18" customHeight="1" x14ac:dyDescent="0.2">
      <c r="A116" s="16">
        <v>91</v>
      </c>
      <c r="B116" s="29">
        <v>0</v>
      </c>
      <c r="C116" s="10">
        <v>3</v>
      </c>
      <c r="D116" s="9">
        <v>3</v>
      </c>
    </row>
    <row r="117" spans="1:4" ht="18" customHeight="1" x14ac:dyDescent="0.2">
      <c r="A117" s="16">
        <v>92</v>
      </c>
      <c r="B117" s="29">
        <v>0</v>
      </c>
      <c r="C117" s="10">
        <v>2</v>
      </c>
      <c r="D117" s="9">
        <v>2</v>
      </c>
    </row>
    <row r="118" spans="1:4" ht="18" customHeight="1" x14ac:dyDescent="0.2">
      <c r="A118" s="16">
        <v>93</v>
      </c>
      <c r="B118" s="29">
        <v>0</v>
      </c>
      <c r="C118" s="10">
        <v>2</v>
      </c>
      <c r="D118" s="9">
        <v>2</v>
      </c>
    </row>
    <row r="119" spans="1:4" ht="18" customHeight="1" x14ac:dyDescent="0.2">
      <c r="A119" s="16">
        <v>94</v>
      </c>
      <c r="B119" s="29">
        <v>1</v>
      </c>
      <c r="C119" s="10">
        <v>3</v>
      </c>
      <c r="D119" s="9">
        <v>4</v>
      </c>
    </row>
    <row r="120" spans="1:4" ht="18" customHeight="1" x14ac:dyDescent="0.2">
      <c r="A120" s="8" t="s">
        <v>5</v>
      </c>
      <c r="B120" s="29">
        <v>3</v>
      </c>
      <c r="C120" s="10">
        <v>12</v>
      </c>
      <c r="D120" s="9">
        <v>15</v>
      </c>
    </row>
    <row r="121" spans="1:4" ht="18" customHeight="1" x14ac:dyDescent="0.2">
      <c r="A121" s="16">
        <v>95</v>
      </c>
      <c r="B121" s="29">
        <v>2</v>
      </c>
      <c r="C121" s="10">
        <v>1</v>
      </c>
      <c r="D121" s="9">
        <v>3</v>
      </c>
    </row>
    <row r="122" spans="1:4" ht="18" customHeight="1" x14ac:dyDescent="0.2">
      <c r="A122" s="16">
        <v>96</v>
      </c>
      <c r="B122" s="29">
        <v>0</v>
      </c>
      <c r="C122" s="10">
        <v>2</v>
      </c>
      <c r="D122" s="9">
        <v>2</v>
      </c>
    </row>
    <row r="123" spans="1:4" ht="18" customHeight="1" x14ac:dyDescent="0.2">
      <c r="A123" s="16">
        <v>97</v>
      </c>
      <c r="B123" s="29">
        <v>0</v>
      </c>
      <c r="C123" s="10">
        <v>1</v>
      </c>
      <c r="D123" s="9">
        <v>1</v>
      </c>
    </row>
    <row r="124" spans="1:4" ht="18" customHeight="1" x14ac:dyDescent="0.2">
      <c r="A124" s="16">
        <v>98</v>
      </c>
      <c r="B124" s="29">
        <v>0</v>
      </c>
      <c r="C124" s="10">
        <v>0</v>
      </c>
      <c r="D124" s="9">
        <v>0</v>
      </c>
    </row>
    <row r="125" spans="1:4" ht="18" customHeight="1" x14ac:dyDescent="0.2">
      <c r="A125" s="16">
        <v>99</v>
      </c>
      <c r="B125" s="29">
        <v>1</v>
      </c>
      <c r="C125" s="10">
        <v>0</v>
      </c>
      <c r="D125" s="9">
        <v>1</v>
      </c>
    </row>
    <row r="126" spans="1:4" ht="18" customHeight="1" x14ac:dyDescent="0.2">
      <c r="A126" s="8" t="s">
        <v>4</v>
      </c>
      <c r="B126" s="29">
        <v>3</v>
      </c>
      <c r="C126" s="10">
        <v>4</v>
      </c>
      <c r="D126" s="9">
        <v>7</v>
      </c>
    </row>
    <row r="127" spans="1:4" ht="18" customHeight="1" x14ac:dyDescent="0.2">
      <c r="A127" s="16">
        <v>100</v>
      </c>
      <c r="B127" s="29">
        <v>0</v>
      </c>
      <c r="C127" s="10">
        <v>0</v>
      </c>
      <c r="D127" s="9">
        <v>0</v>
      </c>
    </row>
    <row r="128" spans="1:4" ht="18" customHeight="1" x14ac:dyDescent="0.2">
      <c r="A128" s="15" t="s">
        <v>3</v>
      </c>
      <c r="B128" s="29">
        <v>0</v>
      </c>
      <c r="C128" s="10">
        <v>0</v>
      </c>
      <c r="D128" s="9">
        <v>0</v>
      </c>
    </row>
    <row r="129" spans="1:4" ht="18" customHeight="1" x14ac:dyDescent="0.2">
      <c r="A129" s="8" t="s">
        <v>2</v>
      </c>
      <c r="B129" s="29">
        <v>0</v>
      </c>
      <c r="C129" s="10">
        <v>0</v>
      </c>
      <c r="D129" s="9">
        <v>0</v>
      </c>
    </row>
    <row r="130" spans="1:4" ht="18" customHeight="1" x14ac:dyDescent="0.2">
      <c r="A130" s="8" t="s">
        <v>1</v>
      </c>
      <c r="B130" s="28">
        <v>164</v>
      </c>
      <c r="C130" s="6">
        <v>202</v>
      </c>
      <c r="D130" s="5">
        <v>366</v>
      </c>
    </row>
    <row r="131" spans="1:4" ht="18" customHeight="1" x14ac:dyDescent="0.2">
      <c r="A131" s="4" t="s">
        <v>0</v>
      </c>
      <c r="B131" s="27">
        <v>466</v>
      </c>
      <c r="C131" s="2">
        <v>518</v>
      </c>
      <c r="D131" s="1">
        <v>984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2471716-0FA7-4C7B-A07E-0F9C337DAED1}">
  <sheetPr codeName="Sheet5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74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6</v>
      </c>
      <c r="C5" s="18">
        <v>7</v>
      </c>
      <c r="D5" s="17">
        <v>13</v>
      </c>
    </row>
    <row r="6" spans="1:4" ht="18" customHeight="1" x14ac:dyDescent="0.2">
      <c r="A6" s="16">
        <v>1</v>
      </c>
      <c r="B6" s="29">
        <v>4</v>
      </c>
      <c r="C6" s="10">
        <v>7</v>
      </c>
      <c r="D6" s="9">
        <v>11</v>
      </c>
    </row>
    <row r="7" spans="1:4" ht="18" customHeight="1" x14ac:dyDescent="0.2">
      <c r="A7" s="16">
        <v>2</v>
      </c>
      <c r="B7" s="29">
        <v>3</v>
      </c>
      <c r="C7" s="10">
        <v>14</v>
      </c>
      <c r="D7" s="9">
        <v>17</v>
      </c>
    </row>
    <row r="8" spans="1:4" ht="18" customHeight="1" x14ac:dyDescent="0.2">
      <c r="A8" s="16">
        <v>3</v>
      </c>
      <c r="B8" s="29">
        <v>11</v>
      </c>
      <c r="C8" s="10">
        <v>5</v>
      </c>
      <c r="D8" s="9">
        <v>16</v>
      </c>
    </row>
    <row r="9" spans="1:4" ht="18" customHeight="1" x14ac:dyDescent="0.2">
      <c r="A9" s="16">
        <v>4</v>
      </c>
      <c r="B9" s="29">
        <v>6</v>
      </c>
      <c r="C9" s="10">
        <v>7</v>
      </c>
      <c r="D9" s="9">
        <v>13</v>
      </c>
    </row>
    <row r="10" spans="1:4" ht="18" customHeight="1" x14ac:dyDescent="0.2">
      <c r="A10" s="8" t="s">
        <v>25</v>
      </c>
      <c r="B10" s="29">
        <v>30</v>
      </c>
      <c r="C10" s="10">
        <v>40</v>
      </c>
      <c r="D10" s="9">
        <v>70</v>
      </c>
    </row>
    <row r="11" spans="1:4" ht="18" customHeight="1" x14ac:dyDescent="0.2">
      <c r="A11" s="16">
        <v>5</v>
      </c>
      <c r="B11" s="29">
        <v>12</v>
      </c>
      <c r="C11" s="10">
        <v>7</v>
      </c>
      <c r="D11" s="9">
        <v>19</v>
      </c>
    </row>
    <row r="12" spans="1:4" ht="18" customHeight="1" x14ac:dyDescent="0.2">
      <c r="A12" s="16">
        <v>6</v>
      </c>
      <c r="B12" s="29">
        <v>8</v>
      </c>
      <c r="C12" s="10">
        <v>17</v>
      </c>
      <c r="D12" s="9">
        <v>25</v>
      </c>
    </row>
    <row r="13" spans="1:4" ht="18" customHeight="1" x14ac:dyDescent="0.2">
      <c r="A13" s="16">
        <v>7</v>
      </c>
      <c r="B13" s="29">
        <v>5</v>
      </c>
      <c r="C13" s="10">
        <v>8</v>
      </c>
      <c r="D13" s="9">
        <v>13</v>
      </c>
    </row>
    <row r="14" spans="1:4" ht="18" customHeight="1" x14ac:dyDescent="0.2">
      <c r="A14" s="16">
        <v>8</v>
      </c>
      <c r="B14" s="29">
        <v>12</v>
      </c>
      <c r="C14" s="10">
        <v>10</v>
      </c>
      <c r="D14" s="9">
        <v>22</v>
      </c>
    </row>
    <row r="15" spans="1:4" ht="18" customHeight="1" x14ac:dyDescent="0.2">
      <c r="A15" s="16">
        <v>9</v>
      </c>
      <c r="B15" s="29">
        <v>20</v>
      </c>
      <c r="C15" s="10">
        <v>6</v>
      </c>
      <c r="D15" s="9">
        <v>26</v>
      </c>
    </row>
    <row r="16" spans="1:4" ht="18" customHeight="1" x14ac:dyDescent="0.2">
      <c r="A16" s="8" t="s">
        <v>24</v>
      </c>
      <c r="B16" s="29">
        <v>57</v>
      </c>
      <c r="C16" s="10">
        <v>48</v>
      </c>
      <c r="D16" s="9">
        <v>105</v>
      </c>
    </row>
    <row r="17" spans="1:4" ht="18" customHeight="1" x14ac:dyDescent="0.2">
      <c r="A17" s="16">
        <v>10</v>
      </c>
      <c r="B17" s="29">
        <v>10</v>
      </c>
      <c r="C17" s="10">
        <v>10</v>
      </c>
      <c r="D17" s="9">
        <v>20</v>
      </c>
    </row>
    <row r="18" spans="1:4" ht="18" customHeight="1" x14ac:dyDescent="0.2">
      <c r="A18" s="16">
        <v>11</v>
      </c>
      <c r="B18" s="29">
        <v>13</v>
      </c>
      <c r="C18" s="10">
        <v>10</v>
      </c>
      <c r="D18" s="9">
        <v>23</v>
      </c>
    </row>
    <row r="19" spans="1:4" ht="18" customHeight="1" x14ac:dyDescent="0.2">
      <c r="A19" s="16">
        <v>12</v>
      </c>
      <c r="B19" s="29">
        <v>7</v>
      </c>
      <c r="C19" s="10">
        <v>13</v>
      </c>
      <c r="D19" s="9">
        <v>20</v>
      </c>
    </row>
    <row r="20" spans="1:4" ht="18" customHeight="1" x14ac:dyDescent="0.2">
      <c r="A20" s="16">
        <v>13</v>
      </c>
      <c r="B20" s="29">
        <v>18</v>
      </c>
      <c r="C20" s="10">
        <v>10</v>
      </c>
      <c r="D20" s="9">
        <v>28</v>
      </c>
    </row>
    <row r="21" spans="1:4" ht="18" customHeight="1" x14ac:dyDescent="0.2">
      <c r="A21" s="16">
        <v>14</v>
      </c>
      <c r="B21" s="29">
        <v>5</v>
      </c>
      <c r="C21" s="10">
        <v>9</v>
      </c>
      <c r="D21" s="9">
        <v>14</v>
      </c>
    </row>
    <row r="22" spans="1:4" ht="18" customHeight="1" x14ac:dyDescent="0.2">
      <c r="A22" s="8" t="s">
        <v>23</v>
      </c>
      <c r="B22" s="29">
        <v>53</v>
      </c>
      <c r="C22" s="10">
        <v>52</v>
      </c>
      <c r="D22" s="9">
        <v>105</v>
      </c>
    </row>
    <row r="23" spans="1:4" ht="18" customHeight="1" x14ac:dyDescent="0.2">
      <c r="A23" s="8" t="s">
        <v>22</v>
      </c>
      <c r="B23" s="29">
        <v>140</v>
      </c>
      <c r="C23" s="10">
        <v>140</v>
      </c>
      <c r="D23" s="9">
        <v>280</v>
      </c>
    </row>
    <row r="24" spans="1:4" ht="18" customHeight="1" x14ac:dyDescent="0.2">
      <c r="A24" s="16">
        <v>15</v>
      </c>
      <c r="B24" s="29">
        <v>12</v>
      </c>
      <c r="C24" s="10">
        <v>17</v>
      </c>
      <c r="D24" s="9">
        <v>29</v>
      </c>
    </row>
    <row r="25" spans="1:4" ht="18" customHeight="1" x14ac:dyDescent="0.2">
      <c r="A25" s="16">
        <v>16</v>
      </c>
      <c r="B25" s="29">
        <v>16</v>
      </c>
      <c r="C25" s="10">
        <v>10</v>
      </c>
      <c r="D25" s="9">
        <v>26</v>
      </c>
    </row>
    <row r="26" spans="1:4" ht="18" customHeight="1" x14ac:dyDescent="0.2">
      <c r="A26" s="16">
        <v>17</v>
      </c>
      <c r="B26" s="29">
        <v>7</v>
      </c>
      <c r="C26" s="10">
        <v>9</v>
      </c>
      <c r="D26" s="9">
        <v>16</v>
      </c>
    </row>
    <row r="27" spans="1:4" ht="18" customHeight="1" x14ac:dyDescent="0.2">
      <c r="A27" s="16">
        <v>18</v>
      </c>
      <c r="B27" s="29">
        <v>11</v>
      </c>
      <c r="C27" s="10">
        <v>11</v>
      </c>
      <c r="D27" s="9">
        <v>22</v>
      </c>
    </row>
    <row r="28" spans="1:4" ht="18" customHeight="1" x14ac:dyDescent="0.2">
      <c r="A28" s="16">
        <v>19</v>
      </c>
      <c r="B28" s="29">
        <v>14</v>
      </c>
      <c r="C28" s="10">
        <v>16</v>
      </c>
      <c r="D28" s="9">
        <v>30</v>
      </c>
    </row>
    <row r="29" spans="1:4" ht="18" customHeight="1" x14ac:dyDescent="0.2">
      <c r="A29" s="8" t="s">
        <v>21</v>
      </c>
      <c r="B29" s="29">
        <v>60</v>
      </c>
      <c r="C29" s="10">
        <v>63</v>
      </c>
      <c r="D29" s="9">
        <v>123</v>
      </c>
    </row>
    <row r="30" spans="1:4" ht="18" customHeight="1" x14ac:dyDescent="0.2">
      <c r="A30" s="16">
        <v>20</v>
      </c>
      <c r="B30" s="29">
        <v>15</v>
      </c>
      <c r="C30" s="10">
        <v>17</v>
      </c>
      <c r="D30" s="9">
        <v>32</v>
      </c>
    </row>
    <row r="31" spans="1:4" ht="18" customHeight="1" x14ac:dyDescent="0.2">
      <c r="A31" s="16">
        <v>21</v>
      </c>
      <c r="B31" s="29">
        <v>16</v>
      </c>
      <c r="C31" s="10">
        <v>14</v>
      </c>
      <c r="D31" s="9">
        <v>30</v>
      </c>
    </row>
    <row r="32" spans="1:4" ht="18" customHeight="1" x14ac:dyDescent="0.2">
      <c r="A32" s="16">
        <v>22</v>
      </c>
      <c r="B32" s="29">
        <v>9</v>
      </c>
      <c r="C32" s="10">
        <v>9</v>
      </c>
      <c r="D32" s="9">
        <v>18</v>
      </c>
    </row>
    <row r="33" spans="1:4" ht="18" customHeight="1" x14ac:dyDescent="0.2">
      <c r="A33" s="16">
        <v>23</v>
      </c>
      <c r="B33" s="29">
        <v>9</v>
      </c>
      <c r="C33" s="10">
        <v>13</v>
      </c>
      <c r="D33" s="9">
        <v>22</v>
      </c>
    </row>
    <row r="34" spans="1:4" ht="18" customHeight="1" x14ac:dyDescent="0.2">
      <c r="A34" s="16">
        <v>24</v>
      </c>
      <c r="B34" s="29">
        <v>10</v>
      </c>
      <c r="C34" s="10">
        <v>9</v>
      </c>
      <c r="D34" s="9">
        <v>19</v>
      </c>
    </row>
    <row r="35" spans="1:4" ht="18" customHeight="1" x14ac:dyDescent="0.2">
      <c r="A35" s="8" t="s">
        <v>20</v>
      </c>
      <c r="B35" s="29">
        <v>59</v>
      </c>
      <c r="C35" s="10">
        <v>62</v>
      </c>
      <c r="D35" s="9">
        <v>121</v>
      </c>
    </row>
    <row r="36" spans="1:4" ht="18" customHeight="1" x14ac:dyDescent="0.2">
      <c r="A36" s="16">
        <v>25</v>
      </c>
      <c r="B36" s="29">
        <v>15</v>
      </c>
      <c r="C36" s="10">
        <v>10</v>
      </c>
      <c r="D36" s="9">
        <v>25</v>
      </c>
    </row>
    <row r="37" spans="1:4" ht="18" customHeight="1" x14ac:dyDescent="0.2">
      <c r="A37" s="16">
        <v>26</v>
      </c>
      <c r="B37" s="29">
        <v>11</v>
      </c>
      <c r="C37" s="10">
        <v>15</v>
      </c>
      <c r="D37" s="9">
        <v>26</v>
      </c>
    </row>
    <row r="38" spans="1:4" ht="18" customHeight="1" x14ac:dyDescent="0.2">
      <c r="A38" s="16">
        <v>27</v>
      </c>
      <c r="B38" s="29">
        <v>13</v>
      </c>
      <c r="C38" s="10">
        <v>14</v>
      </c>
      <c r="D38" s="9">
        <v>27</v>
      </c>
    </row>
    <row r="39" spans="1:4" ht="18" customHeight="1" x14ac:dyDescent="0.2">
      <c r="A39" s="16">
        <v>28</v>
      </c>
      <c r="B39" s="29">
        <v>16</v>
      </c>
      <c r="C39" s="10">
        <v>9</v>
      </c>
      <c r="D39" s="9">
        <v>25</v>
      </c>
    </row>
    <row r="40" spans="1:4" ht="18" customHeight="1" x14ac:dyDescent="0.2">
      <c r="A40" s="16">
        <v>29</v>
      </c>
      <c r="B40" s="29">
        <v>10</v>
      </c>
      <c r="C40" s="10">
        <v>10</v>
      </c>
      <c r="D40" s="9">
        <v>20</v>
      </c>
    </row>
    <row r="41" spans="1:4" ht="18" customHeight="1" x14ac:dyDescent="0.2">
      <c r="A41" s="8" t="s">
        <v>19</v>
      </c>
      <c r="B41" s="29">
        <v>65</v>
      </c>
      <c r="C41" s="10">
        <v>58</v>
      </c>
      <c r="D41" s="9">
        <v>123</v>
      </c>
    </row>
    <row r="42" spans="1:4" ht="18" customHeight="1" x14ac:dyDescent="0.2">
      <c r="A42" s="16">
        <v>30</v>
      </c>
      <c r="B42" s="29">
        <v>12</v>
      </c>
      <c r="C42" s="10">
        <v>4</v>
      </c>
      <c r="D42" s="9">
        <v>16</v>
      </c>
    </row>
    <row r="43" spans="1:4" ht="18" customHeight="1" x14ac:dyDescent="0.2">
      <c r="A43" s="16">
        <v>31</v>
      </c>
      <c r="B43" s="29">
        <v>6</v>
      </c>
      <c r="C43" s="10">
        <v>12</v>
      </c>
      <c r="D43" s="9">
        <v>18</v>
      </c>
    </row>
    <row r="44" spans="1:4" ht="18" customHeight="1" x14ac:dyDescent="0.2">
      <c r="A44" s="16">
        <v>32</v>
      </c>
      <c r="B44" s="29">
        <v>11</v>
      </c>
      <c r="C44" s="10">
        <v>11</v>
      </c>
      <c r="D44" s="9">
        <v>22</v>
      </c>
    </row>
    <row r="45" spans="1:4" ht="18" customHeight="1" x14ac:dyDescent="0.2">
      <c r="A45" s="16">
        <v>33</v>
      </c>
      <c r="B45" s="29">
        <v>14</v>
      </c>
      <c r="C45" s="10">
        <v>11</v>
      </c>
      <c r="D45" s="9">
        <v>25</v>
      </c>
    </row>
    <row r="46" spans="1:4" ht="18" customHeight="1" x14ac:dyDescent="0.2">
      <c r="A46" s="16">
        <v>34</v>
      </c>
      <c r="B46" s="29">
        <v>13</v>
      </c>
      <c r="C46" s="10">
        <v>6</v>
      </c>
      <c r="D46" s="9">
        <v>19</v>
      </c>
    </row>
    <row r="47" spans="1:4" ht="18" customHeight="1" x14ac:dyDescent="0.2">
      <c r="A47" s="8" t="s">
        <v>18</v>
      </c>
      <c r="B47" s="29">
        <v>56</v>
      </c>
      <c r="C47" s="10">
        <v>44</v>
      </c>
      <c r="D47" s="9">
        <v>100</v>
      </c>
    </row>
    <row r="48" spans="1:4" ht="18" customHeight="1" x14ac:dyDescent="0.2">
      <c r="A48" s="16">
        <v>35</v>
      </c>
      <c r="B48" s="29">
        <v>8</v>
      </c>
      <c r="C48" s="10">
        <v>13</v>
      </c>
      <c r="D48" s="9">
        <v>21</v>
      </c>
    </row>
    <row r="49" spans="1:4" ht="18" customHeight="1" x14ac:dyDescent="0.2">
      <c r="A49" s="16">
        <v>36</v>
      </c>
      <c r="B49" s="29">
        <v>13</v>
      </c>
      <c r="C49" s="10">
        <v>9</v>
      </c>
      <c r="D49" s="9">
        <v>22</v>
      </c>
    </row>
    <row r="50" spans="1:4" ht="18" customHeight="1" x14ac:dyDescent="0.2">
      <c r="A50" s="16">
        <v>37</v>
      </c>
      <c r="B50" s="29">
        <v>9</v>
      </c>
      <c r="C50" s="10">
        <v>12</v>
      </c>
      <c r="D50" s="9">
        <v>21</v>
      </c>
    </row>
    <row r="51" spans="1:4" ht="18" customHeight="1" x14ac:dyDescent="0.2">
      <c r="A51" s="16">
        <v>38</v>
      </c>
      <c r="B51" s="29">
        <v>12</v>
      </c>
      <c r="C51" s="10">
        <v>14</v>
      </c>
      <c r="D51" s="9">
        <v>26</v>
      </c>
    </row>
    <row r="52" spans="1:4" ht="18" customHeight="1" x14ac:dyDescent="0.2">
      <c r="A52" s="16">
        <v>39</v>
      </c>
      <c r="B52" s="29">
        <v>18</v>
      </c>
      <c r="C52" s="10">
        <v>11</v>
      </c>
      <c r="D52" s="9">
        <v>29</v>
      </c>
    </row>
    <row r="53" spans="1:4" ht="18" customHeight="1" x14ac:dyDescent="0.2">
      <c r="A53" s="8" t="s">
        <v>17</v>
      </c>
      <c r="B53" s="29">
        <v>60</v>
      </c>
      <c r="C53" s="10">
        <v>59</v>
      </c>
      <c r="D53" s="9">
        <v>119</v>
      </c>
    </row>
    <row r="54" spans="1:4" ht="18" customHeight="1" x14ac:dyDescent="0.2">
      <c r="A54" s="16">
        <v>40</v>
      </c>
      <c r="B54" s="29">
        <v>11</v>
      </c>
      <c r="C54" s="10">
        <v>9</v>
      </c>
      <c r="D54" s="9">
        <v>20</v>
      </c>
    </row>
    <row r="55" spans="1:4" ht="18" customHeight="1" x14ac:dyDescent="0.2">
      <c r="A55" s="16">
        <v>41</v>
      </c>
      <c r="B55" s="29">
        <v>12</v>
      </c>
      <c r="C55" s="10">
        <v>18</v>
      </c>
      <c r="D55" s="9">
        <v>30</v>
      </c>
    </row>
    <row r="56" spans="1:4" ht="18" customHeight="1" x14ac:dyDescent="0.2">
      <c r="A56" s="16">
        <v>42</v>
      </c>
      <c r="B56" s="29">
        <v>17</v>
      </c>
      <c r="C56" s="10">
        <v>19</v>
      </c>
      <c r="D56" s="9">
        <v>36</v>
      </c>
    </row>
    <row r="57" spans="1:4" ht="18" customHeight="1" x14ac:dyDescent="0.2">
      <c r="A57" s="16">
        <v>43</v>
      </c>
      <c r="B57" s="29">
        <v>12</v>
      </c>
      <c r="C57" s="10">
        <v>14</v>
      </c>
      <c r="D57" s="9">
        <v>26</v>
      </c>
    </row>
    <row r="58" spans="1:4" ht="18" customHeight="1" x14ac:dyDescent="0.2">
      <c r="A58" s="16">
        <v>44</v>
      </c>
      <c r="B58" s="29">
        <v>15</v>
      </c>
      <c r="C58" s="10">
        <v>13</v>
      </c>
      <c r="D58" s="9">
        <v>28</v>
      </c>
    </row>
    <row r="59" spans="1:4" ht="18" customHeight="1" x14ac:dyDescent="0.2">
      <c r="A59" s="8" t="s">
        <v>16</v>
      </c>
      <c r="B59" s="29">
        <v>67</v>
      </c>
      <c r="C59" s="10">
        <v>73</v>
      </c>
      <c r="D59" s="9">
        <v>140</v>
      </c>
    </row>
    <row r="60" spans="1:4" ht="18" customHeight="1" x14ac:dyDescent="0.2">
      <c r="A60" s="16">
        <v>45</v>
      </c>
      <c r="B60" s="29">
        <v>23</v>
      </c>
      <c r="C60" s="10">
        <v>23</v>
      </c>
      <c r="D60" s="9">
        <v>46</v>
      </c>
    </row>
    <row r="61" spans="1:4" ht="18" customHeight="1" x14ac:dyDescent="0.2">
      <c r="A61" s="16">
        <v>46</v>
      </c>
      <c r="B61" s="29">
        <v>12</v>
      </c>
      <c r="C61" s="10">
        <v>16</v>
      </c>
      <c r="D61" s="9">
        <v>28</v>
      </c>
    </row>
    <row r="62" spans="1:4" ht="18" customHeight="1" x14ac:dyDescent="0.2">
      <c r="A62" s="16">
        <v>47</v>
      </c>
      <c r="B62" s="29">
        <v>25</v>
      </c>
      <c r="C62" s="10">
        <v>14</v>
      </c>
      <c r="D62" s="9">
        <v>39</v>
      </c>
    </row>
    <row r="63" spans="1:4" ht="18" customHeight="1" x14ac:dyDescent="0.2">
      <c r="A63" s="16">
        <v>48</v>
      </c>
      <c r="B63" s="29">
        <v>27</v>
      </c>
      <c r="C63" s="10">
        <v>22</v>
      </c>
      <c r="D63" s="9">
        <v>49</v>
      </c>
    </row>
    <row r="64" spans="1:4" ht="18" customHeight="1" x14ac:dyDescent="0.2">
      <c r="A64" s="16">
        <v>49</v>
      </c>
      <c r="B64" s="29">
        <v>26</v>
      </c>
      <c r="C64" s="10">
        <v>17</v>
      </c>
      <c r="D64" s="9">
        <v>43</v>
      </c>
    </row>
    <row r="65" spans="1:4" ht="18" customHeight="1" x14ac:dyDescent="0.2">
      <c r="A65" s="8" t="s">
        <v>15</v>
      </c>
      <c r="B65" s="29">
        <v>113</v>
      </c>
      <c r="C65" s="10">
        <v>92</v>
      </c>
      <c r="D65" s="9">
        <v>205</v>
      </c>
    </row>
    <row r="66" spans="1:4" ht="18" customHeight="1" x14ac:dyDescent="0.2">
      <c r="A66" s="16">
        <v>50</v>
      </c>
      <c r="B66" s="29">
        <v>23</v>
      </c>
      <c r="C66" s="10">
        <v>22</v>
      </c>
      <c r="D66" s="9">
        <v>45</v>
      </c>
    </row>
    <row r="67" spans="1:4" ht="18" customHeight="1" x14ac:dyDescent="0.2">
      <c r="A67" s="16">
        <v>51</v>
      </c>
      <c r="B67" s="29">
        <v>29</v>
      </c>
      <c r="C67" s="10">
        <v>31</v>
      </c>
      <c r="D67" s="9">
        <v>60</v>
      </c>
    </row>
    <row r="68" spans="1:4" ht="18" customHeight="1" x14ac:dyDescent="0.2">
      <c r="A68" s="16">
        <v>52</v>
      </c>
      <c r="B68" s="29">
        <v>34</v>
      </c>
      <c r="C68" s="10">
        <v>22</v>
      </c>
      <c r="D68" s="9">
        <v>56</v>
      </c>
    </row>
    <row r="69" spans="1:4" ht="18" customHeight="1" x14ac:dyDescent="0.2">
      <c r="A69" s="16">
        <v>53</v>
      </c>
      <c r="B69" s="29">
        <v>23</v>
      </c>
      <c r="C69" s="10">
        <v>31</v>
      </c>
      <c r="D69" s="9">
        <v>54</v>
      </c>
    </row>
    <row r="70" spans="1:4" ht="18" customHeight="1" x14ac:dyDescent="0.2">
      <c r="A70" s="16">
        <v>54</v>
      </c>
      <c r="B70" s="29">
        <v>29</v>
      </c>
      <c r="C70" s="10">
        <v>19</v>
      </c>
      <c r="D70" s="9">
        <v>48</v>
      </c>
    </row>
    <row r="71" spans="1:4" ht="18" customHeight="1" x14ac:dyDescent="0.2">
      <c r="A71" s="8" t="s">
        <v>14</v>
      </c>
      <c r="B71" s="29">
        <v>138</v>
      </c>
      <c r="C71" s="10">
        <v>125</v>
      </c>
      <c r="D71" s="9">
        <v>263</v>
      </c>
    </row>
    <row r="72" spans="1:4" ht="18" customHeight="1" x14ac:dyDescent="0.2">
      <c r="A72" s="16">
        <v>55</v>
      </c>
      <c r="B72" s="29">
        <v>27</v>
      </c>
      <c r="C72" s="10">
        <v>16</v>
      </c>
      <c r="D72" s="9">
        <v>43</v>
      </c>
    </row>
    <row r="73" spans="1:4" ht="18" customHeight="1" x14ac:dyDescent="0.2">
      <c r="A73" s="16">
        <v>56</v>
      </c>
      <c r="B73" s="29">
        <v>24</v>
      </c>
      <c r="C73" s="10">
        <v>26</v>
      </c>
      <c r="D73" s="9">
        <v>50</v>
      </c>
    </row>
    <row r="74" spans="1:4" ht="18" customHeight="1" x14ac:dyDescent="0.2">
      <c r="A74" s="16">
        <v>57</v>
      </c>
      <c r="B74" s="29">
        <v>16</v>
      </c>
      <c r="C74" s="10">
        <v>19</v>
      </c>
      <c r="D74" s="9">
        <v>35</v>
      </c>
    </row>
    <row r="75" spans="1:4" ht="18" customHeight="1" x14ac:dyDescent="0.2">
      <c r="A75" s="16">
        <v>58</v>
      </c>
      <c r="B75" s="29">
        <v>17</v>
      </c>
      <c r="C75" s="10">
        <v>17</v>
      </c>
      <c r="D75" s="9">
        <v>34</v>
      </c>
    </row>
    <row r="76" spans="1:4" ht="18" customHeight="1" x14ac:dyDescent="0.2">
      <c r="A76" s="16">
        <v>59</v>
      </c>
      <c r="B76" s="29">
        <v>20</v>
      </c>
      <c r="C76" s="10">
        <v>12</v>
      </c>
      <c r="D76" s="9">
        <v>32</v>
      </c>
    </row>
    <row r="77" spans="1:4" ht="18" customHeight="1" x14ac:dyDescent="0.2">
      <c r="A77" s="8" t="s">
        <v>13</v>
      </c>
      <c r="B77" s="29">
        <v>104</v>
      </c>
      <c r="C77" s="10">
        <v>90</v>
      </c>
      <c r="D77" s="9">
        <v>194</v>
      </c>
    </row>
    <row r="78" spans="1:4" ht="18" customHeight="1" x14ac:dyDescent="0.2">
      <c r="A78" s="16">
        <v>60</v>
      </c>
      <c r="B78" s="29">
        <v>11</v>
      </c>
      <c r="C78" s="10">
        <v>14</v>
      </c>
      <c r="D78" s="9">
        <v>25</v>
      </c>
    </row>
    <row r="79" spans="1:4" ht="18" customHeight="1" x14ac:dyDescent="0.2">
      <c r="A79" s="16">
        <v>61</v>
      </c>
      <c r="B79" s="29">
        <v>18</v>
      </c>
      <c r="C79" s="10">
        <v>17</v>
      </c>
      <c r="D79" s="9">
        <v>35</v>
      </c>
    </row>
    <row r="80" spans="1:4" ht="18" customHeight="1" x14ac:dyDescent="0.2">
      <c r="A80" s="16">
        <v>62</v>
      </c>
      <c r="B80" s="29">
        <v>9</v>
      </c>
      <c r="C80" s="10">
        <v>23</v>
      </c>
      <c r="D80" s="9">
        <v>32</v>
      </c>
    </row>
    <row r="81" spans="1:4" ht="18" customHeight="1" x14ac:dyDescent="0.2">
      <c r="A81" s="16">
        <v>63</v>
      </c>
      <c r="B81" s="29">
        <v>9</v>
      </c>
      <c r="C81" s="10">
        <v>17</v>
      </c>
      <c r="D81" s="9">
        <v>26</v>
      </c>
    </row>
    <row r="82" spans="1:4" ht="18" customHeight="1" x14ac:dyDescent="0.2">
      <c r="A82" s="16">
        <v>64</v>
      </c>
      <c r="B82" s="29">
        <v>26</v>
      </c>
      <c r="C82" s="10">
        <v>34</v>
      </c>
      <c r="D82" s="9">
        <v>60</v>
      </c>
    </row>
    <row r="83" spans="1:4" ht="18" customHeight="1" x14ac:dyDescent="0.2">
      <c r="A83" s="8" t="s">
        <v>12</v>
      </c>
      <c r="B83" s="29">
        <v>73</v>
      </c>
      <c r="C83" s="10">
        <v>105</v>
      </c>
      <c r="D83" s="9">
        <v>178</v>
      </c>
    </row>
    <row r="84" spans="1:4" ht="18" customHeight="1" x14ac:dyDescent="0.2">
      <c r="A84" s="8" t="s">
        <v>11</v>
      </c>
      <c r="B84" s="29">
        <v>795</v>
      </c>
      <c r="C84" s="10">
        <v>771</v>
      </c>
      <c r="D84" s="9">
        <v>1566</v>
      </c>
    </row>
    <row r="85" spans="1:4" ht="18" customHeight="1" x14ac:dyDescent="0.2">
      <c r="A85" s="16">
        <v>65</v>
      </c>
      <c r="B85" s="29">
        <v>22</v>
      </c>
      <c r="C85" s="10">
        <v>12</v>
      </c>
      <c r="D85" s="9">
        <v>34</v>
      </c>
    </row>
    <row r="86" spans="1:4" ht="18" customHeight="1" x14ac:dyDescent="0.2">
      <c r="A86" s="16">
        <v>66</v>
      </c>
      <c r="B86" s="29">
        <v>13</v>
      </c>
      <c r="C86" s="10">
        <v>25</v>
      </c>
      <c r="D86" s="9">
        <v>38</v>
      </c>
    </row>
    <row r="87" spans="1:4" ht="18" customHeight="1" x14ac:dyDescent="0.2">
      <c r="A87" s="16">
        <v>67</v>
      </c>
      <c r="B87" s="29">
        <v>29</v>
      </c>
      <c r="C87" s="10">
        <v>23</v>
      </c>
      <c r="D87" s="9">
        <v>52</v>
      </c>
    </row>
    <row r="88" spans="1:4" ht="18" customHeight="1" x14ac:dyDescent="0.2">
      <c r="A88" s="16">
        <v>68</v>
      </c>
      <c r="B88" s="29">
        <v>30</v>
      </c>
      <c r="C88" s="10">
        <v>33</v>
      </c>
      <c r="D88" s="9">
        <v>63</v>
      </c>
    </row>
    <row r="89" spans="1:4" ht="18" customHeight="1" x14ac:dyDescent="0.2">
      <c r="A89" s="16">
        <v>69</v>
      </c>
      <c r="B89" s="29">
        <v>24</v>
      </c>
      <c r="C89" s="10">
        <v>31</v>
      </c>
      <c r="D89" s="9">
        <v>55</v>
      </c>
    </row>
    <row r="90" spans="1:4" ht="18" customHeight="1" x14ac:dyDescent="0.2">
      <c r="A90" s="8" t="s">
        <v>10</v>
      </c>
      <c r="B90" s="29">
        <v>118</v>
      </c>
      <c r="C90" s="10">
        <v>124</v>
      </c>
      <c r="D90" s="9">
        <v>242</v>
      </c>
    </row>
    <row r="91" spans="1:4" ht="18" customHeight="1" x14ac:dyDescent="0.2">
      <c r="A91" s="16">
        <v>70</v>
      </c>
      <c r="B91" s="29">
        <v>27</v>
      </c>
      <c r="C91" s="10">
        <v>27</v>
      </c>
      <c r="D91" s="9">
        <v>54</v>
      </c>
    </row>
    <row r="92" spans="1:4" ht="18" customHeight="1" x14ac:dyDescent="0.2">
      <c r="A92" s="16">
        <v>71</v>
      </c>
      <c r="B92" s="29">
        <v>22</v>
      </c>
      <c r="C92" s="10">
        <v>30</v>
      </c>
      <c r="D92" s="9">
        <v>52</v>
      </c>
    </row>
    <row r="93" spans="1:4" ht="18" customHeight="1" x14ac:dyDescent="0.2">
      <c r="A93" s="16">
        <v>72</v>
      </c>
      <c r="B93" s="29">
        <v>29</v>
      </c>
      <c r="C93" s="10">
        <v>35</v>
      </c>
      <c r="D93" s="9">
        <v>64</v>
      </c>
    </row>
    <row r="94" spans="1:4" ht="18" customHeight="1" x14ac:dyDescent="0.2">
      <c r="A94" s="16">
        <v>73</v>
      </c>
      <c r="B94" s="29">
        <v>44</v>
      </c>
      <c r="C94" s="10">
        <v>45</v>
      </c>
      <c r="D94" s="9">
        <v>89</v>
      </c>
    </row>
    <row r="95" spans="1:4" ht="18" customHeight="1" x14ac:dyDescent="0.2">
      <c r="A95" s="16">
        <v>74</v>
      </c>
      <c r="B95" s="29">
        <v>32</v>
      </c>
      <c r="C95" s="10">
        <v>50</v>
      </c>
      <c r="D95" s="9">
        <v>82</v>
      </c>
    </row>
    <row r="96" spans="1:4" ht="18" customHeight="1" x14ac:dyDescent="0.2">
      <c r="A96" s="8" t="s">
        <v>9</v>
      </c>
      <c r="B96" s="29">
        <v>154</v>
      </c>
      <c r="C96" s="10">
        <v>187</v>
      </c>
      <c r="D96" s="9">
        <v>341</v>
      </c>
    </row>
    <row r="97" spans="1:4" ht="18" customHeight="1" x14ac:dyDescent="0.2">
      <c r="A97" s="16">
        <v>75</v>
      </c>
      <c r="B97" s="29">
        <v>46</v>
      </c>
      <c r="C97" s="10">
        <v>55</v>
      </c>
      <c r="D97" s="9">
        <v>101</v>
      </c>
    </row>
    <row r="98" spans="1:4" ht="18" customHeight="1" x14ac:dyDescent="0.2">
      <c r="A98" s="16">
        <v>76</v>
      </c>
      <c r="B98" s="29">
        <v>42</v>
      </c>
      <c r="C98" s="10">
        <v>42</v>
      </c>
      <c r="D98" s="9">
        <v>84</v>
      </c>
    </row>
    <row r="99" spans="1:4" ht="18" customHeight="1" x14ac:dyDescent="0.2">
      <c r="A99" s="16">
        <v>77</v>
      </c>
      <c r="B99" s="29">
        <v>12</v>
      </c>
      <c r="C99" s="10">
        <v>18</v>
      </c>
      <c r="D99" s="9">
        <v>30</v>
      </c>
    </row>
    <row r="100" spans="1:4" ht="18" customHeight="1" x14ac:dyDescent="0.2">
      <c r="A100" s="16">
        <v>78</v>
      </c>
      <c r="B100" s="29">
        <v>30</v>
      </c>
      <c r="C100" s="10">
        <v>33</v>
      </c>
      <c r="D100" s="9">
        <v>63</v>
      </c>
    </row>
    <row r="101" spans="1:4" ht="18" customHeight="1" x14ac:dyDescent="0.2">
      <c r="A101" s="16">
        <v>79</v>
      </c>
      <c r="B101" s="29">
        <v>37</v>
      </c>
      <c r="C101" s="10">
        <v>37</v>
      </c>
      <c r="D101" s="9">
        <v>74</v>
      </c>
    </row>
    <row r="102" spans="1:4" ht="18" customHeight="1" x14ac:dyDescent="0.2">
      <c r="A102" s="8" t="s">
        <v>8</v>
      </c>
      <c r="B102" s="29">
        <v>167</v>
      </c>
      <c r="C102" s="10">
        <v>185</v>
      </c>
      <c r="D102" s="9">
        <v>352</v>
      </c>
    </row>
    <row r="103" spans="1:4" ht="18" customHeight="1" x14ac:dyDescent="0.2">
      <c r="A103" s="16">
        <v>80</v>
      </c>
      <c r="B103" s="29">
        <v>24</v>
      </c>
      <c r="C103" s="10">
        <v>30</v>
      </c>
      <c r="D103" s="9">
        <v>54</v>
      </c>
    </row>
    <row r="104" spans="1:4" ht="18" customHeight="1" x14ac:dyDescent="0.2">
      <c r="A104" s="16">
        <v>81</v>
      </c>
      <c r="B104" s="29">
        <v>19</v>
      </c>
      <c r="C104" s="10">
        <v>42</v>
      </c>
      <c r="D104" s="9">
        <v>61</v>
      </c>
    </row>
    <row r="105" spans="1:4" ht="18" customHeight="1" x14ac:dyDescent="0.2">
      <c r="A105" s="16">
        <v>82</v>
      </c>
      <c r="B105" s="29">
        <v>32</v>
      </c>
      <c r="C105" s="10">
        <v>38</v>
      </c>
      <c r="D105" s="9">
        <v>70</v>
      </c>
    </row>
    <row r="106" spans="1:4" ht="18" customHeight="1" x14ac:dyDescent="0.2">
      <c r="A106" s="16">
        <v>83</v>
      </c>
      <c r="B106" s="29">
        <v>21</v>
      </c>
      <c r="C106" s="10">
        <v>35</v>
      </c>
      <c r="D106" s="9">
        <v>56</v>
      </c>
    </row>
    <row r="107" spans="1:4" ht="18" customHeight="1" x14ac:dyDescent="0.2">
      <c r="A107" s="16">
        <v>84</v>
      </c>
      <c r="B107" s="29">
        <v>9</v>
      </c>
      <c r="C107" s="10">
        <v>25</v>
      </c>
      <c r="D107" s="9">
        <v>34</v>
      </c>
    </row>
    <row r="108" spans="1:4" ht="18" customHeight="1" x14ac:dyDescent="0.2">
      <c r="A108" s="8" t="s">
        <v>7</v>
      </c>
      <c r="B108" s="29">
        <v>105</v>
      </c>
      <c r="C108" s="10">
        <v>170</v>
      </c>
      <c r="D108" s="9">
        <v>275</v>
      </c>
    </row>
    <row r="109" spans="1:4" ht="18" customHeight="1" x14ac:dyDescent="0.2">
      <c r="A109" s="16">
        <v>85</v>
      </c>
      <c r="B109" s="29">
        <v>10</v>
      </c>
      <c r="C109" s="10">
        <v>26</v>
      </c>
      <c r="D109" s="9">
        <v>36</v>
      </c>
    </row>
    <row r="110" spans="1:4" ht="18" customHeight="1" x14ac:dyDescent="0.2">
      <c r="A110" s="16">
        <v>86</v>
      </c>
      <c r="B110" s="29">
        <v>18</v>
      </c>
      <c r="C110" s="10">
        <v>17</v>
      </c>
      <c r="D110" s="9">
        <v>35</v>
      </c>
    </row>
    <row r="111" spans="1:4" ht="18" customHeight="1" x14ac:dyDescent="0.2">
      <c r="A111" s="16">
        <v>87</v>
      </c>
      <c r="B111" s="29">
        <v>12</v>
      </c>
      <c r="C111" s="10">
        <v>18</v>
      </c>
      <c r="D111" s="9">
        <v>30</v>
      </c>
    </row>
    <row r="112" spans="1:4" ht="18" customHeight="1" x14ac:dyDescent="0.2">
      <c r="A112" s="16">
        <v>88</v>
      </c>
      <c r="B112" s="29">
        <v>9</v>
      </c>
      <c r="C112" s="10">
        <v>18</v>
      </c>
      <c r="D112" s="9">
        <v>27</v>
      </c>
    </row>
    <row r="113" spans="1:4" ht="18" customHeight="1" x14ac:dyDescent="0.2">
      <c r="A113" s="16">
        <v>89</v>
      </c>
      <c r="B113" s="29">
        <v>5</v>
      </c>
      <c r="C113" s="10">
        <v>16</v>
      </c>
      <c r="D113" s="9">
        <v>21</v>
      </c>
    </row>
    <row r="114" spans="1:4" ht="18" customHeight="1" x14ac:dyDescent="0.2">
      <c r="A114" s="8" t="s">
        <v>6</v>
      </c>
      <c r="B114" s="29">
        <v>54</v>
      </c>
      <c r="C114" s="10">
        <v>95</v>
      </c>
      <c r="D114" s="9">
        <v>149</v>
      </c>
    </row>
    <row r="115" spans="1:4" ht="18" customHeight="1" x14ac:dyDescent="0.2">
      <c r="A115" s="16">
        <v>90</v>
      </c>
      <c r="B115" s="29">
        <v>4</v>
      </c>
      <c r="C115" s="10">
        <v>21</v>
      </c>
      <c r="D115" s="9">
        <v>25</v>
      </c>
    </row>
    <row r="116" spans="1:4" ht="18" customHeight="1" x14ac:dyDescent="0.2">
      <c r="A116" s="16">
        <v>91</v>
      </c>
      <c r="B116" s="29">
        <v>3</v>
      </c>
      <c r="C116" s="10">
        <v>13</v>
      </c>
      <c r="D116" s="9">
        <v>16</v>
      </c>
    </row>
    <row r="117" spans="1:4" ht="18" customHeight="1" x14ac:dyDescent="0.2">
      <c r="A117" s="16">
        <v>92</v>
      </c>
      <c r="B117" s="29">
        <v>1</v>
      </c>
      <c r="C117" s="10">
        <v>8</v>
      </c>
      <c r="D117" s="9">
        <v>9</v>
      </c>
    </row>
    <row r="118" spans="1:4" ht="18" customHeight="1" x14ac:dyDescent="0.2">
      <c r="A118" s="16">
        <v>93</v>
      </c>
      <c r="B118" s="29">
        <v>3</v>
      </c>
      <c r="C118" s="10">
        <v>8</v>
      </c>
      <c r="D118" s="9">
        <v>11</v>
      </c>
    </row>
    <row r="119" spans="1:4" ht="18" customHeight="1" x14ac:dyDescent="0.2">
      <c r="A119" s="16">
        <v>94</v>
      </c>
      <c r="B119" s="29">
        <v>4</v>
      </c>
      <c r="C119" s="10">
        <v>9</v>
      </c>
      <c r="D119" s="9">
        <v>13</v>
      </c>
    </row>
    <row r="120" spans="1:4" ht="18" customHeight="1" x14ac:dyDescent="0.2">
      <c r="A120" s="8" t="s">
        <v>5</v>
      </c>
      <c r="B120" s="29">
        <v>15</v>
      </c>
      <c r="C120" s="10">
        <v>59</v>
      </c>
      <c r="D120" s="9">
        <v>74</v>
      </c>
    </row>
    <row r="121" spans="1:4" ht="18" customHeight="1" x14ac:dyDescent="0.2">
      <c r="A121" s="16">
        <v>95</v>
      </c>
      <c r="B121" s="29">
        <v>1</v>
      </c>
      <c r="C121" s="10">
        <v>5</v>
      </c>
      <c r="D121" s="9">
        <v>6</v>
      </c>
    </row>
    <row r="122" spans="1:4" ht="18" customHeight="1" x14ac:dyDescent="0.2">
      <c r="A122" s="16">
        <v>96</v>
      </c>
      <c r="B122" s="29">
        <v>0</v>
      </c>
      <c r="C122" s="10">
        <v>3</v>
      </c>
      <c r="D122" s="9">
        <v>3</v>
      </c>
    </row>
    <row r="123" spans="1:4" ht="18" customHeight="1" x14ac:dyDescent="0.2">
      <c r="A123" s="16">
        <v>97</v>
      </c>
      <c r="B123" s="29">
        <v>2</v>
      </c>
      <c r="C123" s="10">
        <v>3</v>
      </c>
      <c r="D123" s="9">
        <v>5</v>
      </c>
    </row>
    <row r="124" spans="1:4" ht="18" customHeight="1" x14ac:dyDescent="0.2">
      <c r="A124" s="16">
        <v>98</v>
      </c>
      <c r="B124" s="29">
        <v>1</v>
      </c>
      <c r="C124" s="10">
        <v>3</v>
      </c>
      <c r="D124" s="9">
        <v>4</v>
      </c>
    </row>
    <row r="125" spans="1:4" ht="18" customHeight="1" x14ac:dyDescent="0.2">
      <c r="A125" s="16">
        <v>99</v>
      </c>
      <c r="B125" s="29">
        <v>0</v>
      </c>
      <c r="C125" s="10">
        <v>2</v>
      </c>
      <c r="D125" s="9">
        <v>2</v>
      </c>
    </row>
    <row r="126" spans="1:4" ht="18" customHeight="1" x14ac:dyDescent="0.2">
      <c r="A126" s="8" t="s">
        <v>4</v>
      </c>
      <c r="B126" s="29">
        <v>4</v>
      </c>
      <c r="C126" s="10">
        <v>16</v>
      </c>
      <c r="D126" s="9">
        <v>20</v>
      </c>
    </row>
    <row r="127" spans="1:4" ht="18" customHeight="1" x14ac:dyDescent="0.2">
      <c r="A127" s="16">
        <v>100</v>
      </c>
      <c r="B127" s="29">
        <v>0</v>
      </c>
      <c r="C127" s="10">
        <v>4</v>
      </c>
      <c r="D127" s="9">
        <v>4</v>
      </c>
    </row>
    <row r="128" spans="1:4" ht="18" customHeight="1" x14ac:dyDescent="0.2">
      <c r="A128" s="15" t="s">
        <v>3</v>
      </c>
      <c r="B128" s="29">
        <v>0</v>
      </c>
      <c r="C128" s="10">
        <v>5</v>
      </c>
      <c r="D128" s="9">
        <v>5</v>
      </c>
    </row>
    <row r="129" spans="1:4" ht="18" customHeight="1" x14ac:dyDescent="0.2">
      <c r="A129" s="8" t="s">
        <v>2</v>
      </c>
      <c r="B129" s="29">
        <v>0</v>
      </c>
      <c r="C129" s="10">
        <v>9</v>
      </c>
      <c r="D129" s="9">
        <v>9</v>
      </c>
    </row>
    <row r="130" spans="1:4" ht="18" customHeight="1" x14ac:dyDescent="0.2">
      <c r="A130" s="8" t="s">
        <v>1</v>
      </c>
      <c r="B130" s="28">
        <v>617</v>
      </c>
      <c r="C130" s="6">
        <v>845</v>
      </c>
      <c r="D130" s="5">
        <v>1462</v>
      </c>
    </row>
    <row r="131" spans="1:4" ht="18" customHeight="1" x14ac:dyDescent="0.2">
      <c r="A131" s="4" t="s">
        <v>0</v>
      </c>
      <c r="B131" s="27">
        <v>1552</v>
      </c>
      <c r="C131" s="2">
        <v>1756</v>
      </c>
      <c r="D131" s="1">
        <v>3308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400A470-E64C-453B-93D7-0325F63D72D3}">
  <sheetPr codeName="Sheet5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75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5</v>
      </c>
      <c r="C5" s="18">
        <v>9</v>
      </c>
      <c r="D5" s="17">
        <v>14</v>
      </c>
    </row>
    <row r="6" spans="1:4" ht="18" customHeight="1" x14ac:dyDescent="0.2">
      <c r="A6" s="16">
        <v>1</v>
      </c>
      <c r="B6" s="29">
        <v>15</v>
      </c>
      <c r="C6" s="10">
        <v>6</v>
      </c>
      <c r="D6" s="9">
        <v>21</v>
      </c>
    </row>
    <row r="7" spans="1:4" ht="18" customHeight="1" x14ac:dyDescent="0.2">
      <c r="A7" s="16">
        <v>2</v>
      </c>
      <c r="B7" s="29">
        <v>9</v>
      </c>
      <c r="C7" s="10">
        <v>5</v>
      </c>
      <c r="D7" s="9">
        <v>14</v>
      </c>
    </row>
    <row r="8" spans="1:4" ht="18" customHeight="1" x14ac:dyDescent="0.2">
      <c r="A8" s="16">
        <v>3</v>
      </c>
      <c r="B8" s="29">
        <v>12</v>
      </c>
      <c r="C8" s="10">
        <v>10</v>
      </c>
      <c r="D8" s="9">
        <v>22</v>
      </c>
    </row>
    <row r="9" spans="1:4" ht="18" customHeight="1" x14ac:dyDescent="0.2">
      <c r="A9" s="16">
        <v>4</v>
      </c>
      <c r="B9" s="29">
        <v>10</v>
      </c>
      <c r="C9" s="10">
        <v>13</v>
      </c>
      <c r="D9" s="9">
        <v>23</v>
      </c>
    </row>
    <row r="10" spans="1:4" ht="18" customHeight="1" x14ac:dyDescent="0.2">
      <c r="A10" s="8" t="s">
        <v>25</v>
      </c>
      <c r="B10" s="29">
        <v>51</v>
      </c>
      <c r="C10" s="10">
        <v>43</v>
      </c>
      <c r="D10" s="9">
        <v>94</v>
      </c>
    </row>
    <row r="11" spans="1:4" ht="18" customHeight="1" x14ac:dyDescent="0.2">
      <c r="A11" s="16">
        <v>5</v>
      </c>
      <c r="B11" s="29">
        <v>7</v>
      </c>
      <c r="C11" s="10">
        <v>9</v>
      </c>
      <c r="D11" s="9">
        <v>16</v>
      </c>
    </row>
    <row r="12" spans="1:4" ht="18" customHeight="1" x14ac:dyDescent="0.2">
      <c r="A12" s="16">
        <v>6</v>
      </c>
      <c r="B12" s="29">
        <v>15</v>
      </c>
      <c r="C12" s="10">
        <v>7</v>
      </c>
      <c r="D12" s="9">
        <v>22</v>
      </c>
    </row>
    <row r="13" spans="1:4" ht="18" customHeight="1" x14ac:dyDescent="0.2">
      <c r="A13" s="16">
        <v>7</v>
      </c>
      <c r="B13" s="29">
        <v>15</v>
      </c>
      <c r="C13" s="10">
        <v>11</v>
      </c>
      <c r="D13" s="9">
        <v>26</v>
      </c>
    </row>
    <row r="14" spans="1:4" ht="18" customHeight="1" x14ac:dyDescent="0.2">
      <c r="A14" s="16">
        <v>8</v>
      </c>
      <c r="B14" s="29">
        <v>10</v>
      </c>
      <c r="C14" s="10">
        <v>8</v>
      </c>
      <c r="D14" s="9">
        <v>18</v>
      </c>
    </row>
    <row r="15" spans="1:4" ht="18" customHeight="1" x14ac:dyDescent="0.2">
      <c r="A15" s="16">
        <v>9</v>
      </c>
      <c r="B15" s="29">
        <v>10</v>
      </c>
      <c r="C15" s="10">
        <v>9</v>
      </c>
      <c r="D15" s="9">
        <v>19</v>
      </c>
    </row>
    <row r="16" spans="1:4" ht="18" customHeight="1" x14ac:dyDescent="0.2">
      <c r="A16" s="8" t="s">
        <v>24</v>
      </c>
      <c r="B16" s="29">
        <v>57</v>
      </c>
      <c r="C16" s="10">
        <v>44</v>
      </c>
      <c r="D16" s="9">
        <v>101</v>
      </c>
    </row>
    <row r="17" spans="1:4" ht="18" customHeight="1" x14ac:dyDescent="0.2">
      <c r="A17" s="16">
        <v>10</v>
      </c>
      <c r="B17" s="29">
        <v>17</v>
      </c>
      <c r="C17" s="10">
        <v>8</v>
      </c>
      <c r="D17" s="9">
        <v>25</v>
      </c>
    </row>
    <row r="18" spans="1:4" ht="18" customHeight="1" x14ac:dyDescent="0.2">
      <c r="A18" s="16">
        <v>11</v>
      </c>
      <c r="B18" s="29">
        <v>15</v>
      </c>
      <c r="C18" s="10">
        <v>10</v>
      </c>
      <c r="D18" s="9">
        <v>25</v>
      </c>
    </row>
    <row r="19" spans="1:4" ht="18" customHeight="1" x14ac:dyDescent="0.2">
      <c r="A19" s="16">
        <v>12</v>
      </c>
      <c r="B19" s="29">
        <v>11</v>
      </c>
      <c r="C19" s="10">
        <v>15</v>
      </c>
      <c r="D19" s="9">
        <v>26</v>
      </c>
    </row>
    <row r="20" spans="1:4" ht="18" customHeight="1" x14ac:dyDescent="0.2">
      <c r="A20" s="16">
        <v>13</v>
      </c>
      <c r="B20" s="29">
        <v>11</v>
      </c>
      <c r="C20" s="10">
        <v>16</v>
      </c>
      <c r="D20" s="9">
        <v>27</v>
      </c>
    </row>
    <row r="21" spans="1:4" ht="18" customHeight="1" x14ac:dyDescent="0.2">
      <c r="A21" s="16">
        <v>14</v>
      </c>
      <c r="B21" s="29">
        <v>19</v>
      </c>
      <c r="C21" s="10">
        <v>7</v>
      </c>
      <c r="D21" s="9">
        <v>26</v>
      </c>
    </row>
    <row r="22" spans="1:4" ht="18" customHeight="1" x14ac:dyDescent="0.2">
      <c r="A22" s="8" t="s">
        <v>23</v>
      </c>
      <c r="B22" s="29">
        <v>73</v>
      </c>
      <c r="C22" s="10">
        <v>56</v>
      </c>
      <c r="D22" s="9">
        <v>129</v>
      </c>
    </row>
    <row r="23" spans="1:4" ht="18" customHeight="1" x14ac:dyDescent="0.2">
      <c r="A23" s="8" t="s">
        <v>22</v>
      </c>
      <c r="B23" s="29">
        <v>181</v>
      </c>
      <c r="C23" s="10">
        <v>143</v>
      </c>
      <c r="D23" s="9">
        <v>324</v>
      </c>
    </row>
    <row r="24" spans="1:4" ht="18" customHeight="1" x14ac:dyDescent="0.2">
      <c r="A24" s="16">
        <v>15</v>
      </c>
      <c r="B24" s="29">
        <v>14</v>
      </c>
      <c r="C24" s="10">
        <v>9</v>
      </c>
      <c r="D24" s="9">
        <v>23</v>
      </c>
    </row>
    <row r="25" spans="1:4" ht="18" customHeight="1" x14ac:dyDescent="0.2">
      <c r="A25" s="16">
        <v>16</v>
      </c>
      <c r="B25" s="29">
        <v>17</v>
      </c>
      <c r="C25" s="10">
        <v>22</v>
      </c>
      <c r="D25" s="9">
        <v>39</v>
      </c>
    </row>
    <row r="26" spans="1:4" ht="18" customHeight="1" x14ac:dyDescent="0.2">
      <c r="A26" s="16">
        <v>17</v>
      </c>
      <c r="B26" s="29">
        <v>11</v>
      </c>
      <c r="C26" s="10">
        <v>17</v>
      </c>
      <c r="D26" s="9">
        <v>28</v>
      </c>
    </row>
    <row r="27" spans="1:4" ht="18" customHeight="1" x14ac:dyDescent="0.2">
      <c r="A27" s="16">
        <v>18</v>
      </c>
      <c r="B27" s="29">
        <v>13</v>
      </c>
      <c r="C27" s="10">
        <v>12</v>
      </c>
      <c r="D27" s="9">
        <v>25</v>
      </c>
    </row>
    <row r="28" spans="1:4" ht="18" customHeight="1" x14ac:dyDescent="0.2">
      <c r="A28" s="16">
        <v>19</v>
      </c>
      <c r="B28" s="29">
        <v>18</v>
      </c>
      <c r="C28" s="10">
        <v>12</v>
      </c>
      <c r="D28" s="9">
        <v>30</v>
      </c>
    </row>
    <row r="29" spans="1:4" ht="18" customHeight="1" x14ac:dyDescent="0.2">
      <c r="A29" s="8" t="s">
        <v>21</v>
      </c>
      <c r="B29" s="29">
        <v>73</v>
      </c>
      <c r="C29" s="10">
        <v>72</v>
      </c>
      <c r="D29" s="9">
        <v>145</v>
      </c>
    </row>
    <row r="30" spans="1:4" ht="18" customHeight="1" x14ac:dyDescent="0.2">
      <c r="A30" s="16">
        <v>20</v>
      </c>
      <c r="B30" s="29">
        <v>13</v>
      </c>
      <c r="C30" s="10">
        <v>16</v>
      </c>
      <c r="D30" s="9">
        <v>29</v>
      </c>
    </row>
    <row r="31" spans="1:4" ht="18" customHeight="1" x14ac:dyDescent="0.2">
      <c r="A31" s="16">
        <v>21</v>
      </c>
      <c r="B31" s="29">
        <v>18</v>
      </c>
      <c r="C31" s="10">
        <v>20</v>
      </c>
      <c r="D31" s="9">
        <v>38</v>
      </c>
    </row>
    <row r="32" spans="1:4" ht="18" customHeight="1" x14ac:dyDescent="0.2">
      <c r="A32" s="16">
        <v>22</v>
      </c>
      <c r="B32" s="29">
        <v>19</v>
      </c>
      <c r="C32" s="10">
        <v>17</v>
      </c>
      <c r="D32" s="9">
        <v>36</v>
      </c>
    </row>
    <row r="33" spans="1:4" ht="18" customHeight="1" x14ac:dyDescent="0.2">
      <c r="A33" s="16">
        <v>23</v>
      </c>
      <c r="B33" s="29">
        <v>15</v>
      </c>
      <c r="C33" s="10">
        <v>15</v>
      </c>
      <c r="D33" s="9">
        <v>30</v>
      </c>
    </row>
    <row r="34" spans="1:4" ht="18" customHeight="1" x14ac:dyDescent="0.2">
      <c r="A34" s="16">
        <v>24</v>
      </c>
      <c r="B34" s="29">
        <v>21</v>
      </c>
      <c r="C34" s="10">
        <v>16</v>
      </c>
      <c r="D34" s="9">
        <v>37</v>
      </c>
    </row>
    <row r="35" spans="1:4" ht="18" customHeight="1" x14ac:dyDescent="0.2">
      <c r="A35" s="8" t="s">
        <v>20</v>
      </c>
      <c r="B35" s="29">
        <v>86</v>
      </c>
      <c r="C35" s="10">
        <v>84</v>
      </c>
      <c r="D35" s="9">
        <v>170</v>
      </c>
    </row>
    <row r="36" spans="1:4" ht="18" customHeight="1" x14ac:dyDescent="0.2">
      <c r="A36" s="16">
        <v>25</v>
      </c>
      <c r="B36" s="29">
        <v>18</v>
      </c>
      <c r="C36" s="10">
        <v>10</v>
      </c>
      <c r="D36" s="9">
        <v>28</v>
      </c>
    </row>
    <row r="37" spans="1:4" ht="18" customHeight="1" x14ac:dyDescent="0.2">
      <c r="A37" s="16">
        <v>26</v>
      </c>
      <c r="B37" s="29">
        <v>13</v>
      </c>
      <c r="C37" s="10">
        <v>19</v>
      </c>
      <c r="D37" s="9">
        <v>32</v>
      </c>
    </row>
    <row r="38" spans="1:4" ht="18" customHeight="1" x14ac:dyDescent="0.2">
      <c r="A38" s="16">
        <v>27</v>
      </c>
      <c r="B38" s="29">
        <v>23</v>
      </c>
      <c r="C38" s="10">
        <v>20</v>
      </c>
      <c r="D38" s="9">
        <v>43</v>
      </c>
    </row>
    <row r="39" spans="1:4" ht="18" customHeight="1" x14ac:dyDescent="0.2">
      <c r="A39" s="16">
        <v>28</v>
      </c>
      <c r="B39" s="29">
        <v>13</v>
      </c>
      <c r="C39" s="10">
        <v>11</v>
      </c>
      <c r="D39" s="9">
        <v>24</v>
      </c>
    </row>
    <row r="40" spans="1:4" ht="18" customHeight="1" x14ac:dyDescent="0.2">
      <c r="A40" s="16">
        <v>29</v>
      </c>
      <c r="B40" s="29">
        <v>21</v>
      </c>
      <c r="C40" s="10">
        <v>16</v>
      </c>
      <c r="D40" s="9">
        <v>37</v>
      </c>
    </row>
    <row r="41" spans="1:4" ht="18" customHeight="1" x14ac:dyDescent="0.2">
      <c r="A41" s="8" t="s">
        <v>19</v>
      </c>
      <c r="B41" s="29">
        <v>88</v>
      </c>
      <c r="C41" s="10">
        <v>76</v>
      </c>
      <c r="D41" s="9">
        <v>164</v>
      </c>
    </row>
    <row r="42" spans="1:4" ht="18" customHeight="1" x14ac:dyDescent="0.2">
      <c r="A42" s="16">
        <v>30</v>
      </c>
      <c r="B42" s="29">
        <v>13</v>
      </c>
      <c r="C42" s="10">
        <v>5</v>
      </c>
      <c r="D42" s="9">
        <v>18</v>
      </c>
    </row>
    <row r="43" spans="1:4" ht="18" customHeight="1" x14ac:dyDescent="0.2">
      <c r="A43" s="16">
        <v>31</v>
      </c>
      <c r="B43" s="29">
        <v>13</v>
      </c>
      <c r="C43" s="10">
        <v>15</v>
      </c>
      <c r="D43" s="9">
        <v>28</v>
      </c>
    </row>
    <row r="44" spans="1:4" ht="18" customHeight="1" x14ac:dyDescent="0.2">
      <c r="A44" s="16">
        <v>32</v>
      </c>
      <c r="B44" s="29">
        <v>18</v>
      </c>
      <c r="C44" s="10">
        <v>11</v>
      </c>
      <c r="D44" s="9">
        <v>29</v>
      </c>
    </row>
    <row r="45" spans="1:4" ht="18" customHeight="1" x14ac:dyDescent="0.2">
      <c r="A45" s="16">
        <v>33</v>
      </c>
      <c r="B45" s="29">
        <v>14</v>
      </c>
      <c r="C45" s="10">
        <v>11</v>
      </c>
      <c r="D45" s="9">
        <v>25</v>
      </c>
    </row>
    <row r="46" spans="1:4" ht="18" customHeight="1" x14ac:dyDescent="0.2">
      <c r="A46" s="16">
        <v>34</v>
      </c>
      <c r="B46" s="29">
        <v>13</v>
      </c>
      <c r="C46" s="10">
        <v>17</v>
      </c>
      <c r="D46" s="9">
        <v>30</v>
      </c>
    </row>
    <row r="47" spans="1:4" ht="18" customHeight="1" x14ac:dyDescent="0.2">
      <c r="A47" s="8" t="s">
        <v>18</v>
      </c>
      <c r="B47" s="29">
        <v>71</v>
      </c>
      <c r="C47" s="10">
        <v>59</v>
      </c>
      <c r="D47" s="9">
        <v>130</v>
      </c>
    </row>
    <row r="48" spans="1:4" ht="18" customHeight="1" x14ac:dyDescent="0.2">
      <c r="A48" s="16">
        <v>35</v>
      </c>
      <c r="B48" s="29">
        <v>17</v>
      </c>
      <c r="C48" s="10">
        <v>9</v>
      </c>
      <c r="D48" s="9">
        <v>26</v>
      </c>
    </row>
    <row r="49" spans="1:4" ht="18" customHeight="1" x14ac:dyDescent="0.2">
      <c r="A49" s="16">
        <v>36</v>
      </c>
      <c r="B49" s="29">
        <v>18</v>
      </c>
      <c r="C49" s="10">
        <v>16</v>
      </c>
      <c r="D49" s="9">
        <v>34</v>
      </c>
    </row>
    <row r="50" spans="1:4" ht="18" customHeight="1" x14ac:dyDescent="0.2">
      <c r="A50" s="16">
        <v>37</v>
      </c>
      <c r="B50" s="29">
        <v>19</v>
      </c>
      <c r="C50" s="10">
        <v>14</v>
      </c>
      <c r="D50" s="9">
        <v>33</v>
      </c>
    </row>
    <row r="51" spans="1:4" ht="18" customHeight="1" x14ac:dyDescent="0.2">
      <c r="A51" s="16">
        <v>38</v>
      </c>
      <c r="B51" s="29">
        <v>17</v>
      </c>
      <c r="C51" s="10">
        <v>24</v>
      </c>
      <c r="D51" s="9">
        <v>41</v>
      </c>
    </row>
    <row r="52" spans="1:4" ht="18" customHeight="1" x14ac:dyDescent="0.2">
      <c r="A52" s="16">
        <v>39</v>
      </c>
      <c r="B52" s="29">
        <v>11</v>
      </c>
      <c r="C52" s="10">
        <v>12</v>
      </c>
      <c r="D52" s="9">
        <v>23</v>
      </c>
    </row>
    <row r="53" spans="1:4" ht="18" customHeight="1" x14ac:dyDescent="0.2">
      <c r="A53" s="8" t="s">
        <v>17</v>
      </c>
      <c r="B53" s="29">
        <v>82</v>
      </c>
      <c r="C53" s="10">
        <v>75</v>
      </c>
      <c r="D53" s="9">
        <v>157</v>
      </c>
    </row>
    <row r="54" spans="1:4" ht="18" customHeight="1" x14ac:dyDescent="0.2">
      <c r="A54" s="16">
        <v>40</v>
      </c>
      <c r="B54" s="29">
        <v>20</v>
      </c>
      <c r="C54" s="10">
        <v>16</v>
      </c>
      <c r="D54" s="9">
        <v>36</v>
      </c>
    </row>
    <row r="55" spans="1:4" ht="18" customHeight="1" x14ac:dyDescent="0.2">
      <c r="A55" s="16">
        <v>41</v>
      </c>
      <c r="B55" s="29">
        <v>23</v>
      </c>
      <c r="C55" s="10">
        <v>12</v>
      </c>
      <c r="D55" s="9">
        <v>35</v>
      </c>
    </row>
    <row r="56" spans="1:4" ht="18" customHeight="1" x14ac:dyDescent="0.2">
      <c r="A56" s="16">
        <v>42</v>
      </c>
      <c r="B56" s="29">
        <v>18</v>
      </c>
      <c r="C56" s="10">
        <v>14</v>
      </c>
      <c r="D56" s="9">
        <v>32</v>
      </c>
    </row>
    <row r="57" spans="1:4" ht="18" customHeight="1" x14ac:dyDescent="0.2">
      <c r="A57" s="16">
        <v>43</v>
      </c>
      <c r="B57" s="29">
        <v>15</v>
      </c>
      <c r="C57" s="10">
        <v>28</v>
      </c>
      <c r="D57" s="9">
        <v>43</v>
      </c>
    </row>
    <row r="58" spans="1:4" ht="18" customHeight="1" x14ac:dyDescent="0.2">
      <c r="A58" s="16">
        <v>44</v>
      </c>
      <c r="B58" s="29">
        <v>27</v>
      </c>
      <c r="C58" s="10">
        <v>27</v>
      </c>
      <c r="D58" s="9">
        <v>54</v>
      </c>
    </row>
    <row r="59" spans="1:4" ht="18" customHeight="1" x14ac:dyDescent="0.2">
      <c r="A59" s="8" t="s">
        <v>16</v>
      </c>
      <c r="B59" s="29">
        <v>103</v>
      </c>
      <c r="C59" s="10">
        <v>97</v>
      </c>
      <c r="D59" s="9">
        <v>200</v>
      </c>
    </row>
    <row r="60" spans="1:4" ht="18" customHeight="1" x14ac:dyDescent="0.2">
      <c r="A60" s="16">
        <v>45</v>
      </c>
      <c r="B60" s="29">
        <v>29</v>
      </c>
      <c r="C60" s="10">
        <v>16</v>
      </c>
      <c r="D60" s="9">
        <v>45</v>
      </c>
    </row>
    <row r="61" spans="1:4" ht="18" customHeight="1" x14ac:dyDescent="0.2">
      <c r="A61" s="16">
        <v>46</v>
      </c>
      <c r="B61" s="29">
        <v>34</v>
      </c>
      <c r="C61" s="10">
        <v>22</v>
      </c>
      <c r="D61" s="9">
        <v>56</v>
      </c>
    </row>
    <row r="62" spans="1:4" ht="18" customHeight="1" x14ac:dyDescent="0.2">
      <c r="A62" s="16">
        <v>47</v>
      </c>
      <c r="B62" s="29">
        <v>30</v>
      </c>
      <c r="C62" s="10">
        <v>27</v>
      </c>
      <c r="D62" s="9">
        <v>57</v>
      </c>
    </row>
    <row r="63" spans="1:4" ht="18" customHeight="1" x14ac:dyDescent="0.2">
      <c r="A63" s="16">
        <v>48</v>
      </c>
      <c r="B63" s="29">
        <v>28</v>
      </c>
      <c r="C63" s="10">
        <v>24</v>
      </c>
      <c r="D63" s="9">
        <v>52</v>
      </c>
    </row>
    <row r="64" spans="1:4" ht="18" customHeight="1" x14ac:dyDescent="0.2">
      <c r="A64" s="16">
        <v>49</v>
      </c>
      <c r="B64" s="29">
        <v>33</v>
      </c>
      <c r="C64" s="10">
        <v>32</v>
      </c>
      <c r="D64" s="9">
        <v>65</v>
      </c>
    </row>
    <row r="65" spans="1:4" ht="18" customHeight="1" x14ac:dyDescent="0.2">
      <c r="A65" s="8" t="s">
        <v>15</v>
      </c>
      <c r="B65" s="29">
        <v>154</v>
      </c>
      <c r="C65" s="10">
        <v>121</v>
      </c>
      <c r="D65" s="9">
        <v>275</v>
      </c>
    </row>
    <row r="66" spans="1:4" ht="18" customHeight="1" x14ac:dyDescent="0.2">
      <c r="A66" s="16">
        <v>50</v>
      </c>
      <c r="B66" s="29">
        <v>39</v>
      </c>
      <c r="C66" s="10">
        <v>42</v>
      </c>
      <c r="D66" s="9">
        <v>81</v>
      </c>
    </row>
    <row r="67" spans="1:4" ht="18" customHeight="1" x14ac:dyDescent="0.2">
      <c r="A67" s="16">
        <v>51</v>
      </c>
      <c r="B67" s="29">
        <v>38</v>
      </c>
      <c r="C67" s="10">
        <v>27</v>
      </c>
      <c r="D67" s="9">
        <v>65</v>
      </c>
    </row>
    <row r="68" spans="1:4" ht="18" customHeight="1" x14ac:dyDescent="0.2">
      <c r="A68" s="16">
        <v>52</v>
      </c>
      <c r="B68" s="29">
        <v>36</v>
      </c>
      <c r="C68" s="10">
        <v>34</v>
      </c>
      <c r="D68" s="9">
        <v>70</v>
      </c>
    </row>
    <row r="69" spans="1:4" ht="18" customHeight="1" x14ac:dyDescent="0.2">
      <c r="A69" s="16">
        <v>53</v>
      </c>
      <c r="B69" s="29">
        <v>27</v>
      </c>
      <c r="C69" s="10">
        <v>33</v>
      </c>
      <c r="D69" s="9">
        <v>60</v>
      </c>
    </row>
    <row r="70" spans="1:4" ht="18" customHeight="1" x14ac:dyDescent="0.2">
      <c r="A70" s="16">
        <v>54</v>
      </c>
      <c r="B70" s="29">
        <v>45</v>
      </c>
      <c r="C70" s="10">
        <v>29</v>
      </c>
      <c r="D70" s="9">
        <v>74</v>
      </c>
    </row>
    <row r="71" spans="1:4" ht="18" customHeight="1" x14ac:dyDescent="0.2">
      <c r="A71" s="8" t="s">
        <v>14</v>
      </c>
      <c r="B71" s="29">
        <v>185</v>
      </c>
      <c r="C71" s="10">
        <v>165</v>
      </c>
      <c r="D71" s="9">
        <v>350</v>
      </c>
    </row>
    <row r="72" spans="1:4" ht="18" customHeight="1" x14ac:dyDescent="0.2">
      <c r="A72" s="16">
        <v>55</v>
      </c>
      <c r="B72" s="29">
        <v>31</v>
      </c>
      <c r="C72" s="10">
        <v>26</v>
      </c>
      <c r="D72" s="9">
        <v>57</v>
      </c>
    </row>
    <row r="73" spans="1:4" ht="18" customHeight="1" x14ac:dyDescent="0.2">
      <c r="A73" s="16">
        <v>56</v>
      </c>
      <c r="B73" s="29">
        <v>22</v>
      </c>
      <c r="C73" s="10">
        <v>19</v>
      </c>
      <c r="D73" s="9">
        <v>41</v>
      </c>
    </row>
    <row r="74" spans="1:4" ht="18" customHeight="1" x14ac:dyDescent="0.2">
      <c r="A74" s="16">
        <v>57</v>
      </c>
      <c r="B74" s="29">
        <v>20</v>
      </c>
      <c r="C74" s="10">
        <v>15</v>
      </c>
      <c r="D74" s="9">
        <v>35</v>
      </c>
    </row>
    <row r="75" spans="1:4" ht="18" customHeight="1" x14ac:dyDescent="0.2">
      <c r="A75" s="16">
        <v>58</v>
      </c>
      <c r="B75" s="29">
        <v>28</v>
      </c>
      <c r="C75" s="10">
        <v>26</v>
      </c>
      <c r="D75" s="9">
        <v>54</v>
      </c>
    </row>
    <row r="76" spans="1:4" ht="18" customHeight="1" x14ac:dyDescent="0.2">
      <c r="A76" s="16">
        <v>59</v>
      </c>
      <c r="B76" s="29">
        <v>15</v>
      </c>
      <c r="C76" s="10">
        <v>18</v>
      </c>
      <c r="D76" s="9">
        <v>33</v>
      </c>
    </row>
    <row r="77" spans="1:4" ht="18" customHeight="1" x14ac:dyDescent="0.2">
      <c r="A77" s="8" t="s">
        <v>13</v>
      </c>
      <c r="B77" s="29">
        <v>116</v>
      </c>
      <c r="C77" s="10">
        <v>104</v>
      </c>
      <c r="D77" s="9">
        <v>220</v>
      </c>
    </row>
    <row r="78" spans="1:4" ht="18" customHeight="1" x14ac:dyDescent="0.2">
      <c r="A78" s="16">
        <v>60</v>
      </c>
      <c r="B78" s="29">
        <v>21</v>
      </c>
      <c r="C78" s="10">
        <v>25</v>
      </c>
      <c r="D78" s="9">
        <v>46</v>
      </c>
    </row>
    <row r="79" spans="1:4" ht="18" customHeight="1" x14ac:dyDescent="0.2">
      <c r="A79" s="16">
        <v>61</v>
      </c>
      <c r="B79" s="29">
        <v>21</v>
      </c>
      <c r="C79" s="10">
        <v>23</v>
      </c>
      <c r="D79" s="9">
        <v>44</v>
      </c>
    </row>
    <row r="80" spans="1:4" ht="18" customHeight="1" x14ac:dyDescent="0.2">
      <c r="A80" s="16">
        <v>62</v>
      </c>
      <c r="B80" s="29">
        <v>22</v>
      </c>
      <c r="C80" s="10">
        <v>24</v>
      </c>
      <c r="D80" s="9">
        <v>46</v>
      </c>
    </row>
    <row r="81" spans="1:4" ht="18" customHeight="1" x14ac:dyDescent="0.2">
      <c r="A81" s="16">
        <v>63</v>
      </c>
      <c r="B81" s="29">
        <v>28</v>
      </c>
      <c r="C81" s="10">
        <v>20</v>
      </c>
      <c r="D81" s="9">
        <v>48</v>
      </c>
    </row>
    <row r="82" spans="1:4" ht="18" customHeight="1" x14ac:dyDescent="0.2">
      <c r="A82" s="16">
        <v>64</v>
      </c>
      <c r="B82" s="29">
        <v>14</v>
      </c>
      <c r="C82" s="10">
        <v>26</v>
      </c>
      <c r="D82" s="9">
        <v>40</v>
      </c>
    </row>
    <row r="83" spans="1:4" ht="18" customHeight="1" x14ac:dyDescent="0.2">
      <c r="A83" s="8" t="s">
        <v>12</v>
      </c>
      <c r="B83" s="29">
        <v>106</v>
      </c>
      <c r="C83" s="10">
        <v>118</v>
      </c>
      <c r="D83" s="9">
        <v>224</v>
      </c>
    </row>
    <row r="84" spans="1:4" ht="18" customHeight="1" x14ac:dyDescent="0.2">
      <c r="A84" s="8" t="s">
        <v>11</v>
      </c>
      <c r="B84" s="29">
        <v>1064</v>
      </c>
      <c r="C84" s="10">
        <v>971</v>
      </c>
      <c r="D84" s="9">
        <v>2035</v>
      </c>
    </row>
    <row r="85" spans="1:4" ht="18" customHeight="1" x14ac:dyDescent="0.2">
      <c r="A85" s="16">
        <v>65</v>
      </c>
      <c r="B85" s="29">
        <v>17</v>
      </c>
      <c r="C85" s="10">
        <v>27</v>
      </c>
      <c r="D85" s="9">
        <v>44</v>
      </c>
    </row>
    <row r="86" spans="1:4" ht="18" customHeight="1" x14ac:dyDescent="0.2">
      <c r="A86" s="16">
        <v>66</v>
      </c>
      <c r="B86" s="29">
        <v>30</v>
      </c>
      <c r="C86" s="10">
        <v>30</v>
      </c>
      <c r="D86" s="9">
        <v>60</v>
      </c>
    </row>
    <row r="87" spans="1:4" ht="18" customHeight="1" x14ac:dyDescent="0.2">
      <c r="A87" s="16">
        <v>67</v>
      </c>
      <c r="B87" s="29">
        <v>20</v>
      </c>
      <c r="C87" s="10">
        <v>23</v>
      </c>
      <c r="D87" s="9">
        <v>43</v>
      </c>
    </row>
    <row r="88" spans="1:4" ht="18" customHeight="1" x14ac:dyDescent="0.2">
      <c r="A88" s="16">
        <v>68</v>
      </c>
      <c r="B88" s="29">
        <v>31</v>
      </c>
      <c r="C88" s="10">
        <v>27</v>
      </c>
      <c r="D88" s="9">
        <v>58</v>
      </c>
    </row>
    <row r="89" spans="1:4" ht="18" customHeight="1" x14ac:dyDescent="0.2">
      <c r="A89" s="16">
        <v>69</v>
      </c>
      <c r="B89" s="29">
        <v>20</v>
      </c>
      <c r="C89" s="10">
        <v>27</v>
      </c>
      <c r="D89" s="9">
        <v>47</v>
      </c>
    </row>
    <row r="90" spans="1:4" ht="18" customHeight="1" x14ac:dyDescent="0.2">
      <c r="A90" s="8" t="s">
        <v>10</v>
      </c>
      <c r="B90" s="29">
        <v>118</v>
      </c>
      <c r="C90" s="10">
        <v>134</v>
      </c>
      <c r="D90" s="9">
        <v>252</v>
      </c>
    </row>
    <row r="91" spans="1:4" ht="18" customHeight="1" x14ac:dyDescent="0.2">
      <c r="A91" s="16">
        <v>70</v>
      </c>
      <c r="B91" s="29">
        <v>30</v>
      </c>
      <c r="C91" s="10">
        <v>24</v>
      </c>
      <c r="D91" s="9">
        <v>54</v>
      </c>
    </row>
    <row r="92" spans="1:4" ht="18" customHeight="1" x14ac:dyDescent="0.2">
      <c r="A92" s="16">
        <v>71</v>
      </c>
      <c r="B92" s="29">
        <v>26</v>
      </c>
      <c r="C92" s="10">
        <v>29</v>
      </c>
      <c r="D92" s="9">
        <v>55</v>
      </c>
    </row>
    <row r="93" spans="1:4" ht="18" customHeight="1" x14ac:dyDescent="0.2">
      <c r="A93" s="16">
        <v>72</v>
      </c>
      <c r="B93" s="29">
        <v>27</v>
      </c>
      <c r="C93" s="10">
        <v>49</v>
      </c>
      <c r="D93" s="9">
        <v>76</v>
      </c>
    </row>
    <row r="94" spans="1:4" ht="18" customHeight="1" x14ac:dyDescent="0.2">
      <c r="A94" s="16">
        <v>73</v>
      </c>
      <c r="B94" s="29">
        <v>32</v>
      </c>
      <c r="C94" s="10">
        <v>44</v>
      </c>
      <c r="D94" s="9">
        <v>76</v>
      </c>
    </row>
    <row r="95" spans="1:4" ht="18" customHeight="1" x14ac:dyDescent="0.2">
      <c r="A95" s="16">
        <v>74</v>
      </c>
      <c r="B95" s="29">
        <v>37</v>
      </c>
      <c r="C95" s="10">
        <v>41</v>
      </c>
      <c r="D95" s="9">
        <v>78</v>
      </c>
    </row>
    <row r="96" spans="1:4" ht="18" customHeight="1" x14ac:dyDescent="0.2">
      <c r="A96" s="8" t="s">
        <v>9</v>
      </c>
      <c r="B96" s="29">
        <v>152</v>
      </c>
      <c r="C96" s="10">
        <v>187</v>
      </c>
      <c r="D96" s="9">
        <v>339</v>
      </c>
    </row>
    <row r="97" spans="1:4" ht="18" customHeight="1" x14ac:dyDescent="0.2">
      <c r="A97" s="16">
        <v>75</v>
      </c>
      <c r="B97" s="29">
        <v>39</v>
      </c>
      <c r="C97" s="10">
        <v>52</v>
      </c>
      <c r="D97" s="9">
        <v>91</v>
      </c>
    </row>
    <row r="98" spans="1:4" ht="18" customHeight="1" x14ac:dyDescent="0.2">
      <c r="A98" s="16">
        <v>76</v>
      </c>
      <c r="B98" s="29">
        <v>38</v>
      </c>
      <c r="C98" s="10">
        <v>41</v>
      </c>
      <c r="D98" s="9">
        <v>79</v>
      </c>
    </row>
    <row r="99" spans="1:4" ht="18" customHeight="1" x14ac:dyDescent="0.2">
      <c r="A99" s="16">
        <v>77</v>
      </c>
      <c r="B99" s="29">
        <v>25</v>
      </c>
      <c r="C99" s="10">
        <v>22</v>
      </c>
      <c r="D99" s="9">
        <v>47</v>
      </c>
    </row>
    <row r="100" spans="1:4" ht="18" customHeight="1" x14ac:dyDescent="0.2">
      <c r="A100" s="16">
        <v>78</v>
      </c>
      <c r="B100" s="29">
        <v>27</v>
      </c>
      <c r="C100" s="10">
        <v>32</v>
      </c>
      <c r="D100" s="9">
        <v>59</v>
      </c>
    </row>
    <row r="101" spans="1:4" ht="18" customHeight="1" x14ac:dyDescent="0.2">
      <c r="A101" s="16">
        <v>79</v>
      </c>
      <c r="B101" s="29">
        <v>25</v>
      </c>
      <c r="C101" s="10">
        <v>39</v>
      </c>
      <c r="D101" s="9">
        <v>64</v>
      </c>
    </row>
    <row r="102" spans="1:4" ht="18" customHeight="1" x14ac:dyDescent="0.2">
      <c r="A102" s="8" t="s">
        <v>8</v>
      </c>
      <c r="B102" s="29">
        <v>154</v>
      </c>
      <c r="C102" s="10">
        <v>186</v>
      </c>
      <c r="D102" s="9">
        <v>340</v>
      </c>
    </row>
    <row r="103" spans="1:4" ht="18" customHeight="1" x14ac:dyDescent="0.2">
      <c r="A103" s="16">
        <v>80</v>
      </c>
      <c r="B103" s="29">
        <v>38</v>
      </c>
      <c r="C103" s="10">
        <v>28</v>
      </c>
      <c r="D103" s="9">
        <v>66</v>
      </c>
    </row>
    <row r="104" spans="1:4" ht="18" customHeight="1" x14ac:dyDescent="0.2">
      <c r="A104" s="16">
        <v>81</v>
      </c>
      <c r="B104" s="29">
        <v>35</v>
      </c>
      <c r="C104" s="10">
        <v>43</v>
      </c>
      <c r="D104" s="9">
        <v>78</v>
      </c>
    </row>
    <row r="105" spans="1:4" ht="18" customHeight="1" x14ac:dyDescent="0.2">
      <c r="A105" s="16">
        <v>82</v>
      </c>
      <c r="B105" s="29">
        <v>23</v>
      </c>
      <c r="C105" s="10">
        <v>22</v>
      </c>
      <c r="D105" s="9">
        <v>45</v>
      </c>
    </row>
    <row r="106" spans="1:4" ht="18" customHeight="1" x14ac:dyDescent="0.2">
      <c r="A106" s="16">
        <v>83</v>
      </c>
      <c r="B106" s="29">
        <v>13</v>
      </c>
      <c r="C106" s="10">
        <v>26</v>
      </c>
      <c r="D106" s="9">
        <v>39</v>
      </c>
    </row>
    <row r="107" spans="1:4" ht="18" customHeight="1" x14ac:dyDescent="0.2">
      <c r="A107" s="16">
        <v>84</v>
      </c>
      <c r="B107" s="29">
        <v>11</v>
      </c>
      <c r="C107" s="10">
        <v>22</v>
      </c>
      <c r="D107" s="9">
        <v>33</v>
      </c>
    </row>
    <row r="108" spans="1:4" ht="18" customHeight="1" x14ac:dyDescent="0.2">
      <c r="A108" s="8" t="s">
        <v>7</v>
      </c>
      <c r="B108" s="29">
        <v>120</v>
      </c>
      <c r="C108" s="10">
        <v>141</v>
      </c>
      <c r="D108" s="9">
        <v>261</v>
      </c>
    </row>
    <row r="109" spans="1:4" ht="18" customHeight="1" x14ac:dyDescent="0.2">
      <c r="A109" s="16">
        <v>85</v>
      </c>
      <c r="B109" s="29">
        <v>13</v>
      </c>
      <c r="C109" s="10">
        <v>23</v>
      </c>
      <c r="D109" s="9">
        <v>36</v>
      </c>
    </row>
    <row r="110" spans="1:4" ht="18" customHeight="1" x14ac:dyDescent="0.2">
      <c r="A110" s="16">
        <v>86</v>
      </c>
      <c r="B110" s="29">
        <v>12</v>
      </c>
      <c r="C110" s="10">
        <v>24</v>
      </c>
      <c r="D110" s="9">
        <v>36</v>
      </c>
    </row>
    <row r="111" spans="1:4" ht="18" customHeight="1" x14ac:dyDescent="0.2">
      <c r="A111" s="16">
        <v>87</v>
      </c>
      <c r="B111" s="29">
        <v>15</v>
      </c>
      <c r="C111" s="10">
        <v>22</v>
      </c>
      <c r="D111" s="9">
        <v>37</v>
      </c>
    </row>
    <row r="112" spans="1:4" ht="18" customHeight="1" x14ac:dyDescent="0.2">
      <c r="A112" s="16">
        <v>88</v>
      </c>
      <c r="B112" s="29">
        <v>10</v>
      </c>
      <c r="C112" s="10">
        <v>15</v>
      </c>
      <c r="D112" s="9">
        <v>25</v>
      </c>
    </row>
    <row r="113" spans="1:4" ht="18" customHeight="1" x14ac:dyDescent="0.2">
      <c r="A113" s="16">
        <v>89</v>
      </c>
      <c r="B113" s="29">
        <v>5</v>
      </c>
      <c r="C113" s="10">
        <v>10</v>
      </c>
      <c r="D113" s="9">
        <v>15</v>
      </c>
    </row>
    <row r="114" spans="1:4" ht="18" customHeight="1" x14ac:dyDescent="0.2">
      <c r="A114" s="8" t="s">
        <v>6</v>
      </c>
      <c r="B114" s="29">
        <v>55</v>
      </c>
      <c r="C114" s="10">
        <v>94</v>
      </c>
      <c r="D114" s="9">
        <v>149</v>
      </c>
    </row>
    <row r="115" spans="1:4" ht="18" customHeight="1" x14ac:dyDescent="0.2">
      <c r="A115" s="16">
        <v>90</v>
      </c>
      <c r="B115" s="29">
        <v>2</v>
      </c>
      <c r="C115" s="10">
        <v>13</v>
      </c>
      <c r="D115" s="9">
        <v>15</v>
      </c>
    </row>
    <row r="116" spans="1:4" ht="18" customHeight="1" x14ac:dyDescent="0.2">
      <c r="A116" s="16">
        <v>91</v>
      </c>
      <c r="B116" s="29">
        <v>8</v>
      </c>
      <c r="C116" s="10">
        <v>16</v>
      </c>
      <c r="D116" s="9">
        <v>24</v>
      </c>
    </row>
    <row r="117" spans="1:4" ht="18" customHeight="1" x14ac:dyDescent="0.2">
      <c r="A117" s="16">
        <v>92</v>
      </c>
      <c r="B117" s="29">
        <v>5</v>
      </c>
      <c r="C117" s="10">
        <v>14</v>
      </c>
      <c r="D117" s="9">
        <v>19</v>
      </c>
    </row>
    <row r="118" spans="1:4" ht="18" customHeight="1" x14ac:dyDescent="0.2">
      <c r="A118" s="16">
        <v>93</v>
      </c>
      <c r="B118" s="29">
        <v>3</v>
      </c>
      <c r="C118" s="10">
        <v>7</v>
      </c>
      <c r="D118" s="9">
        <v>10</v>
      </c>
    </row>
    <row r="119" spans="1:4" ht="18" customHeight="1" x14ac:dyDescent="0.2">
      <c r="A119" s="16">
        <v>94</v>
      </c>
      <c r="B119" s="29">
        <v>3</v>
      </c>
      <c r="C119" s="10">
        <v>6</v>
      </c>
      <c r="D119" s="9">
        <v>9</v>
      </c>
    </row>
    <row r="120" spans="1:4" ht="18" customHeight="1" x14ac:dyDescent="0.2">
      <c r="A120" s="8" t="s">
        <v>5</v>
      </c>
      <c r="B120" s="29">
        <v>21</v>
      </c>
      <c r="C120" s="10">
        <v>56</v>
      </c>
      <c r="D120" s="9">
        <v>77</v>
      </c>
    </row>
    <row r="121" spans="1:4" ht="18" customHeight="1" x14ac:dyDescent="0.2">
      <c r="A121" s="16">
        <v>95</v>
      </c>
      <c r="B121" s="29">
        <v>1</v>
      </c>
      <c r="C121" s="10">
        <v>7</v>
      </c>
      <c r="D121" s="9">
        <v>8</v>
      </c>
    </row>
    <row r="122" spans="1:4" ht="18" customHeight="1" x14ac:dyDescent="0.2">
      <c r="A122" s="16">
        <v>96</v>
      </c>
      <c r="B122" s="29">
        <v>3</v>
      </c>
      <c r="C122" s="10">
        <v>3</v>
      </c>
      <c r="D122" s="9">
        <v>6</v>
      </c>
    </row>
    <row r="123" spans="1:4" ht="18" customHeight="1" x14ac:dyDescent="0.2">
      <c r="A123" s="16">
        <v>97</v>
      </c>
      <c r="B123" s="29">
        <v>3</v>
      </c>
      <c r="C123" s="10">
        <v>6</v>
      </c>
      <c r="D123" s="9">
        <v>9</v>
      </c>
    </row>
    <row r="124" spans="1:4" ht="18" customHeight="1" x14ac:dyDescent="0.2">
      <c r="A124" s="16">
        <v>98</v>
      </c>
      <c r="B124" s="29">
        <v>0</v>
      </c>
      <c r="C124" s="10">
        <v>4</v>
      </c>
      <c r="D124" s="9">
        <v>4</v>
      </c>
    </row>
    <row r="125" spans="1:4" ht="18" customHeight="1" x14ac:dyDescent="0.2">
      <c r="A125" s="16">
        <v>99</v>
      </c>
      <c r="B125" s="29">
        <v>0</v>
      </c>
      <c r="C125" s="10">
        <v>0</v>
      </c>
      <c r="D125" s="9">
        <v>0</v>
      </c>
    </row>
    <row r="126" spans="1:4" ht="18" customHeight="1" x14ac:dyDescent="0.2">
      <c r="A126" s="8" t="s">
        <v>4</v>
      </c>
      <c r="B126" s="29">
        <v>7</v>
      </c>
      <c r="C126" s="10">
        <v>20</v>
      </c>
      <c r="D126" s="9">
        <v>27</v>
      </c>
    </row>
    <row r="127" spans="1:4" ht="18" customHeight="1" x14ac:dyDescent="0.2">
      <c r="A127" s="16">
        <v>100</v>
      </c>
      <c r="B127" s="29">
        <v>0</v>
      </c>
      <c r="C127" s="10">
        <v>2</v>
      </c>
      <c r="D127" s="9">
        <v>2</v>
      </c>
    </row>
    <row r="128" spans="1:4" ht="18" customHeight="1" x14ac:dyDescent="0.2">
      <c r="A128" s="15" t="s">
        <v>3</v>
      </c>
      <c r="B128" s="29">
        <v>0</v>
      </c>
      <c r="C128" s="10">
        <v>2</v>
      </c>
      <c r="D128" s="9">
        <v>2</v>
      </c>
    </row>
    <row r="129" spans="1:4" ht="18" customHeight="1" x14ac:dyDescent="0.2">
      <c r="A129" s="8" t="s">
        <v>2</v>
      </c>
      <c r="B129" s="29">
        <v>0</v>
      </c>
      <c r="C129" s="10">
        <v>4</v>
      </c>
      <c r="D129" s="9">
        <v>4</v>
      </c>
    </row>
    <row r="130" spans="1:4" ht="18" customHeight="1" x14ac:dyDescent="0.2">
      <c r="A130" s="8" t="s">
        <v>1</v>
      </c>
      <c r="B130" s="28">
        <v>627</v>
      </c>
      <c r="C130" s="6">
        <v>822</v>
      </c>
      <c r="D130" s="5">
        <v>1449</v>
      </c>
    </row>
    <row r="131" spans="1:4" ht="18" customHeight="1" x14ac:dyDescent="0.2">
      <c r="A131" s="4" t="s">
        <v>0</v>
      </c>
      <c r="B131" s="27">
        <v>1872</v>
      </c>
      <c r="C131" s="2">
        <v>1936</v>
      </c>
      <c r="D131" s="1">
        <v>3808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EC25A33-883A-45A3-AE24-9F5C1E2971AE}">
  <sheetPr codeName="Sheet5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76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2</v>
      </c>
      <c r="C5" s="18">
        <v>3</v>
      </c>
      <c r="D5" s="17">
        <v>5</v>
      </c>
    </row>
    <row r="6" spans="1:4" ht="18" customHeight="1" x14ac:dyDescent="0.2">
      <c r="A6" s="16">
        <v>1</v>
      </c>
      <c r="B6" s="29">
        <v>6</v>
      </c>
      <c r="C6" s="10">
        <v>4</v>
      </c>
      <c r="D6" s="9">
        <v>10</v>
      </c>
    </row>
    <row r="7" spans="1:4" ht="18" customHeight="1" x14ac:dyDescent="0.2">
      <c r="A7" s="16">
        <v>2</v>
      </c>
      <c r="B7" s="29">
        <v>1</v>
      </c>
      <c r="C7" s="10">
        <v>4</v>
      </c>
      <c r="D7" s="9">
        <v>5</v>
      </c>
    </row>
    <row r="8" spans="1:4" ht="18" customHeight="1" x14ac:dyDescent="0.2">
      <c r="A8" s="16">
        <v>3</v>
      </c>
      <c r="B8" s="29">
        <v>6</v>
      </c>
      <c r="C8" s="10">
        <v>5</v>
      </c>
      <c r="D8" s="9">
        <v>11</v>
      </c>
    </row>
    <row r="9" spans="1:4" ht="18" customHeight="1" x14ac:dyDescent="0.2">
      <c r="A9" s="16">
        <v>4</v>
      </c>
      <c r="B9" s="29">
        <v>3</v>
      </c>
      <c r="C9" s="10">
        <v>1</v>
      </c>
      <c r="D9" s="9">
        <v>4</v>
      </c>
    </row>
    <row r="10" spans="1:4" ht="18" customHeight="1" x14ac:dyDescent="0.2">
      <c r="A10" s="8" t="s">
        <v>25</v>
      </c>
      <c r="B10" s="29">
        <v>18</v>
      </c>
      <c r="C10" s="10">
        <v>17</v>
      </c>
      <c r="D10" s="9">
        <v>35</v>
      </c>
    </row>
    <row r="11" spans="1:4" ht="18" customHeight="1" x14ac:dyDescent="0.2">
      <c r="A11" s="16">
        <v>5</v>
      </c>
      <c r="B11" s="29">
        <v>3</v>
      </c>
      <c r="C11" s="10">
        <v>0</v>
      </c>
      <c r="D11" s="9">
        <v>3</v>
      </c>
    </row>
    <row r="12" spans="1:4" ht="18" customHeight="1" x14ac:dyDescent="0.2">
      <c r="A12" s="16">
        <v>6</v>
      </c>
      <c r="B12" s="29">
        <v>5</v>
      </c>
      <c r="C12" s="10">
        <v>1</v>
      </c>
      <c r="D12" s="9">
        <v>6</v>
      </c>
    </row>
    <row r="13" spans="1:4" ht="18" customHeight="1" x14ac:dyDescent="0.2">
      <c r="A13" s="16">
        <v>7</v>
      </c>
      <c r="B13" s="29">
        <v>5</v>
      </c>
      <c r="C13" s="10">
        <v>10</v>
      </c>
      <c r="D13" s="9">
        <v>15</v>
      </c>
    </row>
    <row r="14" spans="1:4" ht="18" customHeight="1" x14ac:dyDescent="0.2">
      <c r="A14" s="16">
        <v>8</v>
      </c>
      <c r="B14" s="29">
        <v>2</v>
      </c>
      <c r="C14" s="10">
        <v>4</v>
      </c>
      <c r="D14" s="9">
        <v>6</v>
      </c>
    </row>
    <row r="15" spans="1:4" ht="18" customHeight="1" x14ac:dyDescent="0.2">
      <c r="A15" s="16">
        <v>9</v>
      </c>
      <c r="B15" s="29">
        <v>3</v>
      </c>
      <c r="C15" s="10">
        <v>7</v>
      </c>
      <c r="D15" s="9">
        <v>10</v>
      </c>
    </row>
    <row r="16" spans="1:4" ht="18" customHeight="1" x14ac:dyDescent="0.2">
      <c r="A16" s="8" t="s">
        <v>24</v>
      </c>
      <c r="B16" s="29">
        <v>18</v>
      </c>
      <c r="C16" s="10">
        <v>22</v>
      </c>
      <c r="D16" s="9">
        <v>40</v>
      </c>
    </row>
    <row r="17" spans="1:4" ht="18" customHeight="1" x14ac:dyDescent="0.2">
      <c r="A17" s="16">
        <v>10</v>
      </c>
      <c r="B17" s="29">
        <v>7</v>
      </c>
      <c r="C17" s="10">
        <v>5</v>
      </c>
      <c r="D17" s="9">
        <v>12</v>
      </c>
    </row>
    <row r="18" spans="1:4" ht="18" customHeight="1" x14ac:dyDescent="0.2">
      <c r="A18" s="16">
        <v>11</v>
      </c>
      <c r="B18" s="29">
        <v>6</v>
      </c>
      <c r="C18" s="10">
        <v>7</v>
      </c>
      <c r="D18" s="9">
        <v>13</v>
      </c>
    </row>
    <row r="19" spans="1:4" ht="18" customHeight="1" x14ac:dyDescent="0.2">
      <c r="A19" s="16">
        <v>12</v>
      </c>
      <c r="B19" s="29">
        <v>7</v>
      </c>
      <c r="C19" s="10">
        <v>3</v>
      </c>
      <c r="D19" s="9">
        <v>10</v>
      </c>
    </row>
    <row r="20" spans="1:4" ht="18" customHeight="1" x14ac:dyDescent="0.2">
      <c r="A20" s="16">
        <v>13</v>
      </c>
      <c r="B20" s="29">
        <v>7</v>
      </c>
      <c r="C20" s="10">
        <v>6</v>
      </c>
      <c r="D20" s="9">
        <v>13</v>
      </c>
    </row>
    <row r="21" spans="1:4" ht="18" customHeight="1" x14ac:dyDescent="0.2">
      <c r="A21" s="16">
        <v>14</v>
      </c>
      <c r="B21" s="29">
        <v>7</v>
      </c>
      <c r="C21" s="10">
        <v>10</v>
      </c>
      <c r="D21" s="9">
        <v>17</v>
      </c>
    </row>
    <row r="22" spans="1:4" ht="18" customHeight="1" x14ac:dyDescent="0.2">
      <c r="A22" s="8" t="s">
        <v>23</v>
      </c>
      <c r="B22" s="29">
        <v>34</v>
      </c>
      <c r="C22" s="10">
        <v>31</v>
      </c>
      <c r="D22" s="9">
        <v>65</v>
      </c>
    </row>
    <row r="23" spans="1:4" ht="18" customHeight="1" x14ac:dyDescent="0.2">
      <c r="A23" s="8" t="s">
        <v>22</v>
      </c>
      <c r="B23" s="29">
        <v>70</v>
      </c>
      <c r="C23" s="10">
        <v>70</v>
      </c>
      <c r="D23" s="9">
        <v>140</v>
      </c>
    </row>
    <row r="24" spans="1:4" ht="18" customHeight="1" x14ac:dyDescent="0.2">
      <c r="A24" s="16">
        <v>15</v>
      </c>
      <c r="B24" s="29">
        <v>6</v>
      </c>
      <c r="C24" s="10">
        <v>3</v>
      </c>
      <c r="D24" s="9">
        <v>9</v>
      </c>
    </row>
    <row r="25" spans="1:4" ht="18" customHeight="1" x14ac:dyDescent="0.2">
      <c r="A25" s="16">
        <v>16</v>
      </c>
      <c r="B25" s="29">
        <v>10</v>
      </c>
      <c r="C25" s="10">
        <v>4</v>
      </c>
      <c r="D25" s="9">
        <v>14</v>
      </c>
    </row>
    <row r="26" spans="1:4" ht="18" customHeight="1" x14ac:dyDescent="0.2">
      <c r="A26" s="16">
        <v>17</v>
      </c>
      <c r="B26" s="29">
        <v>7</v>
      </c>
      <c r="C26" s="10">
        <v>5</v>
      </c>
      <c r="D26" s="9">
        <v>12</v>
      </c>
    </row>
    <row r="27" spans="1:4" ht="18" customHeight="1" x14ac:dyDescent="0.2">
      <c r="A27" s="16">
        <v>18</v>
      </c>
      <c r="B27" s="29">
        <v>8</v>
      </c>
      <c r="C27" s="10">
        <v>5</v>
      </c>
      <c r="D27" s="9">
        <v>13</v>
      </c>
    </row>
    <row r="28" spans="1:4" ht="18" customHeight="1" x14ac:dyDescent="0.2">
      <c r="A28" s="16">
        <v>19</v>
      </c>
      <c r="B28" s="29">
        <v>6</v>
      </c>
      <c r="C28" s="10">
        <v>6</v>
      </c>
      <c r="D28" s="9">
        <v>12</v>
      </c>
    </row>
    <row r="29" spans="1:4" ht="18" customHeight="1" x14ac:dyDescent="0.2">
      <c r="A29" s="8" t="s">
        <v>21</v>
      </c>
      <c r="B29" s="29">
        <v>37</v>
      </c>
      <c r="C29" s="10">
        <v>23</v>
      </c>
      <c r="D29" s="9">
        <v>60</v>
      </c>
    </row>
    <row r="30" spans="1:4" ht="18" customHeight="1" x14ac:dyDescent="0.2">
      <c r="A30" s="16">
        <v>20</v>
      </c>
      <c r="B30" s="29">
        <v>5</v>
      </c>
      <c r="C30" s="10">
        <v>6</v>
      </c>
      <c r="D30" s="9">
        <v>11</v>
      </c>
    </row>
    <row r="31" spans="1:4" ht="18" customHeight="1" x14ac:dyDescent="0.2">
      <c r="A31" s="16">
        <v>21</v>
      </c>
      <c r="B31" s="29">
        <v>8</v>
      </c>
      <c r="C31" s="10">
        <v>4</v>
      </c>
      <c r="D31" s="9">
        <v>12</v>
      </c>
    </row>
    <row r="32" spans="1:4" ht="18" customHeight="1" x14ac:dyDescent="0.2">
      <c r="A32" s="16">
        <v>22</v>
      </c>
      <c r="B32" s="29">
        <v>8</v>
      </c>
      <c r="C32" s="10">
        <v>4</v>
      </c>
      <c r="D32" s="9">
        <v>12</v>
      </c>
    </row>
    <row r="33" spans="1:4" ht="18" customHeight="1" x14ac:dyDescent="0.2">
      <c r="A33" s="16">
        <v>23</v>
      </c>
      <c r="B33" s="29">
        <v>9</v>
      </c>
      <c r="C33" s="10">
        <v>5</v>
      </c>
      <c r="D33" s="9">
        <v>14</v>
      </c>
    </row>
    <row r="34" spans="1:4" ht="18" customHeight="1" x14ac:dyDescent="0.2">
      <c r="A34" s="16">
        <v>24</v>
      </c>
      <c r="B34" s="29">
        <v>3</v>
      </c>
      <c r="C34" s="10">
        <v>1</v>
      </c>
      <c r="D34" s="9">
        <v>4</v>
      </c>
    </row>
    <row r="35" spans="1:4" ht="18" customHeight="1" x14ac:dyDescent="0.2">
      <c r="A35" s="8" t="s">
        <v>20</v>
      </c>
      <c r="B35" s="29">
        <v>33</v>
      </c>
      <c r="C35" s="10">
        <v>20</v>
      </c>
      <c r="D35" s="9">
        <v>53</v>
      </c>
    </row>
    <row r="36" spans="1:4" ht="18" customHeight="1" x14ac:dyDescent="0.2">
      <c r="A36" s="16">
        <v>25</v>
      </c>
      <c r="B36" s="29">
        <v>7</v>
      </c>
      <c r="C36" s="10">
        <v>5</v>
      </c>
      <c r="D36" s="9">
        <v>12</v>
      </c>
    </row>
    <row r="37" spans="1:4" ht="18" customHeight="1" x14ac:dyDescent="0.2">
      <c r="A37" s="16">
        <v>26</v>
      </c>
      <c r="B37" s="29">
        <v>6</v>
      </c>
      <c r="C37" s="10">
        <v>3</v>
      </c>
      <c r="D37" s="9">
        <v>9</v>
      </c>
    </row>
    <row r="38" spans="1:4" ht="18" customHeight="1" x14ac:dyDescent="0.2">
      <c r="A38" s="16">
        <v>27</v>
      </c>
      <c r="B38" s="29">
        <v>15</v>
      </c>
      <c r="C38" s="10">
        <v>6</v>
      </c>
      <c r="D38" s="9">
        <v>21</v>
      </c>
    </row>
    <row r="39" spans="1:4" ht="18" customHeight="1" x14ac:dyDescent="0.2">
      <c r="A39" s="16">
        <v>28</v>
      </c>
      <c r="B39" s="29">
        <v>5</v>
      </c>
      <c r="C39" s="10">
        <v>6</v>
      </c>
      <c r="D39" s="9">
        <v>11</v>
      </c>
    </row>
    <row r="40" spans="1:4" ht="18" customHeight="1" x14ac:dyDescent="0.2">
      <c r="A40" s="16">
        <v>29</v>
      </c>
      <c r="B40" s="29">
        <v>5</v>
      </c>
      <c r="C40" s="10">
        <v>0</v>
      </c>
      <c r="D40" s="9">
        <v>5</v>
      </c>
    </row>
    <row r="41" spans="1:4" ht="18" customHeight="1" x14ac:dyDescent="0.2">
      <c r="A41" s="8" t="s">
        <v>19</v>
      </c>
      <c r="B41" s="29">
        <v>38</v>
      </c>
      <c r="C41" s="10">
        <v>20</v>
      </c>
      <c r="D41" s="9">
        <v>58</v>
      </c>
    </row>
    <row r="42" spans="1:4" ht="18" customHeight="1" x14ac:dyDescent="0.2">
      <c r="A42" s="16">
        <v>30</v>
      </c>
      <c r="B42" s="29">
        <v>8</v>
      </c>
      <c r="C42" s="10">
        <v>8</v>
      </c>
      <c r="D42" s="9">
        <v>16</v>
      </c>
    </row>
    <row r="43" spans="1:4" ht="18" customHeight="1" x14ac:dyDescent="0.2">
      <c r="A43" s="16">
        <v>31</v>
      </c>
      <c r="B43" s="29">
        <v>5</v>
      </c>
      <c r="C43" s="10">
        <v>6</v>
      </c>
      <c r="D43" s="9">
        <v>11</v>
      </c>
    </row>
    <row r="44" spans="1:4" ht="18" customHeight="1" x14ac:dyDescent="0.2">
      <c r="A44" s="16">
        <v>32</v>
      </c>
      <c r="B44" s="29">
        <v>5</v>
      </c>
      <c r="C44" s="10">
        <v>6</v>
      </c>
      <c r="D44" s="9">
        <v>11</v>
      </c>
    </row>
    <row r="45" spans="1:4" ht="18" customHeight="1" x14ac:dyDescent="0.2">
      <c r="A45" s="16">
        <v>33</v>
      </c>
      <c r="B45" s="29">
        <v>10</v>
      </c>
      <c r="C45" s="10">
        <v>7</v>
      </c>
      <c r="D45" s="9">
        <v>17</v>
      </c>
    </row>
    <row r="46" spans="1:4" ht="18" customHeight="1" x14ac:dyDescent="0.2">
      <c r="A46" s="16">
        <v>34</v>
      </c>
      <c r="B46" s="29">
        <v>7</v>
      </c>
      <c r="C46" s="10">
        <v>4</v>
      </c>
      <c r="D46" s="9">
        <v>11</v>
      </c>
    </row>
    <row r="47" spans="1:4" ht="18" customHeight="1" x14ac:dyDescent="0.2">
      <c r="A47" s="8" t="s">
        <v>18</v>
      </c>
      <c r="B47" s="29">
        <v>35</v>
      </c>
      <c r="C47" s="10">
        <v>31</v>
      </c>
      <c r="D47" s="9">
        <v>66</v>
      </c>
    </row>
    <row r="48" spans="1:4" ht="18" customHeight="1" x14ac:dyDescent="0.2">
      <c r="A48" s="16">
        <v>35</v>
      </c>
      <c r="B48" s="29">
        <v>9</v>
      </c>
      <c r="C48" s="10">
        <v>1</v>
      </c>
      <c r="D48" s="9">
        <v>10</v>
      </c>
    </row>
    <row r="49" spans="1:4" ht="18" customHeight="1" x14ac:dyDescent="0.2">
      <c r="A49" s="16">
        <v>36</v>
      </c>
      <c r="B49" s="29">
        <v>11</v>
      </c>
      <c r="C49" s="10">
        <v>5</v>
      </c>
      <c r="D49" s="9">
        <v>16</v>
      </c>
    </row>
    <row r="50" spans="1:4" ht="18" customHeight="1" x14ac:dyDescent="0.2">
      <c r="A50" s="16">
        <v>37</v>
      </c>
      <c r="B50" s="29">
        <v>11</v>
      </c>
      <c r="C50" s="10">
        <v>10</v>
      </c>
      <c r="D50" s="9">
        <v>21</v>
      </c>
    </row>
    <row r="51" spans="1:4" ht="18" customHeight="1" x14ac:dyDescent="0.2">
      <c r="A51" s="16">
        <v>38</v>
      </c>
      <c r="B51" s="29">
        <v>9</v>
      </c>
      <c r="C51" s="10">
        <v>10</v>
      </c>
      <c r="D51" s="9">
        <v>19</v>
      </c>
    </row>
    <row r="52" spans="1:4" ht="18" customHeight="1" x14ac:dyDescent="0.2">
      <c r="A52" s="16">
        <v>39</v>
      </c>
      <c r="B52" s="29">
        <v>9</v>
      </c>
      <c r="C52" s="10">
        <v>6</v>
      </c>
      <c r="D52" s="9">
        <v>15</v>
      </c>
    </row>
    <row r="53" spans="1:4" ht="18" customHeight="1" x14ac:dyDescent="0.2">
      <c r="A53" s="8" t="s">
        <v>17</v>
      </c>
      <c r="B53" s="29">
        <v>49</v>
      </c>
      <c r="C53" s="10">
        <v>32</v>
      </c>
      <c r="D53" s="9">
        <v>81</v>
      </c>
    </row>
    <row r="54" spans="1:4" ht="18" customHeight="1" x14ac:dyDescent="0.2">
      <c r="A54" s="16">
        <v>40</v>
      </c>
      <c r="B54" s="29">
        <v>4</v>
      </c>
      <c r="C54" s="10">
        <v>6</v>
      </c>
      <c r="D54" s="9">
        <v>10</v>
      </c>
    </row>
    <row r="55" spans="1:4" ht="18" customHeight="1" x14ac:dyDescent="0.2">
      <c r="A55" s="16">
        <v>41</v>
      </c>
      <c r="B55" s="29">
        <v>12</v>
      </c>
      <c r="C55" s="10">
        <v>4</v>
      </c>
      <c r="D55" s="9">
        <v>16</v>
      </c>
    </row>
    <row r="56" spans="1:4" ht="18" customHeight="1" x14ac:dyDescent="0.2">
      <c r="A56" s="16">
        <v>42</v>
      </c>
      <c r="B56" s="29">
        <v>6</v>
      </c>
      <c r="C56" s="10">
        <v>8</v>
      </c>
      <c r="D56" s="9">
        <v>14</v>
      </c>
    </row>
    <row r="57" spans="1:4" ht="18" customHeight="1" x14ac:dyDescent="0.2">
      <c r="A57" s="16">
        <v>43</v>
      </c>
      <c r="B57" s="29">
        <v>9</v>
      </c>
      <c r="C57" s="10">
        <v>4</v>
      </c>
      <c r="D57" s="9">
        <v>13</v>
      </c>
    </row>
    <row r="58" spans="1:4" ht="18" customHeight="1" x14ac:dyDescent="0.2">
      <c r="A58" s="16">
        <v>44</v>
      </c>
      <c r="B58" s="29">
        <v>15</v>
      </c>
      <c r="C58" s="10">
        <v>11</v>
      </c>
      <c r="D58" s="9">
        <v>26</v>
      </c>
    </row>
    <row r="59" spans="1:4" ht="18" customHeight="1" x14ac:dyDescent="0.2">
      <c r="A59" s="8" t="s">
        <v>16</v>
      </c>
      <c r="B59" s="29">
        <v>46</v>
      </c>
      <c r="C59" s="10">
        <v>33</v>
      </c>
      <c r="D59" s="9">
        <v>79</v>
      </c>
    </row>
    <row r="60" spans="1:4" ht="18" customHeight="1" x14ac:dyDescent="0.2">
      <c r="A60" s="16">
        <v>45</v>
      </c>
      <c r="B60" s="29">
        <v>6</v>
      </c>
      <c r="C60" s="10">
        <v>14</v>
      </c>
      <c r="D60" s="9">
        <v>20</v>
      </c>
    </row>
    <row r="61" spans="1:4" ht="18" customHeight="1" x14ac:dyDescent="0.2">
      <c r="A61" s="16">
        <v>46</v>
      </c>
      <c r="B61" s="29">
        <v>14</v>
      </c>
      <c r="C61" s="10">
        <v>9</v>
      </c>
      <c r="D61" s="9">
        <v>23</v>
      </c>
    </row>
    <row r="62" spans="1:4" ht="18" customHeight="1" x14ac:dyDescent="0.2">
      <c r="A62" s="16">
        <v>47</v>
      </c>
      <c r="B62" s="29">
        <v>12</v>
      </c>
      <c r="C62" s="10">
        <v>8</v>
      </c>
      <c r="D62" s="9">
        <v>20</v>
      </c>
    </row>
    <row r="63" spans="1:4" ht="18" customHeight="1" x14ac:dyDescent="0.2">
      <c r="A63" s="16">
        <v>48</v>
      </c>
      <c r="B63" s="29">
        <v>13</v>
      </c>
      <c r="C63" s="10">
        <v>11</v>
      </c>
      <c r="D63" s="9">
        <v>24</v>
      </c>
    </row>
    <row r="64" spans="1:4" ht="18" customHeight="1" x14ac:dyDescent="0.2">
      <c r="A64" s="16">
        <v>49</v>
      </c>
      <c r="B64" s="29">
        <v>17</v>
      </c>
      <c r="C64" s="10">
        <v>20</v>
      </c>
      <c r="D64" s="9">
        <v>37</v>
      </c>
    </row>
    <row r="65" spans="1:4" ht="18" customHeight="1" x14ac:dyDescent="0.2">
      <c r="A65" s="8" t="s">
        <v>15</v>
      </c>
      <c r="B65" s="29">
        <v>62</v>
      </c>
      <c r="C65" s="10">
        <v>62</v>
      </c>
      <c r="D65" s="9">
        <v>124</v>
      </c>
    </row>
    <row r="66" spans="1:4" ht="18" customHeight="1" x14ac:dyDescent="0.2">
      <c r="A66" s="16">
        <v>50</v>
      </c>
      <c r="B66" s="29">
        <v>16</v>
      </c>
      <c r="C66" s="10">
        <v>14</v>
      </c>
      <c r="D66" s="9">
        <v>30</v>
      </c>
    </row>
    <row r="67" spans="1:4" ht="18" customHeight="1" x14ac:dyDescent="0.2">
      <c r="A67" s="16">
        <v>51</v>
      </c>
      <c r="B67" s="29">
        <v>13</v>
      </c>
      <c r="C67" s="10">
        <v>6</v>
      </c>
      <c r="D67" s="9">
        <v>19</v>
      </c>
    </row>
    <row r="68" spans="1:4" ht="18" customHeight="1" x14ac:dyDescent="0.2">
      <c r="A68" s="16">
        <v>52</v>
      </c>
      <c r="B68" s="29">
        <v>13</v>
      </c>
      <c r="C68" s="10">
        <v>18</v>
      </c>
      <c r="D68" s="9">
        <v>31</v>
      </c>
    </row>
    <row r="69" spans="1:4" ht="18" customHeight="1" x14ac:dyDescent="0.2">
      <c r="A69" s="16">
        <v>53</v>
      </c>
      <c r="B69" s="29">
        <v>11</v>
      </c>
      <c r="C69" s="10">
        <v>10</v>
      </c>
      <c r="D69" s="9">
        <v>21</v>
      </c>
    </row>
    <row r="70" spans="1:4" ht="18" customHeight="1" x14ac:dyDescent="0.2">
      <c r="A70" s="16">
        <v>54</v>
      </c>
      <c r="B70" s="29">
        <v>14</v>
      </c>
      <c r="C70" s="10">
        <v>7</v>
      </c>
      <c r="D70" s="9">
        <v>21</v>
      </c>
    </row>
    <row r="71" spans="1:4" ht="18" customHeight="1" x14ac:dyDescent="0.2">
      <c r="A71" s="8" t="s">
        <v>14</v>
      </c>
      <c r="B71" s="29">
        <v>67</v>
      </c>
      <c r="C71" s="10">
        <v>55</v>
      </c>
      <c r="D71" s="9">
        <v>122</v>
      </c>
    </row>
    <row r="72" spans="1:4" ht="18" customHeight="1" x14ac:dyDescent="0.2">
      <c r="A72" s="16">
        <v>55</v>
      </c>
      <c r="B72" s="29">
        <v>15</v>
      </c>
      <c r="C72" s="10">
        <v>8</v>
      </c>
      <c r="D72" s="9">
        <v>23</v>
      </c>
    </row>
    <row r="73" spans="1:4" ht="18" customHeight="1" x14ac:dyDescent="0.2">
      <c r="A73" s="16">
        <v>56</v>
      </c>
      <c r="B73" s="29">
        <v>10</v>
      </c>
      <c r="C73" s="10">
        <v>13</v>
      </c>
      <c r="D73" s="9">
        <v>23</v>
      </c>
    </row>
    <row r="74" spans="1:4" ht="18" customHeight="1" x14ac:dyDescent="0.2">
      <c r="A74" s="16">
        <v>57</v>
      </c>
      <c r="B74" s="29">
        <v>7</v>
      </c>
      <c r="C74" s="10">
        <v>13</v>
      </c>
      <c r="D74" s="9">
        <v>20</v>
      </c>
    </row>
    <row r="75" spans="1:4" ht="18" customHeight="1" x14ac:dyDescent="0.2">
      <c r="A75" s="16">
        <v>58</v>
      </c>
      <c r="B75" s="29">
        <v>14</v>
      </c>
      <c r="C75" s="10">
        <v>13</v>
      </c>
      <c r="D75" s="9">
        <v>27</v>
      </c>
    </row>
    <row r="76" spans="1:4" ht="18" customHeight="1" x14ac:dyDescent="0.2">
      <c r="A76" s="16">
        <v>59</v>
      </c>
      <c r="B76" s="29">
        <v>3</v>
      </c>
      <c r="C76" s="10">
        <v>13</v>
      </c>
      <c r="D76" s="9">
        <v>16</v>
      </c>
    </row>
    <row r="77" spans="1:4" ht="18" customHeight="1" x14ac:dyDescent="0.2">
      <c r="A77" s="8" t="s">
        <v>13</v>
      </c>
      <c r="B77" s="29">
        <v>49</v>
      </c>
      <c r="C77" s="10">
        <v>60</v>
      </c>
      <c r="D77" s="9">
        <v>109</v>
      </c>
    </row>
    <row r="78" spans="1:4" ht="18" customHeight="1" x14ac:dyDescent="0.2">
      <c r="A78" s="16">
        <v>60</v>
      </c>
      <c r="B78" s="29">
        <v>11</v>
      </c>
      <c r="C78" s="10">
        <v>11</v>
      </c>
      <c r="D78" s="9">
        <v>22</v>
      </c>
    </row>
    <row r="79" spans="1:4" ht="18" customHeight="1" x14ac:dyDescent="0.2">
      <c r="A79" s="16">
        <v>61</v>
      </c>
      <c r="B79" s="29">
        <v>9</v>
      </c>
      <c r="C79" s="10">
        <v>14</v>
      </c>
      <c r="D79" s="9">
        <v>23</v>
      </c>
    </row>
    <row r="80" spans="1:4" ht="18" customHeight="1" x14ac:dyDescent="0.2">
      <c r="A80" s="16">
        <v>62</v>
      </c>
      <c r="B80" s="29">
        <v>14</v>
      </c>
      <c r="C80" s="10">
        <v>9</v>
      </c>
      <c r="D80" s="9">
        <v>23</v>
      </c>
    </row>
    <row r="81" spans="1:4" ht="18" customHeight="1" x14ac:dyDescent="0.2">
      <c r="A81" s="16">
        <v>63</v>
      </c>
      <c r="B81" s="29">
        <v>13</v>
      </c>
      <c r="C81" s="10">
        <v>13</v>
      </c>
      <c r="D81" s="9">
        <v>26</v>
      </c>
    </row>
    <row r="82" spans="1:4" ht="18" customHeight="1" x14ac:dyDescent="0.2">
      <c r="A82" s="16">
        <v>64</v>
      </c>
      <c r="B82" s="29">
        <v>17</v>
      </c>
      <c r="C82" s="10">
        <v>10</v>
      </c>
      <c r="D82" s="9">
        <v>27</v>
      </c>
    </row>
    <row r="83" spans="1:4" ht="18" customHeight="1" x14ac:dyDescent="0.2">
      <c r="A83" s="8" t="s">
        <v>12</v>
      </c>
      <c r="B83" s="29">
        <v>64</v>
      </c>
      <c r="C83" s="10">
        <v>57</v>
      </c>
      <c r="D83" s="9">
        <v>121</v>
      </c>
    </row>
    <row r="84" spans="1:4" ht="18" customHeight="1" x14ac:dyDescent="0.2">
      <c r="A84" s="8" t="s">
        <v>11</v>
      </c>
      <c r="B84" s="29">
        <v>480</v>
      </c>
      <c r="C84" s="10">
        <v>393</v>
      </c>
      <c r="D84" s="9">
        <v>873</v>
      </c>
    </row>
    <row r="85" spans="1:4" ht="18" customHeight="1" x14ac:dyDescent="0.2">
      <c r="A85" s="16">
        <v>65</v>
      </c>
      <c r="B85" s="29">
        <v>15</v>
      </c>
      <c r="C85" s="10">
        <v>16</v>
      </c>
      <c r="D85" s="9">
        <v>31</v>
      </c>
    </row>
    <row r="86" spans="1:4" ht="18" customHeight="1" x14ac:dyDescent="0.2">
      <c r="A86" s="16">
        <v>66</v>
      </c>
      <c r="B86" s="29">
        <v>8</v>
      </c>
      <c r="C86" s="10">
        <v>11</v>
      </c>
      <c r="D86" s="9">
        <v>19</v>
      </c>
    </row>
    <row r="87" spans="1:4" ht="18" customHeight="1" x14ac:dyDescent="0.2">
      <c r="A87" s="16">
        <v>67</v>
      </c>
      <c r="B87" s="29">
        <v>14</v>
      </c>
      <c r="C87" s="10">
        <v>10</v>
      </c>
      <c r="D87" s="9">
        <v>24</v>
      </c>
    </row>
    <row r="88" spans="1:4" ht="18" customHeight="1" x14ac:dyDescent="0.2">
      <c r="A88" s="16">
        <v>68</v>
      </c>
      <c r="B88" s="29">
        <v>14</v>
      </c>
      <c r="C88" s="10">
        <v>16</v>
      </c>
      <c r="D88" s="9">
        <v>30</v>
      </c>
    </row>
    <row r="89" spans="1:4" ht="18" customHeight="1" x14ac:dyDescent="0.2">
      <c r="A89" s="16">
        <v>69</v>
      </c>
      <c r="B89" s="29">
        <v>11</v>
      </c>
      <c r="C89" s="10">
        <v>12</v>
      </c>
      <c r="D89" s="9">
        <v>23</v>
      </c>
    </row>
    <row r="90" spans="1:4" ht="18" customHeight="1" x14ac:dyDescent="0.2">
      <c r="A90" s="8" t="s">
        <v>10</v>
      </c>
      <c r="B90" s="29">
        <v>62</v>
      </c>
      <c r="C90" s="10">
        <v>65</v>
      </c>
      <c r="D90" s="9">
        <v>127</v>
      </c>
    </row>
    <row r="91" spans="1:4" ht="18" customHeight="1" x14ac:dyDescent="0.2">
      <c r="A91" s="16">
        <v>70</v>
      </c>
      <c r="B91" s="29">
        <v>13</v>
      </c>
      <c r="C91" s="10">
        <v>18</v>
      </c>
      <c r="D91" s="9">
        <v>31</v>
      </c>
    </row>
    <row r="92" spans="1:4" ht="18" customHeight="1" x14ac:dyDescent="0.2">
      <c r="A92" s="16">
        <v>71</v>
      </c>
      <c r="B92" s="29">
        <v>17</v>
      </c>
      <c r="C92" s="10">
        <v>18</v>
      </c>
      <c r="D92" s="9">
        <v>35</v>
      </c>
    </row>
    <row r="93" spans="1:4" ht="18" customHeight="1" x14ac:dyDescent="0.2">
      <c r="A93" s="16">
        <v>72</v>
      </c>
      <c r="B93" s="29">
        <v>24</v>
      </c>
      <c r="C93" s="10">
        <v>20</v>
      </c>
      <c r="D93" s="9">
        <v>44</v>
      </c>
    </row>
    <row r="94" spans="1:4" ht="18" customHeight="1" x14ac:dyDescent="0.2">
      <c r="A94" s="16">
        <v>73</v>
      </c>
      <c r="B94" s="29">
        <v>20</v>
      </c>
      <c r="C94" s="10">
        <v>24</v>
      </c>
      <c r="D94" s="9">
        <v>44</v>
      </c>
    </row>
    <row r="95" spans="1:4" ht="18" customHeight="1" x14ac:dyDescent="0.2">
      <c r="A95" s="16">
        <v>74</v>
      </c>
      <c r="B95" s="29">
        <v>24</v>
      </c>
      <c r="C95" s="10">
        <v>25</v>
      </c>
      <c r="D95" s="9">
        <v>49</v>
      </c>
    </row>
    <row r="96" spans="1:4" ht="18" customHeight="1" x14ac:dyDescent="0.2">
      <c r="A96" s="8" t="s">
        <v>9</v>
      </c>
      <c r="B96" s="29">
        <v>98</v>
      </c>
      <c r="C96" s="10">
        <v>105</v>
      </c>
      <c r="D96" s="9">
        <v>203</v>
      </c>
    </row>
    <row r="97" spans="1:4" ht="18" customHeight="1" x14ac:dyDescent="0.2">
      <c r="A97" s="16">
        <v>75</v>
      </c>
      <c r="B97" s="29">
        <v>19</v>
      </c>
      <c r="C97" s="10">
        <v>29</v>
      </c>
      <c r="D97" s="9">
        <v>48</v>
      </c>
    </row>
    <row r="98" spans="1:4" ht="18" customHeight="1" x14ac:dyDescent="0.2">
      <c r="A98" s="16">
        <v>76</v>
      </c>
      <c r="B98" s="29">
        <v>32</v>
      </c>
      <c r="C98" s="10">
        <v>36</v>
      </c>
      <c r="D98" s="9">
        <v>68</v>
      </c>
    </row>
    <row r="99" spans="1:4" ht="18" customHeight="1" x14ac:dyDescent="0.2">
      <c r="A99" s="16">
        <v>77</v>
      </c>
      <c r="B99" s="29">
        <v>11</v>
      </c>
      <c r="C99" s="10">
        <v>11</v>
      </c>
      <c r="D99" s="9">
        <v>22</v>
      </c>
    </row>
    <row r="100" spans="1:4" ht="18" customHeight="1" x14ac:dyDescent="0.2">
      <c r="A100" s="16">
        <v>78</v>
      </c>
      <c r="B100" s="29">
        <v>10</v>
      </c>
      <c r="C100" s="10">
        <v>17</v>
      </c>
      <c r="D100" s="9">
        <v>27</v>
      </c>
    </row>
    <row r="101" spans="1:4" ht="18" customHeight="1" x14ac:dyDescent="0.2">
      <c r="A101" s="16">
        <v>79</v>
      </c>
      <c r="B101" s="29">
        <v>20</v>
      </c>
      <c r="C101" s="10">
        <v>15</v>
      </c>
      <c r="D101" s="9">
        <v>35</v>
      </c>
    </row>
    <row r="102" spans="1:4" ht="18" customHeight="1" x14ac:dyDescent="0.2">
      <c r="A102" s="8" t="s">
        <v>8</v>
      </c>
      <c r="B102" s="29">
        <v>92</v>
      </c>
      <c r="C102" s="10">
        <v>108</v>
      </c>
      <c r="D102" s="9">
        <v>200</v>
      </c>
    </row>
    <row r="103" spans="1:4" ht="18" customHeight="1" x14ac:dyDescent="0.2">
      <c r="A103" s="16">
        <v>80</v>
      </c>
      <c r="B103" s="29">
        <v>14</v>
      </c>
      <c r="C103" s="10">
        <v>17</v>
      </c>
      <c r="D103" s="9">
        <v>31</v>
      </c>
    </row>
    <row r="104" spans="1:4" ht="18" customHeight="1" x14ac:dyDescent="0.2">
      <c r="A104" s="16">
        <v>81</v>
      </c>
      <c r="B104" s="29">
        <v>18</v>
      </c>
      <c r="C104" s="10">
        <v>11</v>
      </c>
      <c r="D104" s="9">
        <v>29</v>
      </c>
    </row>
    <row r="105" spans="1:4" ht="18" customHeight="1" x14ac:dyDescent="0.2">
      <c r="A105" s="16">
        <v>82</v>
      </c>
      <c r="B105" s="29">
        <v>9</v>
      </c>
      <c r="C105" s="10">
        <v>12</v>
      </c>
      <c r="D105" s="9">
        <v>21</v>
      </c>
    </row>
    <row r="106" spans="1:4" ht="18" customHeight="1" x14ac:dyDescent="0.2">
      <c r="A106" s="16">
        <v>83</v>
      </c>
      <c r="B106" s="29">
        <v>9</v>
      </c>
      <c r="C106" s="10">
        <v>17</v>
      </c>
      <c r="D106" s="9">
        <v>26</v>
      </c>
    </row>
    <row r="107" spans="1:4" ht="18" customHeight="1" x14ac:dyDescent="0.2">
      <c r="A107" s="16">
        <v>84</v>
      </c>
      <c r="B107" s="29">
        <v>3</v>
      </c>
      <c r="C107" s="10">
        <v>10</v>
      </c>
      <c r="D107" s="9">
        <v>13</v>
      </c>
    </row>
    <row r="108" spans="1:4" ht="18" customHeight="1" x14ac:dyDescent="0.2">
      <c r="A108" s="8" t="s">
        <v>7</v>
      </c>
      <c r="B108" s="29">
        <v>53</v>
      </c>
      <c r="C108" s="10">
        <v>67</v>
      </c>
      <c r="D108" s="9">
        <v>120</v>
      </c>
    </row>
    <row r="109" spans="1:4" ht="18" customHeight="1" x14ac:dyDescent="0.2">
      <c r="A109" s="16">
        <v>85</v>
      </c>
      <c r="B109" s="29">
        <v>6</v>
      </c>
      <c r="C109" s="10">
        <v>13</v>
      </c>
      <c r="D109" s="9">
        <v>19</v>
      </c>
    </row>
    <row r="110" spans="1:4" ht="18" customHeight="1" x14ac:dyDescent="0.2">
      <c r="A110" s="16">
        <v>86</v>
      </c>
      <c r="B110" s="29">
        <v>10</v>
      </c>
      <c r="C110" s="10">
        <v>17</v>
      </c>
      <c r="D110" s="9">
        <v>27</v>
      </c>
    </row>
    <row r="111" spans="1:4" ht="18" customHeight="1" x14ac:dyDescent="0.2">
      <c r="A111" s="16">
        <v>87</v>
      </c>
      <c r="B111" s="29">
        <v>5</v>
      </c>
      <c r="C111" s="10">
        <v>11</v>
      </c>
      <c r="D111" s="9">
        <v>16</v>
      </c>
    </row>
    <row r="112" spans="1:4" ht="18" customHeight="1" x14ac:dyDescent="0.2">
      <c r="A112" s="16">
        <v>88</v>
      </c>
      <c r="B112" s="29">
        <v>3</v>
      </c>
      <c r="C112" s="10">
        <v>6</v>
      </c>
      <c r="D112" s="9">
        <v>9</v>
      </c>
    </row>
    <row r="113" spans="1:4" ht="18" customHeight="1" x14ac:dyDescent="0.2">
      <c r="A113" s="16">
        <v>89</v>
      </c>
      <c r="B113" s="29">
        <v>7</v>
      </c>
      <c r="C113" s="10">
        <v>8</v>
      </c>
      <c r="D113" s="9">
        <v>15</v>
      </c>
    </row>
    <row r="114" spans="1:4" ht="18" customHeight="1" x14ac:dyDescent="0.2">
      <c r="A114" s="8" t="s">
        <v>6</v>
      </c>
      <c r="B114" s="29">
        <v>31</v>
      </c>
      <c r="C114" s="10">
        <v>55</v>
      </c>
      <c r="D114" s="9">
        <v>86</v>
      </c>
    </row>
    <row r="115" spans="1:4" ht="18" customHeight="1" x14ac:dyDescent="0.2">
      <c r="A115" s="16">
        <v>90</v>
      </c>
      <c r="B115" s="29">
        <v>2</v>
      </c>
      <c r="C115" s="10">
        <v>11</v>
      </c>
      <c r="D115" s="9">
        <v>13</v>
      </c>
    </row>
    <row r="116" spans="1:4" ht="18" customHeight="1" x14ac:dyDescent="0.2">
      <c r="A116" s="16">
        <v>91</v>
      </c>
      <c r="B116" s="29">
        <v>2</v>
      </c>
      <c r="C116" s="10">
        <v>5</v>
      </c>
      <c r="D116" s="9">
        <v>7</v>
      </c>
    </row>
    <row r="117" spans="1:4" ht="18" customHeight="1" x14ac:dyDescent="0.2">
      <c r="A117" s="16">
        <v>92</v>
      </c>
      <c r="B117" s="29">
        <v>3</v>
      </c>
      <c r="C117" s="10">
        <v>7</v>
      </c>
      <c r="D117" s="9">
        <v>10</v>
      </c>
    </row>
    <row r="118" spans="1:4" ht="18" customHeight="1" x14ac:dyDescent="0.2">
      <c r="A118" s="16">
        <v>93</v>
      </c>
      <c r="B118" s="29">
        <v>1</v>
      </c>
      <c r="C118" s="10">
        <v>4</v>
      </c>
      <c r="D118" s="9">
        <v>5</v>
      </c>
    </row>
    <row r="119" spans="1:4" ht="18" customHeight="1" x14ac:dyDescent="0.2">
      <c r="A119" s="16">
        <v>94</v>
      </c>
      <c r="B119" s="29">
        <v>2</v>
      </c>
      <c r="C119" s="10">
        <v>2</v>
      </c>
      <c r="D119" s="9">
        <v>4</v>
      </c>
    </row>
    <row r="120" spans="1:4" ht="18" customHeight="1" x14ac:dyDescent="0.2">
      <c r="A120" s="8" t="s">
        <v>5</v>
      </c>
      <c r="B120" s="29">
        <v>10</v>
      </c>
      <c r="C120" s="10">
        <v>29</v>
      </c>
      <c r="D120" s="9">
        <v>39</v>
      </c>
    </row>
    <row r="121" spans="1:4" ht="18" customHeight="1" x14ac:dyDescent="0.2">
      <c r="A121" s="16">
        <v>95</v>
      </c>
      <c r="B121" s="29">
        <v>1</v>
      </c>
      <c r="C121" s="10">
        <v>4</v>
      </c>
      <c r="D121" s="9">
        <v>5</v>
      </c>
    </row>
    <row r="122" spans="1:4" ht="18" customHeight="1" x14ac:dyDescent="0.2">
      <c r="A122" s="16">
        <v>96</v>
      </c>
      <c r="B122" s="29">
        <v>1</v>
      </c>
      <c r="C122" s="10">
        <v>4</v>
      </c>
      <c r="D122" s="9">
        <v>5</v>
      </c>
    </row>
    <row r="123" spans="1:4" ht="18" customHeight="1" x14ac:dyDescent="0.2">
      <c r="A123" s="16">
        <v>97</v>
      </c>
      <c r="B123" s="29">
        <v>0</v>
      </c>
      <c r="C123" s="10">
        <v>1</v>
      </c>
      <c r="D123" s="9">
        <v>1</v>
      </c>
    </row>
    <row r="124" spans="1:4" ht="18" customHeight="1" x14ac:dyDescent="0.2">
      <c r="A124" s="16">
        <v>98</v>
      </c>
      <c r="B124" s="29">
        <v>0</v>
      </c>
      <c r="C124" s="10">
        <v>2</v>
      </c>
      <c r="D124" s="9">
        <v>2</v>
      </c>
    </row>
    <row r="125" spans="1:4" ht="18" customHeight="1" x14ac:dyDescent="0.2">
      <c r="A125" s="16">
        <v>99</v>
      </c>
      <c r="B125" s="29">
        <v>0</v>
      </c>
      <c r="C125" s="10">
        <v>0</v>
      </c>
      <c r="D125" s="9">
        <v>0</v>
      </c>
    </row>
    <row r="126" spans="1:4" ht="18" customHeight="1" x14ac:dyDescent="0.2">
      <c r="A126" s="8" t="s">
        <v>4</v>
      </c>
      <c r="B126" s="29">
        <v>2</v>
      </c>
      <c r="C126" s="10">
        <v>11</v>
      </c>
      <c r="D126" s="9">
        <v>13</v>
      </c>
    </row>
    <row r="127" spans="1:4" ht="18" customHeight="1" x14ac:dyDescent="0.2">
      <c r="A127" s="16">
        <v>100</v>
      </c>
      <c r="B127" s="29">
        <v>0</v>
      </c>
      <c r="C127" s="10">
        <v>0</v>
      </c>
      <c r="D127" s="9">
        <v>0</v>
      </c>
    </row>
    <row r="128" spans="1:4" ht="18" customHeight="1" x14ac:dyDescent="0.2">
      <c r="A128" s="15" t="s">
        <v>3</v>
      </c>
      <c r="B128" s="29">
        <v>0</v>
      </c>
      <c r="C128" s="10">
        <v>1</v>
      </c>
      <c r="D128" s="9">
        <v>1</v>
      </c>
    </row>
    <row r="129" spans="1:4" ht="18" customHeight="1" x14ac:dyDescent="0.2">
      <c r="A129" s="8" t="s">
        <v>2</v>
      </c>
      <c r="B129" s="29">
        <v>0</v>
      </c>
      <c r="C129" s="10">
        <v>1</v>
      </c>
      <c r="D129" s="9">
        <v>1</v>
      </c>
    </row>
    <row r="130" spans="1:4" ht="18" customHeight="1" x14ac:dyDescent="0.2">
      <c r="A130" s="8" t="s">
        <v>1</v>
      </c>
      <c r="B130" s="28">
        <v>348</v>
      </c>
      <c r="C130" s="6">
        <v>441</v>
      </c>
      <c r="D130" s="5">
        <v>789</v>
      </c>
    </row>
    <row r="131" spans="1:4" ht="18" customHeight="1" x14ac:dyDescent="0.2">
      <c r="A131" s="4" t="s">
        <v>0</v>
      </c>
      <c r="B131" s="27">
        <v>898</v>
      </c>
      <c r="C131" s="2">
        <v>904</v>
      </c>
      <c r="D131" s="1">
        <v>1802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6DD916-54B0-4ECF-9F65-4B717F923C46}">
  <sheetPr codeName="Sheet5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77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8</v>
      </c>
      <c r="C5" s="18">
        <v>9</v>
      </c>
      <c r="D5" s="17">
        <v>17</v>
      </c>
    </row>
    <row r="6" spans="1:4" ht="18" customHeight="1" x14ac:dyDescent="0.2">
      <c r="A6" s="16">
        <v>1</v>
      </c>
      <c r="B6" s="29">
        <v>8</v>
      </c>
      <c r="C6" s="10">
        <v>11</v>
      </c>
      <c r="D6" s="9">
        <v>19</v>
      </c>
    </row>
    <row r="7" spans="1:4" ht="18" customHeight="1" x14ac:dyDescent="0.2">
      <c r="A7" s="16">
        <v>2</v>
      </c>
      <c r="B7" s="29">
        <v>13</v>
      </c>
      <c r="C7" s="10">
        <v>7</v>
      </c>
      <c r="D7" s="9">
        <v>20</v>
      </c>
    </row>
    <row r="8" spans="1:4" ht="18" customHeight="1" x14ac:dyDescent="0.2">
      <c r="A8" s="16">
        <v>3</v>
      </c>
      <c r="B8" s="29">
        <v>8</v>
      </c>
      <c r="C8" s="10">
        <v>6</v>
      </c>
      <c r="D8" s="9">
        <v>14</v>
      </c>
    </row>
    <row r="9" spans="1:4" ht="18" customHeight="1" x14ac:dyDescent="0.2">
      <c r="A9" s="16">
        <v>4</v>
      </c>
      <c r="B9" s="29">
        <v>6</v>
      </c>
      <c r="C9" s="10">
        <v>9</v>
      </c>
      <c r="D9" s="9">
        <v>15</v>
      </c>
    </row>
    <row r="10" spans="1:4" ht="18" customHeight="1" x14ac:dyDescent="0.2">
      <c r="A10" s="8" t="s">
        <v>25</v>
      </c>
      <c r="B10" s="29">
        <v>43</v>
      </c>
      <c r="C10" s="10">
        <v>42</v>
      </c>
      <c r="D10" s="9">
        <v>85</v>
      </c>
    </row>
    <row r="11" spans="1:4" ht="18" customHeight="1" x14ac:dyDescent="0.2">
      <c r="A11" s="16">
        <v>5</v>
      </c>
      <c r="B11" s="29">
        <v>17</v>
      </c>
      <c r="C11" s="10">
        <v>7</v>
      </c>
      <c r="D11" s="9">
        <v>24</v>
      </c>
    </row>
    <row r="12" spans="1:4" ht="18" customHeight="1" x14ac:dyDescent="0.2">
      <c r="A12" s="16">
        <v>6</v>
      </c>
      <c r="B12" s="29">
        <v>5</v>
      </c>
      <c r="C12" s="10">
        <v>11</v>
      </c>
      <c r="D12" s="9">
        <v>16</v>
      </c>
    </row>
    <row r="13" spans="1:4" ht="18" customHeight="1" x14ac:dyDescent="0.2">
      <c r="A13" s="16">
        <v>7</v>
      </c>
      <c r="B13" s="29">
        <v>12</v>
      </c>
      <c r="C13" s="10">
        <v>11</v>
      </c>
      <c r="D13" s="9">
        <v>23</v>
      </c>
    </row>
    <row r="14" spans="1:4" ht="18" customHeight="1" x14ac:dyDescent="0.2">
      <c r="A14" s="16">
        <v>8</v>
      </c>
      <c r="B14" s="29">
        <v>15</v>
      </c>
      <c r="C14" s="10">
        <v>9</v>
      </c>
      <c r="D14" s="9">
        <v>24</v>
      </c>
    </row>
    <row r="15" spans="1:4" ht="18" customHeight="1" x14ac:dyDescent="0.2">
      <c r="A15" s="16">
        <v>9</v>
      </c>
      <c r="B15" s="29">
        <v>11</v>
      </c>
      <c r="C15" s="10">
        <v>9</v>
      </c>
      <c r="D15" s="9">
        <v>20</v>
      </c>
    </row>
    <row r="16" spans="1:4" ht="18" customHeight="1" x14ac:dyDescent="0.2">
      <c r="A16" s="8" t="s">
        <v>24</v>
      </c>
      <c r="B16" s="29">
        <v>60</v>
      </c>
      <c r="C16" s="10">
        <v>47</v>
      </c>
      <c r="D16" s="9">
        <v>107</v>
      </c>
    </row>
    <row r="17" spans="1:4" ht="18" customHeight="1" x14ac:dyDescent="0.2">
      <c r="A17" s="16">
        <v>10</v>
      </c>
      <c r="B17" s="29">
        <v>7</v>
      </c>
      <c r="C17" s="10">
        <v>11</v>
      </c>
      <c r="D17" s="9">
        <v>18</v>
      </c>
    </row>
    <row r="18" spans="1:4" ht="18" customHeight="1" x14ac:dyDescent="0.2">
      <c r="A18" s="16">
        <v>11</v>
      </c>
      <c r="B18" s="29">
        <v>14</v>
      </c>
      <c r="C18" s="10">
        <v>10</v>
      </c>
      <c r="D18" s="9">
        <v>24</v>
      </c>
    </row>
    <row r="19" spans="1:4" ht="18" customHeight="1" x14ac:dyDescent="0.2">
      <c r="A19" s="16">
        <v>12</v>
      </c>
      <c r="B19" s="29">
        <v>15</v>
      </c>
      <c r="C19" s="10">
        <v>10</v>
      </c>
      <c r="D19" s="9">
        <v>25</v>
      </c>
    </row>
    <row r="20" spans="1:4" ht="18" customHeight="1" x14ac:dyDescent="0.2">
      <c r="A20" s="16">
        <v>13</v>
      </c>
      <c r="B20" s="29">
        <v>12</v>
      </c>
      <c r="C20" s="10">
        <v>11</v>
      </c>
      <c r="D20" s="9">
        <v>23</v>
      </c>
    </row>
    <row r="21" spans="1:4" ht="18" customHeight="1" x14ac:dyDescent="0.2">
      <c r="A21" s="16">
        <v>14</v>
      </c>
      <c r="B21" s="29">
        <v>8</v>
      </c>
      <c r="C21" s="10">
        <v>18</v>
      </c>
      <c r="D21" s="9">
        <v>26</v>
      </c>
    </row>
    <row r="22" spans="1:4" ht="18" customHeight="1" x14ac:dyDescent="0.2">
      <c r="A22" s="8" t="s">
        <v>23</v>
      </c>
      <c r="B22" s="29">
        <v>56</v>
      </c>
      <c r="C22" s="10">
        <v>60</v>
      </c>
      <c r="D22" s="9">
        <v>116</v>
      </c>
    </row>
    <row r="23" spans="1:4" ht="18" customHeight="1" x14ac:dyDescent="0.2">
      <c r="A23" s="8" t="s">
        <v>22</v>
      </c>
      <c r="B23" s="29">
        <v>159</v>
      </c>
      <c r="C23" s="10">
        <v>149</v>
      </c>
      <c r="D23" s="9">
        <v>308</v>
      </c>
    </row>
    <row r="24" spans="1:4" ht="18" customHeight="1" x14ac:dyDescent="0.2">
      <c r="A24" s="16">
        <v>15</v>
      </c>
      <c r="B24" s="29">
        <v>17</v>
      </c>
      <c r="C24" s="10">
        <v>14</v>
      </c>
      <c r="D24" s="9">
        <v>31</v>
      </c>
    </row>
    <row r="25" spans="1:4" ht="18" customHeight="1" x14ac:dyDescent="0.2">
      <c r="A25" s="16">
        <v>16</v>
      </c>
      <c r="B25" s="29">
        <v>15</v>
      </c>
      <c r="C25" s="10">
        <v>13</v>
      </c>
      <c r="D25" s="9">
        <v>28</v>
      </c>
    </row>
    <row r="26" spans="1:4" ht="18" customHeight="1" x14ac:dyDescent="0.2">
      <c r="A26" s="16">
        <v>17</v>
      </c>
      <c r="B26" s="29">
        <v>16</v>
      </c>
      <c r="C26" s="10">
        <v>13</v>
      </c>
      <c r="D26" s="9">
        <v>29</v>
      </c>
    </row>
    <row r="27" spans="1:4" ht="18" customHeight="1" x14ac:dyDescent="0.2">
      <c r="A27" s="16">
        <v>18</v>
      </c>
      <c r="B27" s="29">
        <v>14</v>
      </c>
      <c r="C27" s="10">
        <v>18</v>
      </c>
      <c r="D27" s="9">
        <v>32</v>
      </c>
    </row>
    <row r="28" spans="1:4" ht="18" customHeight="1" x14ac:dyDescent="0.2">
      <c r="A28" s="16">
        <v>19</v>
      </c>
      <c r="B28" s="29">
        <v>15</v>
      </c>
      <c r="C28" s="10">
        <v>14</v>
      </c>
      <c r="D28" s="9">
        <v>29</v>
      </c>
    </row>
    <row r="29" spans="1:4" ht="18" customHeight="1" x14ac:dyDescent="0.2">
      <c r="A29" s="8" t="s">
        <v>21</v>
      </c>
      <c r="B29" s="29">
        <v>77</v>
      </c>
      <c r="C29" s="10">
        <v>72</v>
      </c>
      <c r="D29" s="9">
        <v>149</v>
      </c>
    </row>
    <row r="30" spans="1:4" ht="18" customHeight="1" x14ac:dyDescent="0.2">
      <c r="A30" s="16">
        <v>20</v>
      </c>
      <c r="B30" s="29">
        <v>13</v>
      </c>
      <c r="C30" s="10">
        <v>23</v>
      </c>
      <c r="D30" s="9">
        <v>36</v>
      </c>
    </row>
    <row r="31" spans="1:4" ht="18" customHeight="1" x14ac:dyDescent="0.2">
      <c r="A31" s="16">
        <v>21</v>
      </c>
      <c r="B31" s="29">
        <v>15</v>
      </c>
      <c r="C31" s="10">
        <v>17</v>
      </c>
      <c r="D31" s="9">
        <v>32</v>
      </c>
    </row>
    <row r="32" spans="1:4" ht="18" customHeight="1" x14ac:dyDescent="0.2">
      <c r="A32" s="16">
        <v>22</v>
      </c>
      <c r="B32" s="29">
        <v>18</v>
      </c>
      <c r="C32" s="10">
        <v>18</v>
      </c>
      <c r="D32" s="9">
        <v>36</v>
      </c>
    </row>
    <row r="33" spans="1:4" ht="18" customHeight="1" x14ac:dyDescent="0.2">
      <c r="A33" s="16">
        <v>23</v>
      </c>
      <c r="B33" s="29">
        <v>19</v>
      </c>
      <c r="C33" s="10">
        <v>14</v>
      </c>
      <c r="D33" s="9">
        <v>33</v>
      </c>
    </row>
    <row r="34" spans="1:4" ht="18" customHeight="1" x14ac:dyDescent="0.2">
      <c r="A34" s="16">
        <v>24</v>
      </c>
      <c r="B34" s="29">
        <v>18</v>
      </c>
      <c r="C34" s="10">
        <v>13</v>
      </c>
      <c r="D34" s="9">
        <v>31</v>
      </c>
    </row>
    <row r="35" spans="1:4" ht="18" customHeight="1" x14ac:dyDescent="0.2">
      <c r="A35" s="8" t="s">
        <v>20</v>
      </c>
      <c r="B35" s="29">
        <v>83</v>
      </c>
      <c r="C35" s="10">
        <v>85</v>
      </c>
      <c r="D35" s="9">
        <v>168</v>
      </c>
    </row>
    <row r="36" spans="1:4" ht="18" customHeight="1" x14ac:dyDescent="0.2">
      <c r="A36" s="16">
        <v>25</v>
      </c>
      <c r="B36" s="29">
        <v>21</v>
      </c>
      <c r="C36" s="10">
        <v>8</v>
      </c>
      <c r="D36" s="9">
        <v>29</v>
      </c>
    </row>
    <row r="37" spans="1:4" ht="18" customHeight="1" x14ac:dyDescent="0.2">
      <c r="A37" s="16">
        <v>26</v>
      </c>
      <c r="B37" s="29">
        <v>20</v>
      </c>
      <c r="C37" s="10">
        <v>11</v>
      </c>
      <c r="D37" s="9">
        <v>31</v>
      </c>
    </row>
    <row r="38" spans="1:4" ht="18" customHeight="1" x14ac:dyDescent="0.2">
      <c r="A38" s="16">
        <v>27</v>
      </c>
      <c r="B38" s="29">
        <v>16</v>
      </c>
      <c r="C38" s="10">
        <v>15</v>
      </c>
      <c r="D38" s="9">
        <v>31</v>
      </c>
    </row>
    <row r="39" spans="1:4" ht="18" customHeight="1" x14ac:dyDescent="0.2">
      <c r="A39" s="16">
        <v>28</v>
      </c>
      <c r="B39" s="29">
        <v>13</v>
      </c>
      <c r="C39" s="10">
        <v>12</v>
      </c>
      <c r="D39" s="9">
        <v>25</v>
      </c>
    </row>
    <row r="40" spans="1:4" ht="18" customHeight="1" x14ac:dyDescent="0.2">
      <c r="A40" s="16">
        <v>29</v>
      </c>
      <c r="B40" s="29">
        <v>19</v>
      </c>
      <c r="C40" s="10">
        <v>19</v>
      </c>
      <c r="D40" s="9">
        <v>38</v>
      </c>
    </row>
    <row r="41" spans="1:4" ht="18" customHeight="1" x14ac:dyDescent="0.2">
      <c r="A41" s="8" t="s">
        <v>19</v>
      </c>
      <c r="B41" s="29">
        <v>89</v>
      </c>
      <c r="C41" s="10">
        <v>65</v>
      </c>
      <c r="D41" s="9">
        <v>154</v>
      </c>
    </row>
    <row r="42" spans="1:4" ht="18" customHeight="1" x14ac:dyDescent="0.2">
      <c r="A42" s="16">
        <v>30</v>
      </c>
      <c r="B42" s="29">
        <v>12</v>
      </c>
      <c r="C42" s="10">
        <v>12</v>
      </c>
      <c r="D42" s="9">
        <v>24</v>
      </c>
    </row>
    <row r="43" spans="1:4" ht="18" customHeight="1" x14ac:dyDescent="0.2">
      <c r="A43" s="16">
        <v>31</v>
      </c>
      <c r="B43" s="29">
        <v>17</v>
      </c>
      <c r="C43" s="10">
        <v>21</v>
      </c>
      <c r="D43" s="9">
        <v>38</v>
      </c>
    </row>
    <row r="44" spans="1:4" ht="18" customHeight="1" x14ac:dyDescent="0.2">
      <c r="A44" s="16">
        <v>32</v>
      </c>
      <c r="B44" s="29">
        <v>7</v>
      </c>
      <c r="C44" s="10">
        <v>18</v>
      </c>
      <c r="D44" s="9">
        <v>25</v>
      </c>
    </row>
    <row r="45" spans="1:4" ht="18" customHeight="1" x14ac:dyDescent="0.2">
      <c r="A45" s="16">
        <v>33</v>
      </c>
      <c r="B45" s="29">
        <v>12</v>
      </c>
      <c r="C45" s="10">
        <v>12</v>
      </c>
      <c r="D45" s="9">
        <v>24</v>
      </c>
    </row>
    <row r="46" spans="1:4" ht="18" customHeight="1" x14ac:dyDescent="0.2">
      <c r="A46" s="16">
        <v>34</v>
      </c>
      <c r="B46" s="29">
        <v>23</v>
      </c>
      <c r="C46" s="10">
        <v>14</v>
      </c>
      <c r="D46" s="9">
        <v>37</v>
      </c>
    </row>
    <row r="47" spans="1:4" ht="18" customHeight="1" x14ac:dyDescent="0.2">
      <c r="A47" s="8" t="s">
        <v>18</v>
      </c>
      <c r="B47" s="29">
        <v>71</v>
      </c>
      <c r="C47" s="10">
        <v>77</v>
      </c>
      <c r="D47" s="9">
        <v>148</v>
      </c>
    </row>
    <row r="48" spans="1:4" ht="18" customHeight="1" x14ac:dyDescent="0.2">
      <c r="A48" s="16">
        <v>35</v>
      </c>
      <c r="B48" s="29">
        <v>17</v>
      </c>
      <c r="C48" s="10">
        <v>24</v>
      </c>
      <c r="D48" s="9">
        <v>41</v>
      </c>
    </row>
    <row r="49" spans="1:4" ht="18" customHeight="1" x14ac:dyDescent="0.2">
      <c r="A49" s="16">
        <v>36</v>
      </c>
      <c r="B49" s="29">
        <v>22</v>
      </c>
      <c r="C49" s="10">
        <v>17</v>
      </c>
      <c r="D49" s="9">
        <v>39</v>
      </c>
    </row>
    <row r="50" spans="1:4" ht="18" customHeight="1" x14ac:dyDescent="0.2">
      <c r="A50" s="16">
        <v>37</v>
      </c>
      <c r="B50" s="29">
        <v>27</v>
      </c>
      <c r="C50" s="10">
        <v>15</v>
      </c>
      <c r="D50" s="9">
        <v>42</v>
      </c>
    </row>
    <row r="51" spans="1:4" ht="18" customHeight="1" x14ac:dyDescent="0.2">
      <c r="A51" s="16">
        <v>38</v>
      </c>
      <c r="B51" s="29">
        <v>19</v>
      </c>
      <c r="C51" s="10">
        <v>12</v>
      </c>
      <c r="D51" s="9">
        <v>31</v>
      </c>
    </row>
    <row r="52" spans="1:4" ht="18" customHeight="1" x14ac:dyDescent="0.2">
      <c r="A52" s="16">
        <v>39</v>
      </c>
      <c r="B52" s="29">
        <v>23</v>
      </c>
      <c r="C52" s="10">
        <v>15</v>
      </c>
      <c r="D52" s="9">
        <v>38</v>
      </c>
    </row>
    <row r="53" spans="1:4" ht="18" customHeight="1" x14ac:dyDescent="0.2">
      <c r="A53" s="8" t="s">
        <v>17</v>
      </c>
      <c r="B53" s="29">
        <v>108</v>
      </c>
      <c r="C53" s="10">
        <v>83</v>
      </c>
      <c r="D53" s="9">
        <v>191</v>
      </c>
    </row>
    <row r="54" spans="1:4" ht="18" customHeight="1" x14ac:dyDescent="0.2">
      <c r="A54" s="16">
        <v>40</v>
      </c>
      <c r="B54" s="29">
        <v>19</v>
      </c>
      <c r="C54" s="10">
        <v>19</v>
      </c>
      <c r="D54" s="9">
        <v>38</v>
      </c>
    </row>
    <row r="55" spans="1:4" ht="18" customHeight="1" x14ac:dyDescent="0.2">
      <c r="A55" s="16">
        <v>41</v>
      </c>
      <c r="B55" s="29">
        <v>18</v>
      </c>
      <c r="C55" s="10">
        <v>17</v>
      </c>
      <c r="D55" s="9">
        <v>35</v>
      </c>
    </row>
    <row r="56" spans="1:4" ht="18" customHeight="1" x14ac:dyDescent="0.2">
      <c r="A56" s="16">
        <v>42</v>
      </c>
      <c r="B56" s="29">
        <v>26</v>
      </c>
      <c r="C56" s="10">
        <v>13</v>
      </c>
      <c r="D56" s="9">
        <v>39</v>
      </c>
    </row>
    <row r="57" spans="1:4" ht="18" customHeight="1" x14ac:dyDescent="0.2">
      <c r="A57" s="16">
        <v>43</v>
      </c>
      <c r="B57" s="29">
        <v>29</v>
      </c>
      <c r="C57" s="10">
        <v>17</v>
      </c>
      <c r="D57" s="9">
        <v>46</v>
      </c>
    </row>
    <row r="58" spans="1:4" ht="18" customHeight="1" x14ac:dyDescent="0.2">
      <c r="A58" s="16">
        <v>44</v>
      </c>
      <c r="B58" s="29">
        <v>20</v>
      </c>
      <c r="C58" s="10">
        <v>11</v>
      </c>
      <c r="D58" s="9">
        <v>31</v>
      </c>
    </row>
    <row r="59" spans="1:4" ht="18" customHeight="1" x14ac:dyDescent="0.2">
      <c r="A59" s="8" t="s">
        <v>16</v>
      </c>
      <c r="B59" s="29">
        <v>112</v>
      </c>
      <c r="C59" s="10">
        <v>77</v>
      </c>
      <c r="D59" s="9">
        <v>189</v>
      </c>
    </row>
    <row r="60" spans="1:4" ht="18" customHeight="1" x14ac:dyDescent="0.2">
      <c r="A60" s="16">
        <v>45</v>
      </c>
      <c r="B60" s="29">
        <v>30</v>
      </c>
      <c r="C60" s="10">
        <v>24</v>
      </c>
      <c r="D60" s="9">
        <v>54</v>
      </c>
    </row>
    <row r="61" spans="1:4" ht="18" customHeight="1" x14ac:dyDescent="0.2">
      <c r="A61" s="16">
        <v>46</v>
      </c>
      <c r="B61" s="29">
        <v>28</v>
      </c>
      <c r="C61" s="10">
        <v>25</v>
      </c>
      <c r="D61" s="9">
        <v>53</v>
      </c>
    </row>
    <row r="62" spans="1:4" ht="18" customHeight="1" x14ac:dyDescent="0.2">
      <c r="A62" s="16">
        <v>47</v>
      </c>
      <c r="B62" s="29">
        <v>31</v>
      </c>
      <c r="C62" s="10">
        <v>25</v>
      </c>
      <c r="D62" s="9">
        <v>56</v>
      </c>
    </row>
    <row r="63" spans="1:4" ht="18" customHeight="1" x14ac:dyDescent="0.2">
      <c r="A63" s="16">
        <v>48</v>
      </c>
      <c r="B63" s="29">
        <v>41</v>
      </c>
      <c r="C63" s="10">
        <v>20</v>
      </c>
      <c r="D63" s="9">
        <v>61</v>
      </c>
    </row>
    <row r="64" spans="1:4" ht="18" customHeight="1" x14ac:dyDescent="0.2">
      <c r="A64" s="16">
        <v>49</v>
      </c>
      <c r="B64" s="29">
        <v>34</v>
      </c>
      <c r="C64" s="10">
        <v>26</v>
      </c>
      <c r="D64" s="9">
        <v>60</v>
      </c>
    </row>
    <row r="65" spans="1:4" ht="18" customHeight="1" x14ac:dyDescent="0.2">
      <c r="A65" s="8" t="s">
        <v>15</v>
      </c>
      <c r="B65" s="29">
        <v>164</v>
      </c>
      <c r="C65" s="10">
        <v>120</v>
      </c>
      <c r="D65" s="9">
        <v>284</v>
      </c>
    </row>
    <row r="66" spans="1:4" ht="18" customHeight="1" x14ac:dyDescent="0.2">
      <c r="A66" s="16">
        <v>50</v>
      </c>
      <c r="B66" s="29">
        <v>33</v>
      </c>
      <c r="C66" s="10">
        <v>28</v>
      </c>
      <c r="D66" s="9">
        <v>61</v>
      </c>
    </row>
    <row r="67" spans="1:4" ht="18" customHeight="1" x14ac:dyDescent="0.2">
      <c r="A67" s="16">
        <v>51</v>
      </c>
      <c r="B67" s="29">
        <v>21</v>
      </c>
      <c r="C67" s="10">
        <v>16</v>
      </c>
      <c r="D67" s="9">
        <v>37</v>
      </c>
    </row>
    <row r="68" spans="1:4" ht="18" customHeight="1" x14ac:dyDescent="0.2">
      <c r="A68" s="16">
        <v>52</v>
      </c>
      <c r="B68" s="29">
        <v>33</v>
      </c>
      <c r="C68" s="10">
        <v>32</v>
      </c>
      <c r="D68" s="9">
        <v>65</v>
      </c>
    </row>
    <row r="69" spans="1:4" ht="18" customHeight="1" x14ac:dyDescent="0.2">
      <c r="A69" s="16">
        <v>53</v>
      </c>
      <c r="B69" s="29">
        <v>32</v>
      </c>
      <c r="C69" s="10">
        <v>23</v>
      </c>
      <c r="D69" s="9">
        <v>55</v>
      </c>
    </row>
    <row r="70" spans="1:4" ht="18" customHeight="1" x14ac:dyDescent="0.2">
      <c r="A70" s="16">
        <v>54</v>
      </c>
      <c r="B70" s="29">
        <v>23</v>
      </c>
      <c r="C70" s="10">
        <v>17</v>
      </c>
      <c r="D70" s="9">
        <v>40</v>
      </c>
    </row>
    <row r="71" spans="1:4" ht="18" customHeight="1" x14ac:dyDescent="0.2">
      <c r="A71" s="8" t="s">
        <v>14</v>
      </c>
      <c r="B71" s="29">
        <v>142</v>
      </c>
      <c r="C71" s="10">
        <v>116</v>
      </c>
      <c r="D71" s="9">
        <v>258</v>
      </c>
    </row>
    <row r="72" spans="1:4" ht="18" customHeight="1" x14ac:dyDescent="0.2">
      <c r="A72" s="16">
        <v>55</v>
      </c>
      <c r="B72" s="29">
        <v>19</v>
      </c>
      <c r="C72" s="10">
        <v>22</v>
      </c>
      <c r="D72" s="9">
        <v>41</v>
      </c>
    </row>
    <row r="73" spans="1:4" ht="18" customHeight="1" x14ac:dyDescent="0.2">
      <c r="A73" s="16">
        <v>56</v>
      </c>
      <c r="B73" s="29">
        <v>26</v>
      </c>
      <c r="C73" s="10">
        <v>22</v>
      </c>
      <c r="D73" s="9">
        <v>48</v>
      </c>
    </row>
    <row r="74" spans="1:4" ht="18" customHeight="1" x14ac:dyDescent="0.2">
      <c r="A74" s="16">
        <v>57</v>
      </c>
      <c r="B74" s="29">
        <v>18</v>
      </c>
      <c r="C74" s="10">
        <v>17</v>
      </c>
      <c r="D74" s="9">
        <v>35</v>
      </c>
    </row>
    <row r="75" spans="1:4" ht="18" customHeight="1" x14ac:dyDescent="0.2">
      <c r="A75" s="16">
        <v>58</v>
      </c>
      <c r="B75" s="29">
        <v>25</v>
      </c>
      <c r="C75" s="10">
        <v>22</v>
      </c>
      <c r="D75" s="9">
        <v>47</v>
      </c>
    </row>
    <row r="76" spans="1:4" ht="18" customHeight="1" x14ac:dyDescent="0.2">
      <c r="A76" s="16">
        <v>59</v>
      </c>
      <c r="B76" s="29">
        <v>24</v>
      </c>
      <c r="C76" s="10">
        <v>16</v>
      </c>
      <c r="D76" s="9">
        <v>40</v>
      </c>
    </row>
    <row r="77" spans="1:4" ht="18" customHeight="1" x14ac:dyDescent="0.2">
      <c r="A77" s="8" t="s">
        <v>13</v>
      </c>
      <c r="B77" s="29">
        <v>112</v>
      </c>
      <c r="C77" s="10">
        <v>99</v>
      </c>
      <c r="D77" s="9">
        <v>211</v>
      </c>
    </row>
    <row r="78" spans="1:4" ht="18" customHeight="1" x14ac:dyDescent="0.2">
      <c r="A78" s="16">
        <v>60</v>
      </c>
      <c r="B78" s="29">
        <v>28</v>
      </c>
      <c r="C78" s="10">
        <v>26</v>
      </c>
      <c r="D78" s="9">
        <v>54</v>
      </c>
    </row>
    <row r="79" spans="1:4" ht="18" customHeight="1" x14ac:dyDescent="0.2">
      <c r="A79" s="16">
        <v>61</v>
      </c>
      <c r="B79" s="29">
        <v>26</v>
      </c>
      <c r="C79" s="10">
        <v>27</v>
      </c>
      <c r="D79" s="9">
        <v>53</v>
      </c>
    </row>
    <row r="80" spans="1:4" ht="18" customHeight="1" x14ac:dyDescent="0.2">
      <c r="A80" s="16">
        <v>62</v>
      </c>
      <c r="B80" s="29">
        <v>21</v>
      </c>
      <c r="C80" s="10">
        <v>27</v>
      </c>
      <c r="D80" s="9">
        <v>48</v>
      </c>
    </row>
    <row r="81" spans="1:4" ht="18" customHeight="1" x14ac:dyDescent="0.2">
      <c r="A81" s="16">
        <v>63</v>
      </c>
      <c r="B81" s="29">
        <v>24</v>
      </c>
      <c r="C81" s="10">
        <v>19</v>
      </c>
      <c r="D81" s="9">
        <v>43</v>
      </c>
    </row>
    <row r="82" spans="1:4" ht="18" customHeight="1" x14ac:dyDescent="0.2">
      <c r="A82" s="16">
        <v>64</v>
      </c>
      <c r="B82" s="29">
        <v>30</v>
      </c>
      <c r="C82" s="10">
        <v>32</v>
      </c>
      <c r="D82" s="9">
        <v>62</v>
      </c>
    </row>
    <row r="83" spans="1:4" ht="18" customHeight="1" x14ac:dyDescent="0.2">
      <c r="A83" s="8" t="s">
        <v>12</v>
      </c>
      <c r="B83" s="29">
        <v>129</v>
      </c>
      <c r="C83" s="10">
        <v>131</v>
      </c>
      <c r="D83" s="9">
        <v>260</v>
      </c>
    </row>
    <row r="84" spans="1:4" ht="18" customHeight="1" x14ac:dyDescent="0.2">
      <c r="A84" s="8" t="s">
        <v>11</v>
      </c>
      <c r="B84" s="29">
        <v>1087</v>
      </c>
      <c r="C84" s="10">
        <v>925</v>
      </c>
      <c r="D84" s="9">
        <v>2012</v>
      </c>
    </row>
    <row r="85" spans="1:4" ht="18" customHeight="1" x14ac:dyDescent="0.2">
      <c r="A85" s="16">
        <v>65</v>
      </c>
      <c r="B85" s="29">
        <v>19</v>
      </c>
      <c r="C85" s="10">
        <v>23</v>
      </c>
      <c r="D85" s="9">
        <v>42</v>
      </c>
    </row>
    <row r="86" spans="1:4" ht="18" customHeight="1" x14ac:dyDescent="0.2">
      <c r="A86" s="16">
        <v>66</v>
      </c>
      <c r="B86" s="29">
        <v>24</v>
      </c>
      <c r="C86" s="10">
        <v>33</v>
      </c>
      <c r="D86" s="9">
        <v>57</v>
      </c>
    </row>
    <row r="87" spans="1:4" ht="18" customHeight="1" x14ac:dyDescent="0.2">
      <c r="A87" s="16">
        <v>67</v>
      </c>
      <c r="B87" s="29">
        <v>28</v>
      </c>
      <c r="C87" s="10">
        <v>30</v>
      </c>
      <c r="D87" s="9">
        <v>58</v>
      </c>
    </row>
    <row r="88" spans="1:4" ht="18" customHeight="1" x14ac:dyDescent="0.2">
      <c r="A88" s="16">
        <v>68</v>
      </c>
      <c r="B88" s="29">
        <v>32</v>
      </c>
      <c r="C88" s="10">
        <v>33</v>
      </c>
      <c r="D88" s="9">
        <v>65</v>
      </c>
    </row>
    <row r="89" spans="1:4" ht="18" customHeight="1" x14ac:dyDescent="0.2">
      <c r="A89" s="16">
        <v>69</v>
      </c>
      <c r="B89" s="29">
        <v>29</v>
      </c>
      <c r="C89" s="10">
        <v>26</v>
      </c>
      <c r="D89" s="9">
        <v>55</v>
      </c>
    </row>
    <row r="90" spans="1:4" ht="18" customHeight="1" x14ac:dyDescent="0.2">
      <c r="A90" s="8" t="s">
        <v>10</v>
      </c>
      <c r="B90" s="29">
        <v>132</v>
      </c>
      <c r="C90" s="10">
        <v>145</v>
      </c>
      <c r="D90" s="9">
        <v>277</v>
      </c>
    </row>
    <row r="91" spans="1:4" ht="18" customHeight="1" x14ac:dyDescent="0.2">
      <c r="A91" s="16">
        <v>70</v>
      </c>
      <c r="B91" s="29">
        <v>25</v>
      </c>
      <c r="C91" s="10">
        <v>37</v>
      </c>
      <c r="D91" s="9">
        <v>62</v>
      </c>
    </row>
    <row r="92" spans="1:4" ht="18" customHeight="1" x14ac:dyDescent="0.2">
      <c r="A92" s="16">
        <v>71</v>
      </c>
      <c r="B92" s="29">
        <v>36</v>
      </c>
      <c r="C92" s="10">
        <v>30</v>
      </c>
      <c r="D92" s="9">
        <v>66</v>
      </c>
    </row>
    <row r="93" spans="1:4" ht="18" customHeight="1" x14ac:dyDescent="0.2">
      <c r="A93" s="16">
        <v>72</v>
      </c>
      <c r="B93" s="29">
        <v>31</v>
      </c>
      <c r="C93" s="10">
        <v>29</v>
      </c>
      <c r="D93" s="9">
        <v>60</v>
      </c>
    </row>
    <row r="94" spans="1:4" ht="18" customHeight="1" x14ac:dyDescent="0.2">
      <c r="A94" s="16">
        <v>73</v>
      </c>
      <c r="B94" s="29">
        <v>48</v>
      </c>
      <c r="C94" s="10">
        <v>47</v>
      </c>
      <c r="D94" s="9">
        <v>95</v>
      </c>
    </row>
    <row r="95" spans="1:4" ht="18" customHeight="1" x14ac:dyDescent="0.2">
      <c r="A95" s="16">
        <v>74</v>
      </c>
      <c r="B95" s="29">
        <v>48</v>
      </c>
      <c r="C95" s="10">
        <v>62</v>
      </c>
      <c r="D95" s="9">
        <v>110</v>
      </c>
    </row>
    <row r="96" spans="1:4" ht="18" customHeight="1" x14ac:dyDescent="0.2">
      <c r="A96" s="8" t="s">
        <v>9</v>
      </c>
      <c r="B96" s="29">
        <v>188</v>
      </c>
      <c r="C96" s="10">
        <v>205</v>
      </c>
      <c r="D96" s="9">
        <v>393</v>
      </c>
    </row>
    <row r="97" spans="1:4" ht="18" customHeight="1" x14ac:dyDescent="0.2">
      <c r="A97" s="16">
        <v>75</v>
      </c>
      <c r="B97" s="29">
        <v>46</v>
      </c>
      <c r="C97" s="10">
        <v>40</v>
      </c>
      <c r="D97" s="9">
        <v>86</v>
      </c>
    </row>
    <row r="98" spans="1:4" ht="18" customHeight="1" x14ac:dyDescent="0.2">
      <c r="A98" s="16">
        <v>76</v>
      </c>
      <c r="B98" s="29">
        <v>44</v>
      </c>
      <c r="C98" s="10">
        <v>51</v>
      </c>
      <c r="D98" s="9">
        <v>95</v>
      </c>
    </row>
    <row r="99" spans="1:4" ht="18" customHeight="1" x14ac:dyDescent="0.2">
      <c r="A99" s="16">
        <v>77</v>
      </c>
      <c r="B99" s="29">
        <v>20</v>
      </c>
      <c r="C99" s="10">
        <v>18</v>
      </c>
      <c r="D99" s="9">
        <v>38</v>
      </c>
    </row>
    <row r="100" spans="1:4" ht="18" customHeight="1" x14ac:dyDescent="0.2">
      <c r="A100" s="16">
        <v>78</v>
      </c>
      <c r="B100" s="29">
        <v>19</v>
      </c>
      <c r="C100" s="10">
        <v>22</v>
      </c>
      <c r="D100" s="9">
        <v>41</v>
      </c>
    </row>
    <row r="101" spans="1:4" ht="18" customHeight="1" x14ac:dyDescent="0.2">
      <c r="A101" s="16">
        <v>79</v>
      </c>
      <c r="B101" s="29">
        <v>28</v>
      </c>
      <c r="C101" s="10">
        <v>30</v>
      </c>
      <c r="D101" s="9">
        <v>58</v>
      </c>
    </row>
    <row r="102" spans="1:4" ht="18" customHeight="1" x14ac:dyDescent="0.2">
      <c r="A102" s="8" t="s">
        <v>8</v>
      </c>
      <c r="B102" s="29">
        <v>157</v>
      </c>
      <c r="C102" s="10">
        <v>161</v>
      </c>
      <c r="D102" s="9">
        <v>318</v>
      </c>
    </row>
    <row r="103" spans="1:4" ht="18" customHeight="1" x14ac:dyDescent="0.2">
      <c r="A103" s="16">
        <v>80</v>
      </c>
      <c r="B103" s="29">
        <v>22</v>
      </c>
      <c r="C103" s="10">
        <v>32</v>
      </c>
      <c r="D103" s="9">
        <v>54</v>
      </c>
    </row>
    <row r="104" spans="1:4" ht="18" customHeight="1" x14ac:dyDescent="0.2">
      <c r="A104" s="16">
        <v>81</v>
      </c>
      <c r="B104" s="29">
        <v>26</v>
      </c>
      <c r="C104" s="10">
        <v>37</v>
      </c>
      <c r="D104" s="9">
        <v>63</v>
      </c>
    </row>
    <row r="105" spans="1:4" ht="18" customHeight="1" x14ac:dyDescent="0.2">
      <c r="A105" s="16">
        <v>82</v>
      </c>
      <c r="B105" s="29">
        <v>24</v>
      </c>
      <c r="C105" s="10">
        <v>37</v>
      </c>
      <c r="D105" s="9">
        <v>61</v>
      </c>
    </row>
    <row r="106" spans="1:4" ht="18" customHeight="1" x14ac:dyDescent="0.2">
      <c r="A106" s="16">
        <v>83</v>
      </c>
      <c r="B106" s="29">
        <v>17</v>
      </c>
      <c r="C106" s="10">
        <v>24</v>
      </c>
      <c r="D106" s="9">
        <v>41</v>
      </c>
    </row>
    <row r="107" spans="1:4" ht="18" customHeight="1" x14ac:dyDescent="0.2">
      <c r="A107" s="16">
        <v>84</v>
      </c>
      <c r="B107" s="29">
        <v>10</v>
      </c>
      <c r="C107" s="10">
        <v>20</v>
      </c>
      <c r="D107" s="9">
        <v>30</v>
      </c>
    </row>
    <row r="108" spans="1:4" ht="18" customHeight="1" x14ac:dyDescent="0.2">
      <c r="A108" s="8" t="s">
        <v>7</v>
      </c>
      <c r="B108" s="29">
        <v>99</v>
      </c>
      <c r="C108" s="10">
        <v>150</v>
      </c>
      <c r="D108" s="9">
        <v>249</v>
      </c>
    </row>
    <row r="109" spans="1:4" ht="18" customHeight="1" x14ac:dyDescent="0.2">
      <c r="A109" s="16">
        <v>85</v>
      </c>
      <c r="B109" s="29">
        <v>14</v>
      </c>
      <c r="C109" s="10">
        <v>25</v>
      </c>
      <c r="D109" s="9">
        <v>39</v>
      </c>
    </row>
    <row r="110" spans="1:4" ht="18" customHeight="1" x14ac:dyDescent="0.2">
      <c r="A110" s="16">
        <v>86</v>
      </c>
      <c r="B110" s="29">
        <v>11</v>
      </c>
      <c r="C110" s="10">
        <v>14</v>
      </c>
      <c r="D110" s="9">
        <v>25</v>
      </c>
    </row>
    <row r="111" spans="1:4" ht="18" customHeight="1" x14ac:dyDescent="0.2">
      <c r="A111" s="16">
        <v>87</v>
      </c>
      <c r="B111" s="29">
        <v>7</v>
      </c>
      <c r="C111" s="10">
        <v>14</v>
      </c>
      <c r="D111" s="9">
        <v>21</v>
      </c>
    </row>
    <row r="112" spans="1:4" ht="18" customHeight="1" x14ac:dyDescent="0.2">
      <c r="A112" s="16">
        <v>88</v>
      </c>
      <c r="B112" s="29">
        <v>12</v>
      </c>
      <c r="C112" s="10">
        <v>15</v>
      </c>
      <c r="D112" s="9">
        <v>27</v>
      </c>
    </row>
    <row r="113" spans="1:4" ht="18" customHeight="1" x14ac:dyDescent="0.2">
      <c r="A113" s="16">
        <v>89</v>
      </c>
      <c r="B113" s="29">
        <v>8</v>
      </c>
      <c r="C113" s="10">
        <v>16</v>
      </c>
      <c r="D113" s="9">
        <v>24</v>
      </c>
    </row>
    <row r="114" spans="1:4" ht="18" customHeight="1" x14ac:dyDescent="0.2">
      <c r="A114" s="8" t="s">
        <v>6</v>
      </c>
      <c r="B114" s="29">
        <v>52</v>
      </c>
      <c r="C114" s="10">
        <v>84</v>
      </c>
      <c r="D114" s="9">
        <v>136</v>
      </c>
    </row>
    <row r="115" spans="1:4" ht="18" customHeight="1" x14ac:dyDescent="0.2">
      <c r="A115" s="16">
        <v>90</v>
      </c>
      <c r="B115" s="29">
        <v>3</v>
      </c>
      <c r="C115" s="10">
        <v>17</v>
      </c>
      <c r="D115" s="9">
        <v>20</v>
      </c>
    </row>
    <row r="116" spans="1:4" ht="18" customHeight="1" x14ac:dyDescent="0.2">
      <c r="A116" s="16">
        <v>91</v>
      </c>
      <c r="B116" s="29">
        <v>2</v>
      </c>
      <c r="C116" s="10">
        <v>15</v>
      </c>
      <c r="D116" s="9">
        <v>17</v>
      </c>
    </row>
    <row r="117" spans="1:4" ht="18" customHeight="1" x14ac:dyDescent="0.2">
      <c r="A117" s="16">
        <v>92</v>
      </c>
      <c r="B117" s="29">
        <v>2</v>
      </c>
      <c r="C117" s="10">
        <v>15</v>
      </c>
      <c r="D117" s="9">
        <v>17</v>
      </c>
    </row>
    <row r="118" spans="1:4" ht="18" customHeight="1" x14ac:dyDescent="0.2">
      <c r="A118" s="16">
        <v>93</v>
      </c>
      <c r="B118" s="29">
        <v>3</v>
      </c>
      <c r="C118" s="10">
        <v>15</v>
      </c>
      <c r="D118" s="9">
        <v>18</v>
      </c>
    </row>
    <row r="119" spans="1:4" ht="18" customHeight="1" x14ac:dyDescent="0.2">
      <c r="A119" s="16">
        <v>94</v>
      </c>
      <c r="B119" s="29">
        <v>2</v>
      </c>
      <c r="C119" s="10">
        <v>9</v>
      </c>
      <c r="D119" s="9">
        <v>11</v>
      </c>
    </row>
    <row r="120" spans="1:4" ht="18" customHeight="1" x14ac:dyDescent="0.2">
      <c r="A120" s="8" t="s">
        <v>5</v>
      </c>
      <c r="B120" s="29">
        <v>12</v>
      </c>
      <c r="C120" s="10">
        <v>71</v>
      </c>
      <c r="D120" s="9">
        <v>83</v>
      </c>
    </row>
    <row r="121" spans="1:4" ht="18" customHeight="1" x14ac:dyDescent="0.2">
      <c r="A121" s="16">
        <v>95</v>
      </c>
      <c r="B121" s="29">
        <v>2</v>
      </c>
      <c r="C121" s="10">
        <v>6</v>
      </c>
      <c r="D121" s="9">
        <v>8</v>
      </c>
    </row>
    <row r="122" spans="1:4" ht="18" customHeight="1" x14ac:dyDescent="0.2">
      <c r="A122" s="16">
        <v>96</v>
      </c>
      <c r="B122" s="29">
        <v>1</v>
      </c>
      <c r="C122" s="10">
        <v>2</v>
      </c>
      <c r="D122" s="9">
        <v>3</v>
      </c>
    </row>
    <row r="123" spans="1:4" ht="18" customHeight="1" x14ac:dyDescent="0.2">
      <c r="A123" s="16">
        <v>97</v>
      </c>
      <c r="B123" s="29">
        <v>0</v>
      </c>
      <c r="C123" s="10">
        <v>3</v>
      </c>
      <c r="D123" s="9">
        <v>3</v>
      </c>
    </row>
    <row r="124" spans="1:4" ht="18" customHeight="1" x14ac:dyDescent="0.2">
      <c r="A124" s="16">
        <v>98</v>
      </c>
      <c r="B124" s="29">
        <v>1</v>
      </c>
      <c r="C124" s="10">
        <v>5</v>
      </c>
      <c r="D124" s="9">
        <v>6</v>
      </c>
    </row>
    <row r="125" spans="1:4" ht="18" customHeight="1" x14ac:dyDescent="0.2">
      <c r="A125" s="16">
        <v>99</v>
      </c>
      <c r="B125" s="29">
        <v>0</v>
      </c>
      <c r="C125" s="10">
        <v>2</v>
      </c>
      <c r="D125" s="9">
        <v>2</v>
      </c>
    </row>
    <row r="126" spans="1:4" ht="18" customHeight="1" x14ac:dyDescent="0.2">
      <c r="A126" s="8" t="s">
        <v>4</v>
      </c>
      <c r="B126" s="29">
        <v>4</v>
      </c>
      <c r="C126" s="10">
        <v>18</v>
      </c>
      <c r="D126" s="9">
        <v>22</v>
      </c>
    </row>
    <row r="127" spans="1:4" ht="18" customHeight="1" x14ac:dyDescent="0.2">
      <c r="A127" s="16">
        <v>100</v>
      </c>
      <c r="B127" s="29">
        <v>1</v>
      </c>
      <c r="C127" s="10">
        <v>0</v>
      </c>
      <c r="D127" s="9">
        <v>1</v>
      </c>
    </row>
    <row r="128" spans="1:4" ht="18" customHeight="1" x14ac:dyDescent="0.2">
      <c r="A128" s="15" t="s">
        <v>3</v>
      </c>
      <c r="B128" s="29">
        <v>0</v>
      </c>
      <c r="C128" s="10">
        <v>4</v>
      </c>
      <c r="D128" s="9">
        <v>4</v>
      </c>
    </row>
    <row r="129" spans="1:4" ht="18" customHeight="1" x14ac:dyDescent="0.2">
      <c r="A129" s="8" t="s">
        <v>2</v>
      </c>
      <c r="B129" s="29">
        <v>1</v>
      </c>
      <c r="C129" s="10">
        <v>4</v>
      </c>
      <c r="D129" s="9">
        <v>5</v>
      </c>
    </row>
    <row r="130" spans="1:4" ht="18" customHeight="1" x14ac:dyDescent="0.2">
      <c r="A130" s="8" t="s">
        <v>1</v>
      </c>
      <c r="B130" s="28">
        <v>645</v>
      </c>
      <c r="C130" s="6">
        <v>838</v>
      </c>
      <c r="D130" s="5">
        <v>1483</v>
      </c>
    </row>
    <row r="131" spans="1:4" ht="18" customHeight="1" x14ac:dyDescent="0.2">
      <c r="A131" s="4" t="s">
        <v>0</v>
      </c>
      <c r="B131" s="27">
        <v>1891</v>
      </c>
      <c r="C131" s="2">
        <v>1912</v>
      </c>
      <c r="D131" s="1">
        <v>3803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1963C68-D916-4A79-96C5-FEC1E961CC67}">
  <sheetPr codeName="Sheet5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78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2</v>
      </c>
      <c r="C5" s="18">
        <v>3</v>
      </c>
      <c r="D5" s="17">
        <v>5</v>
      </c>
    </row>
    <row r="6" spans="1:4" ht="18" customHeight="1" x14ac:dyDescent="0.2">
      <c r="A6" s="16">
        <v>1</v>
      </c>
      <c r="B6" s="29">
        <v>2</v>
      </c>
      <c r="C6" s="10">
        <v>3</v>
      </c>
      <c r="D6" s="9">
        <v>5</v>
      </c>
    </row>
    <row r="7" spans="1:4" ht="18" customHeight="1" x14ac:dyDescent="0.2">
      <c r="A7" s="16">
        <v>2</v>
      </c>
      <c r="B7" s="29">
        <v>2</v>
      </c>
      <c r="C7" s="10">
        <v>2</v>
      </c>
      <c r="D7" s="9">
        <v>4</v>
      </c>
    </row>
    <row r="8" spans="1:4" ht="18" customHeight="1" x14ac:dyDescent="0.2">
      <c r="A8" s="16">
        <v>3</v>
      </c>
      <c r="B8" s="29">
        <v>5</v>
      </c>
      <c r="C8" s="10">
        <v>4</v>
      </c>
      <c r="D8" s="9">
        <v>9</v>
      </c>
    </row>
    <row r="9" spans="1:4" ht="18" customHeight="1" x14ac:dyDescent="0.2">
      <c r="A9" s="16">
        <v>4</v>
      </c>
      <c r="B9" s="29">
        <v>3</v>
      </c>
      <c r="C9" s="10">
        <v>7</v>
      </c>
      <c r="D9" s="9">
        <v>10</v>
      </c>
    </row>
    <row r="10" spans="1:4" ht="18" customHeight="1" x14ac:dyDescent="0.2">
      <c r="A10" s="8" t="s">
        <v>25</v>
      </c>
      <c r="B10" s="29">
        <v>14</v>
      </c>
      <c r="C10" s="10">
        <v>19</v>
      </c>
      <c r="D10" s="9">
        <v>33</v>
      </c>
    </row>
    <row r="11" spans="1:4" ht="18" customHeight="1" x14ac:dyDescent="0.2">
      <c r="A11" s="16">
        <v>5</v>
      </c>
      <c r="B11" s="29">
        <v>3</v>
      </c>
      <c r="C11" s="10">
        <v>5</v>
      </c>
      <c r="D11" s="9">
        <v>8</v>
      </c>
    </row>
    <row r="12" spans="1:4" ht="18" customHeight="1" x14ac:dyDescent="0.2">
      <c r="A12" s="16">
        <v>6</v>
      </c>
      <c r="B12" s="29">
        <v>5</v>
      </c>
      <c r="C12" s="10">
        <v>6</v>
      </c>
      <c r="D12" s="9">
        <v>11</v>
      </c>
    </row>
    <row r="13" spans="1:4" ht="18" customHeight="1" x14ac:dyDescent="0.2">
      <c r="A13" s="16">
        <v>7</v>
      </c>
      <c r="B13" s="29">
        <v>3</v>
      </c>
      <c r="C13" s="10">
        <v>8</v>
      </c>
      <c r="D13" s="9">
        <v>11</v>
      </c>
    </row>
    <row r="14" spans="1:4" ht="18" customHeight="1" x14ac:dyDescent="0.2">
      <c r="A14" s="16">
        <v>8</v>
      </c>
      <c r="B14" s="29">
        <v>6</v>
      </c>
      <c r="C14" s="10">
        <v>1</v>
      </c>
      <c r="D14" s="9">
        <v>7</v>
      </c>
    </row>
    <row r="15" spans="1:4" ht="18" customHeight="1" x14ac:dyDescent="0.2">
      <c r="A15" s="16">
        <v>9</v>
      </c>
      <c r="B15" s="29">
        <v>1</v>
      </c>
      <c r="C15" s="10">
        <v>4</v>
      </c>
      <c r="D15" s="9">
        <v>5</v>
      </c>
    </row>
    <row r="16" spans="1:4" ht="18" customHeight="1" x14ac:dyDescent="0.2">
      <c r="A16" s="8" t="s">
        <v>24</v>
      </c>
      <c r="B16" s="29">
        <v>18</v>
      </c>
      <c r="C16" s="10">
        <v>24</v>
      </c>
      <c r="D16" s="9">
        <v>42</v>
      </c>
    </row>
    <row r="17" spans="1:4" ht="18" customHeight="1" x14ac:dyDescent="0.2">
      <c r="A17" s="16">
        <v>10</v>
      </c>
      <c r="B17" s="29">
        <v>5</v>
      </c>
      <c r="C17" s="10">
        <v>5</v>
      </c>
      <c r="D17" s="9">
        <v>10</v>
      </c>
    </row>
    <row r="18" spans="1:4" ht="18" customHeight="1" x14ac:dyDescent="0.2">
      <c r="A18" s="16">
        <v>11</v>
      </c>
      <c r="B18" s="29">
        <v>6</v>
      </c>
      <c r="C18" s="10">
        <v>3</v>
      </c>
      <c r="D18" s="9">
        <v>9</v>
      </c>
    </row>
    <row r="19" spans="1:4" ht="18" customHeight="1" x14ac:dyDescent="0.2">
      <c r="A19" s="16">
        <v>12</v>
      </c>
      <c r="B19" s="29">
        <v>7</v>
      </c>
      <c r="C19" s="10">
        <v>1</v>
      </c>
      <c r="D19" s="9">
        <v>8</v>
      </c>
    </row>
    <row r="20" spans="1:4" ht="18" customHeight="1" x14ac:dyDescent="0.2">
      <c r="A20" s="16">
        <v>13</v>
      </c>
      <c r="B20" s="29">
        <v>10</v>
      </c>
      <c r="C20" s="10">
        <v>6</v>
      </c>
      <c r="D20" s="9">
        <v>16</v>
      </c>
    </row>
    <row r="21" spans="1:4" ht="18" customHeight="1" x14ac:dyDescent="0.2">
      <c r="A21" s="16">
        <v>14</v>
      </c>
      <c r="B21" s="29">
        <v>12</v>
      </c>
      <c r="C21" s="10">
        <v>12</v>
      </c>
      <c r="D21" s="9">
        <v>24</v>
      </c>
    </row>
    <row r="22" spans="1:4" ht="18" customHeight="1" x14ac:dyDescent="0.2">
      <c r="A22" s="8" t="s">
        <v>23</v>
      </c>
      <c r="B22" s="29">
        <v>40</v>
      </c>
      <c r="C22" s="10">
        <v>27</v>
      </c>
      <c r="D22" s="9">
        <v>67</v>
      </c>
    </row>
    <row r="23" spans="1:4" ht="18" customHeight="1" x14ac:dyDescent="0.2">
      <c r="A23" s="8" t="s">
        <v>22</v>
      </c>
      <c r="B23" s="29">
        <v>72</v>
      </c>
      <c r="C23" s="10">
        <v>70</v>
      </c>
      <c r="D23" s="9">
        <v>142</v>
      </c>
    </row>
    <row r="24" spans="1:4" ht="18" customHeight="1" x14ac:dyDescent="0.2">
      <c r="A24" s="16">
        <v>15</v>
      </c>
      <c r="B24" s="29">
        <v>9</v>
      </c>
      <c r="C24" s="10">
        <v>8</v>
      </c>
      <c r="D24" s="9">
        <v>17</v>
      </c>
    </row>
    <row r="25" spans="1:4" ht="18" customHeight="1" x14ac:dyDescent="0.2">
      <c r="A25" s="16">
        <v>16</v>
      </c>
      <c r="B25" s="29">
        <v>8</v>
      </c>
      <c r="C25" s="10">
        <v>8</v>
      </c>
      <c r="D25" s="9">
        <v>16</v>
      </c>
    </row>
    <row r="26" spans="1:4" ht="18" customHeight="1" x14ac:dyDescent="0.2">
      <c r="A26" s="16">
        <v>17</v>
      </c>
      <c r="B26" s="29">
        <v>15</v>
      </c>
      <c r="C26" s="10">
        <v>14</v>
      </c>
      <c r="D26" s="9">
        <v>29</v>
      </c>
    </row>
    <row r="27" spans="1:4" ht="18" customHeight="1" x14ac:dyDescent="0.2">
      <c r="A27" s="16">
        <v>18</v>
      </c>
      <c r="B27" s="29">
        <v>21</v>
      </c>
      <c r="C27" s="10">
        <v>15</v>
      </c>
      <c r="D27" s="9">
        <v>36</v>
      </c>
    </row>
    <row r="28" spans="1:4" ht="18" customHeight="1" x14ac:dyDescent="0.2">
      <c r="A28" s="16">
        <v>19</v>
      </c>
      <c r="B28" s="29">
        <v>11</v>
      </c>
      <c r="C28" s="10">
        <v>19</v>
      </c>
      <c r="D28" s="9">
        <v>30</v>
      </c>
    </row>
    <row r="29" spans="1:4" ht="18" customHeight="1" x14ac:dyDescent="0.2">
      <c r="A29" s="8" t="s">
        <v>21</v>
      </c>
      <c r="B29" s="29">
        <v>64</v>
      </c>
      <c r="C29" s="10">
        <v>64</v>
      </c>
      <c r="D29" s="9">
        <v>128</v>
      </c>
    </row>
    <row r="30" spans="1:4" ht="18" customHeight="1" x14ac:dyDescent="0.2">
      <c r="A30" s="16">
        <v>20</v>
      </c>
      <c r="B30" s="29">
        <v>11</v>
      </c>
      <c r="C30" s="10">
        <v>13</v>
      </c>
      <c r="D30" s="9">
        <v>24</v>
      </c>
    </row>
    <row r="31" spans="1:4" ht="18" customHeight="1" x14ac:dyDescent="0.2">
      <c r="A31" s="16">
        <v>21</v>
      </c>
      <c r="B31" s="29">
        <v>16</v>
      </c>
      <c r="C31" s="10">
        <v>18</v>
      </c>
      <c r="D31" s="9">
        <v>34</v>
      </c>
    </row>
    <row r="32" spans="1:4" ht="18" customHeight="1" x14ac:dyDescent="0.2">
      <c r="A32" s="16">
        <v>22</v>
      </c>
      <c r="B32" s="29">
        <v>17</v>
      </c>
      <c r="C32" s="10">
        <v>7</v>
      </c>
      <c r="D32" s="9">
        <v>24</v>
      </c>
    </row>
    <row r="33" spans="1:4" ht="18" customHeight="1" x14ac:dyDescent="0.2">
      <c r="A33" s="16">
        <v>23</v>
      </c>
      <c r="B33" s="29">
        <v>18</v>
      </c>
      <c r="C33" s="10">
        <v>6</v>
      </c>
      <c r="D33" s="9">
        <v>24</v>
      </c>
    </row>
    <row r="34" spans="1:4" ht="18" customHeight="1" x14ac:dyDescent="0.2">
      <c r="A34" s="16">
        <v>24</v>
      </c>
      <c r="B34" s="29">
        <v>7</v>
      </c>
      <c r="C34" s="10">
        <v>4</v>
      </c>
      <c r="D34" s="9">
        <v>11</v>
      </c>
    </row>
    <row r="35" spans="1:4" ht="18" customHeight="1" x14ac:dyDescent="0.2">
      <c r="A35" s="8" t="s">
        <v>20</v>
      </c>
      <c r="B35" s="29">
        <v>69</v>
      </c>
      <c r="C35" s="10">
        <v>48</v>
      </c>
      <c r="D35" s="9">
        <v>117</v>
      </c>
    </row>
    <row r="36" spans="1:4" ht="18" customHeight="1" x14ac:dyDescent="0.2">
      <c r="A36" s="16">
        <v>25</v>
      </c>
      <c r="B36" s="29">
        <v>7</v>
      </c>
      <c r="C36" s="10">
        <v>5</v>
      </c>
      <c r="D36" s="9">
        <v>12</v>
      </c>
    </row>
    <row r="37" spans="1:4" ht="18" customHeight="1" x14ac:dyDescent="0.2">
      <c r="A37" s="16">
        <v>26</v>
      </c>
      <c r="B37" s="29">
        <v>6</v>
      </c>
      <c r="C37" s="10">
        <v>10</v>
      </c>
      <c r="D37" s="9">
        <v>16</v>
      </c>
    </row>
    <row r="38" spans="1:4" ht="18" customHeight="1" x14ac:dyDescent="0.2">
      <c r="A38" s="16">
        <v>27</v>
      </c>
      <c r="B38" s="29">
        <v>3</v>
      </c>
      <c r="C38" s="10">
        <v>1</v>
      </c>
      <c r="D38" s="9">
        <v>4</v>
      </c>
    </row>
    <row r="39" spans="1:4" ht="18" customHeight="1" x14ac:dyDescent="0.2">
      <c r="A39" s="16">
        <v>28</v>
      </c>
      <c r="B39" s="29">
        <v>4</v>
      </c>
      <c r="C39" s="10">
        <v>3</v>
      </c>
      <c r="D39" s="9">
        <v>7</v>
      </c>
    </row>
    <row r="40" spans="1:4" ht="18" customHeight="1" x14ac:dyDescent="0.2">
      <c r="A40" s="16">
        <v>29</v>
      </c>
      <c r="B40" s="29">
        <v>4</v>
      </c>
      <c r="C40" s="10">
        <v>4</v>
      </c>
      <c r="D40" s="9">
        <v>8</v>
      </c>
    </row>
    <row r="41" spans="1:4" ht="18" customHeight="1" x14ac:dyDescent="0.2">
      <c r="A41" s="8" t="s">
        <v>19</v>
      </c>
      <c r="B41" s="29">
        <v>24</v>
      </c>
      <c r="C41" s="10">
        <v>23</v>
      </c>
      <c r="D41" s="9">
        <v>47</v>
      </c>
    </row>
    <row r="42" spans="1:4" ht="18" customHeight="1" x14ac:dyDescent="0.2">
      <c r="A42" s="16">
        <v>30</v>
      </c>
      <c r="B42" s="29">
        <v>5</v>
      </c>
      <c r="C42" s="10">
        <v>5</v>
      </c>
      <c r="D42" s="9">
        <v>10</v>
      </c>
    </row>
    <row r="43" spans="1:4" ht="18" customHeight="1" x14ac:dyDescent="0.2">
      <c r="A43" s="16">
        <v>31</v>
      </c>
      <c r="B43" s="29">
        <v>6</v>
      </c>
      <c r="C43" s="10">
        <v>0</v>
      </c>
      <c r="D43" s="9">
        <v>6</v>
      </c>
    </row>
    <row r="44" spans="1:4" ht="18" customHeight="1" x14ac:dyDescent="0.2">
      <c r="A44" s="16">
        <v>32</v>
      </c>
      <c r="B44" s="29">
        <v>3</v>
      </c>
      <c r="C44" s="10">
        <v>5</v>
      </c>
      <c r="D44" s="9">
        <v>8</v>
      </c>
    </row>
    <row r="45" spans="1:4" ht="18" customHeight="1" x14ac:dyDescent="0.2">
      <c r="A45" s="16">
        <v>33</v>
      </c>
      <c r="B45" s="29">
        <v>6</v>
      </c>
      <c r="C45" s="10">
        <v>5</v>
      </c>
      <c r="D45" s="9">
        <v>11</v>
      </c>
    </row>
    <row r="46" spans="1:4" ht="18" customHeight="1" x14ac:dyDescent="0.2">
      <c r="A46" s="16">
        <v>34</v>
      </c>
      <c r="B46" s="29">
        <v>6</v>
      </c>
      <c r="C46" s="10">
        <v>5</v>
      </c>
      <c r="D46" s="9">
        <v>11</v>
      </c>
    </row>
    <row r="47" spans="1:4" ht="18" customHeight="1" x14ac:dyDescent="0.2">
      <c r="A47" s="8" t="s">
        <v>18</v>
      </c>
      <c r="B47" s="29">
        <v>26</v>
      </c>
      <c r="C47" s="10">
        <v>20</v>
      </c>
      <c r="D47" s="9">
        <v>46</v>
      </c>
    </row>
    <row r="48" spans="1:4" ht="18" customHeight="1" x14ac:dyDescent="0.2">
      <c r="A48" s="16">
        <v>35</v>
      </c>
      <c r="B48" s="29">
        <v>1</v>
      </c>
      <c r="C48" s="10">
        <v>3</v>
      </c>
      <c r="D48" s="9">
        <v>4</v>
      </c>
    </row>
    <row r="49" spans="1:4" ht="18" customHeight="1" x14ac:dyDescent="0.2">
      <c r="A49" s="16">
        <v>36</v>
      </c>
      <c r="B49" s="29">
        <v>6</v>
      </c>
      <c r="C49" s="10">
        <v>8</v>
      </c>
      <c r="D49" s="9">
        <v>14</v>
      </c>
    </row>
    <row r="50" spans="1:4" ht="18" customHeight="1" x14ac:dyDescent="0.2">
      <c r="A50" s="16">
        <v>37</v>
      </c>
      <c r="B50" s="29">
        <v>8</v>
      </c>
      <c r="C50" s="10">
        <v>3</v>
      </c>
      <c r="D50" s="9">
        <v>11</v>
      </c>
    </row>
    <row r="51" spans="1:4" ht="18" customHeight="1" x14ac:dyDescent="0.2">
      <c r="A51" s="16">
        <v>38</v>
      </c>
      <c r="B51" s="29">
        <v>3</v>
      </c>
      <c r="C51" s="10">
        <v>7</v>
      </c>
      <c r="D51" s="9">
        <v>10</v>
      </c>
    </row>
    <row r="52" spans="1:4" ht="18" customHeight="1" x14ac:dyDescent="0.2">
      <c r="A52" s="16">
        <v>39</v>
      </c>
      <c r="B52" s="29">
        <v>10</v>
      </c>
      <c r="C52" s="10">
        <v>4</v>
      </c>
      <c r="D52" s="9">
        <v>14</v>
      </c>
    </row>
    <row r="53" spans="1:4" ht="18" customHeight="1" x14ac:dyDescent="0.2">
      <c r="A53" s="8" t="s">
        <v>17</v>
      </c>
      <c r="B53" s="29">
        <v>28</v>
      </c>
      <c r="C53" s="10">
        <v>25</v>
      </c>
      <c r="D53" s="9">
        <v>53</v>
      </c>
    </row>
    <row r="54" spans="1:4" ht="18" customHeight="1" x14ac:dyDescent="0.2">
      <c r="A54" s="16">
        <v>40</v>
      </c>
      <c r="B54" s="29">
        <v>7</v>
      </c>
      <c r="C54" s="10">
        <v>5</v>
      </c>
      <c r="D54" s="9">
        <v>12</v>
      </c>
    </row>
    <row r="55" spans="1:4" ht="18" customHeight="1" x14ac:dyDescent="0.2">
      <c r="A55" s="16">
        <v>41</v>
      </c>
      <c r="B55" s="29">
        <v>4</v>
      </c>
      <c r="C55" s="10">
        <v>5</v>
      </c>
      <c r="D55" s="9">
        <v>9</v>
      </c>
    </row>
    <row r="56" spans="1:4" ht="18" customHeight="1" x14ac:dyDescent="0.2">
      <c r="A56" s="16">
        <v>42</v>
      </c>
      <c r="B56" s="29">
        <v>4</v>
      </c>
      <c r="C56" s="10">
        <v>6</v>
      </c>
      <c r="D56" s="9">
        <v>10</v>
      </c>
    </row>
    <row r="57" spans="1:4" ht="18" customHeight="1" x14ac:dyDescent="0.2">
      <c r="A57" s="16">
        <v>43</v>
      </c>
      <c r="B57" s="29">
        <v>10</v>
      </c>
      <c r="C57" s="10">
        <v>10</v>
      </c>
      <c r="D57" s="9">
        <v>20</v>
      </c>
    </row>
    <row r="58" spans="1:4" ht="18" customHeight="1" x14ac:dyDescent="0.2">
      <c r="A58" s="16">
        <v>44</v>
      </c>
      <c r="B58" s="29">
        <v>4</v>
      </c>
      <c r="C58" s="10">
        <v>11</v>
      </c>
      <c r="D58" s="9">
        <v>15</v>
      </c>
    </row>
    <row r="59" spans="1:4" ht="18" customHeight="1" x14ac:dyDescent="0.2">
      <c r="A59" s="8" t="s">
        <v>16</v>
      </c>
      <c r="B59" s="29">
        <v>29</v>
      </c>
      <c r="C59" s="10">
        <v>37</v>
      </c>
      <c r="D59" s="9">
        <v>66</v>
      </c>
    </row>
    <row r="60" spans="1:4" ht="18" customHeight="1" x14ac:dyDescent="0.2">
      <c r="A60" s="16">
        <v>45</v>
      </c>
      <c r="B60" s="29">
        <v>13</v>
      </c>
      <c r="C60" s="10">
        <v>18</v>
      </c>
      <c r="D60" s="9">
        <v>31</v>
      </c>
    </row>
    <row r="61" spans="1:4" ht="18" customHeight="1" x14ac:dyDescent="0.2">
      <c r="A61" s="16">
        <v>46</v>
      </c>
      <c r="B61" s="29">
        <v>15</v>
      </c>
      <c r="C61" s="10">
        <v>18</v>
      </c>
      <c r="D61" s="9">
        <v>33</v>
      </c>
    </row>
    <row r="62" spans="1:4" ht="18" customHeight="1" x14ac:dyDescent="0.2">
      <c r="A62" s="16">
        <v>47</v>
      </c>
      <c r="B62" s="29">
        <v>22</v>
      </c>
      <c r="C62" s="10">
        <v>12</v>
      </c>
      <c r="D62" s="9">
        <v>34</v>
      </c>
    </row>
    <row r="63" spans="1:4" ht="18" customHeight="1" x14ac:dyDescent="0.2">
      <c r="A63" s="16">
        <v>48</v>
      </c>
      <c r="B63" s="29">
        <v>28</v>
      </c>
      <c r="C63" s="10">
        <v>21</v>
      </c>
      <c r="D63" s="9">
        <v>49</v>
      </c>
    </row>
    <row r="64" spans="1:4" ht="18" customHeight="1" x14ac:dyDescent="0.2">
      <c r="A64" s="16">
        <v>49</v>
      </c>
      <c r="B64" s="29">
        <v>25</v>
      </c>
      <c r="C64" s="10">
        <v>12</v>
      </c>
      <c r="D64" s="9">
        <v>37</v>
      </c>
    </row>
    <row r="65" spans="1:4" ht="18" customHeight="1" x14ac:dyDescent="0.2">
      <c r="A65" s="8" t="s">
        <v>15</v>
      </c>
      <c r="B65" s="29">
        <v>103</v>
      </c>
      <c r="C65" s="10">
        <v>81</v>
      </c>
      <c r="D65" s="9">
        <v>184</v>
      </c>
    </row>
    <row r="66" spans="1:4" ht="18" customHeight="1" x14ac:dyDescent="0.2">
      <c r="A66" s="16">
        <v>50</v>
      </c>
      <c r="B66" s="29">
        <v>21</v>
      </c>
      <c r="C66" s="10">
        <v>23</v>
      </c>
      <c r="D66" s="9">
        <v>44</v>
      </c>
    </row>
    <row r="67" spans="1:4" ht="18" customHeight="1" x14ac:dyDescent="0.2">
      <c r="A67" s="16">
        <v>51</v>
      </c>
      <c r="B67" s="29">
        <v>27</v>
      </c>
      <c r="C67" s="10">
        <v>17</v>
      </c>
      <c r="D67" s="9">
        <v>44</v>
      </c>
    </row>
    <row r="68" spans="1:4" ht="18" customHeight="1" x14ac:dyDescent="0.2">
      <c r="A68" s="16">
        <v>52</v>
      </c>
      <c r="B68" s="29">
        <v>16</v>
      </c>
      <c r="C68" s="10">
        <v>13</v>
      </c>
      <c r="D68" s="9">
        <v>29</v>
      </c>
    </row>
    <row r="69" spans="1:4" ht="18" customHeight="1" x14ac:dyDescent="0.2">
      <c r="A69" s="16">
        <v>53</v>
      </c>
      <c r="B69" s="29">
        <v>14</v>
      </c>
      <c r="C69" s="10">
        <v>22</v>
      </c>
      <c r="D69" s="9">
        <v>36</v>
      </c>
    </row>
    <row r="70" spans="1:4" ht="18" customHeight="1" x14ac:dyDescent="0.2">
      <c r="A70" s="16">
        <v>54</v>
      </c>
      <c r="B70" s="29">
        <v>14</v>
      </c>
      <c r="C70" s="10">
        <v>14</v>
      </c>
      <c r="D70" s="9">
        <v>28</v>
      </c>
    </row>
    <row r="71" spans="1:4" ht="18" customHeight="1" x14ac:dyDescent="0.2">
      <c r="A71" s="8" t="s">
        <v>14</v>
      </c>
      <c r="B71" s="29">
        <v>92</v>
      </c>
      <c r="C71" s="10">
        <v>89</v>
      </c>
      <c r="D71" s="9">
        <v>181</v>
      </c>
    </row>
    <row r="72" spans="1:4" ht="18" customHeight="1" x14ac:dyDescent="0.2">
      <c r="A72" s="16">
        <v>55</v>
      </c>
      <c r="B72" s="29">
        <v>19</v>
      </c>
      <c r="C72" s="10">
        <v>17</v>
      </c>
      <c r="D72" s="9">
        <v>36</v>
      </c>
    </row>
    <row r="73" spans="1:4" ht="18" customHeight="1" x14ac:dyDescent="0.2">
      <c r="A73" s="16">
        <v>56</v>
      </c>
      <c r="B73" s="29">
        <v>9</v>
      </c>
      <c r="C73" s="10">
        <v>10</v>
      </c>
      <c r="D73" s="9">
        <v>19</v>
      </c>
    </row>
    <row r="74" spans="1:4" ht="18" customHeight="1" x14ac:dyDescent="0.2">
      <c r="A74" s="16">
        <v>57</v>
      </c>
      <c r="B74" s="29">
        <v>10</v>
      </c>
      <c r="C74" s="10">
        <v>8</v>
      </c>
      <c r="D74" s="9">
        <v>18</v>
      </c>
    </row>
    <row r="75" spans="1:4" ht="18" customHeight="1" x14ac:dyDescent="0.2">
      <c r="A75" s="16">
        <v>58</v>
      </c>
      <c r="B75" s="29">
        <v>9</v>
      </c>
      <c r="C75" s="10">
        <v>4</v>
      </c>
      <c r="D75" s="9">
        <v>13</v>
      </c>
    </row>
    <row r="76" spans="1:4" ht="18" customHeight="1" x14ac:dyDescent="0.2">
      <c r="A76" s="16">
        <v>59</v>
      </c>
      <c r="B76" s="29">
        <v>12</v>
      </c>
      <c r="C76" s="10">
        <v>9</v>
      </c>
      <c r="D76" s="9">
        <v>21</v>
      </c>
    </row>
    <row r="77" spans="1:4" ht="18" customHeight="1" x14ac:dyDescent="0.2">
      <c r="A77" s="8" t="s">
        <v>13</v>
      </c>
      <c r="B77" s="29">
        <v>59</v>
      </c>
      <c r="C77" s="10">
        <v>48</v>
      </c>
      <c r="D77" s="9">
        <v>107</v>
      </c>
    </row>
    <row r="78" spans="1:4" ht="18" customHeight="1" x14ac:dyDescent="0.2">
      <c r="A78" s="16">
        <v>60</v>
      </c>
      <c r="B78" s="29">
        <v>6</v>
      </c>
      <c r="C78" s="10">
        <v>8</v>
      </c>
      <c r="D78" s="9">
        <v>14</v>
      </c>
    </row>
    <row r="79" spans="1:4" ht="18" customHeight="1" x14ac:dyDescent="0.2">
      <c r="A79" s="16">
        <v>61</v>
      </c>
      <c r="B79" s="29">
        <v>7</v>
      </c>
      <c r="C79" s="10">
        <v>13</v>
      </c>
      <c r="D79" s="9">
        <v>20</v>
      </c>
    </row>
    <row r="80" spans="1:4" ht="18" customHeight="1" x14ac:dyDescent="0.2">
      <c r="A80" s="16">
        <v>62</v>
      </c>
      <c r="B80" s="29">
        <v>7</v>
      </c>
      <c r="C80" s="10">
        <v>10</v>
      </c>
      <c r="D80" s="9">
        <v>17</v>
      </c>
    </row>
    <row r="81" spans="1:4" ht="18" customHeight="1" x14ac:dyDescent="0.2">
      <c r="A81" s="16">
        <v>63</v>
      </c>
      <c r="B81" s="29">
        <v>13</v>
      </c>
      <c r="C81" s="10">
        <v>8</v>
      </c>
      <c r="D81" s="9">
        <v>21</v>
      </c>
    </row>
    <row r="82" spans="1:4" ht="18" customHeight="1" x14ac:dyDescent="0.2">
      <c r="A82" s="16">
        <v>64</v>
      </c>
      <c r="B82" s="29">
        <v>15</v>
      </c>
      <c r="C82" s="10">
        <v>9</v>
      </c>
      <c r="D82" s="9">
        <v>24</v>
      </c>
    </row>
    <row r="83" spans="1:4" ht="18" customHeight="1" x14ac:dyDescent="0.2">
      <c r="A83" s="8" t="s">
        <v>12</v>
      </c>
      <c r="B83" s="29">
        <v>48</v>
      </c>
      <c r="C83" s="10">
        <v>48</v>
      </c>
      <c r="D83" s="9">
        <v>96</v>
      </c>
    </row>
    <row r="84" spans="1:4" ht="18" customHeight="1" x14ac:dyDescent="0.2">
      <c r="A84" s="8" t="s">
        <v>11</v>
      </c>
      <c r="B84" s="29">
        <v>542</v>
      </c>
      <c r="C84" s="10">
        <v>483</v>
      </c>
      <c r="D84" s="9">
        <v>1025</v>
      </c>
    </row>
    <row r="85" spans="1:4" ht="18" customHeight="1" x14ac:dyDescent="0.2">
      <c r="A85" s="16">
        <v>65</v>
      </c>
      <c r="B85" s="29">
        <v>9</v>
      </c>
      <c r="C85" s="10">
        <v>10</v>
      </c>
      <c r="D85" s="9">
        <v>19</v>
      </c>
    </row>
    <row r="86" spans="1:4" ht="18" customHeight="1" x14ac:dyDescent="0.2">
      <c r="A86" s="16">
        <v>66</v>
      </c>
      <c r="B86" s="29">
        <v>8</v>
      </c>
      <c r="C86" s="10">
        <v>8</v>
      </c>
      <c r="D86" s="9">
        <v>16</v>
      </c>
    </row>
    <row r="87" spans="1:4" ht="18" customHeight="1" x14ac:dyDescent="0.2">
      <c r="A87" s="16">
        <v>67</v>
      </c>
      <c r="B87" s="29">
        <v>5</v>
      </c>
      <c r="C87" s="10">
        <v>6</v>
      </c>
      <c r="D87" s="9">
        <v>11</v>
      </c>
    </row>
    <row r="88" spans="1:4" ht="18" customHeight="1" x14ac:dyDescent="0.2">
      <c r="A88" s="16">
        <v>68</v>
      </c>
      <c r="B88" s="29">
        <v>7</v>
      </c>
      <c r="C88" s="10">
        <v>10</v>
      </c>
      <c r="D88" s="9">
        <v>17</v>
      </c>
    </row>
    <row r="89" spans="1:4" ht="18" customHeight="1" x14ac:dyDescent="0.2">
      <c r="A89" s="16">
        <v>69</v>
      </c>
      <c r="B89" s="29">
        <v>7</v>
      </c>
      <c r="C89" s="10">
        <v>10</v>
      </c>
      <c r="D89" s="9">
        <v>17</v>
      </c>
    </row>
    <row r="90" spans="1:4" ht="18" customHeight="1" x14ac:dyDescent="0.2">
      <c r="A90" s="8" t="s">
        <v>10</v>
      </c>
      <c r="B90" s="29">
        <v>36</v>
      </c>
      <c r="C90" s="10">
        <v>44</v>
      </c>
      <c r="D90" s="9">
        <v>80</v>
      </c>
    </row>
    <row r="91" spans="1:4" ht="18" customHeight="1" x14ac:dyDescent="0.2">
      <c r="A91" s="16">
        <v>70</v>
      </c>
      <c r="B91" s="29">
        <v>11</v>
      </c>
      <c r="C91" s="10">
        <v>13</v>
      </c>
      <c r="D91" s="9">
        <v>24</v>
      </c>
    </row>
    <row r="92" spans="1:4" ht="18" customHeight="1" x14ac:dyDescent="0.2">
      <c r="A92" s="16">
        <v>71</v>
      </c>
      <c r="B92" s="29">
        <v>8</v>
      </c>
      <c r="C92" s="10">
        <v>11</v>
      </c>
      <c r="D92" s="9">
        <v>19</v>
      </c>
    </row>
    <row r="93" spans="1:4" ht="18" customHeight="1" x14ac:dyDescent="0.2">
      <c r="A93" s="16">
        <v>72</v>
      </c>
      <c r="B93" s="29">
        <v>13</v>
      </c>
      <c r="C93" s="10">
        <v>8</v>
      </c>
      <c r="D93" s="9">
        <v>21</v>
      </c>
    </row>
    <row r="94" spans="1:4" ht="18" customHeight="1" x14ac:dyDescent="0.2">
      <c r="A94" s="16">
        <v>73</v>
      </c>
      <c r="B94" s="29">
        <v>15</v>
      </c>
      <c r="C94" s="10">
        <v>16</v>
      </c>
      <c r="D94" s="9">
        <v>31</v>
      </c>
    </row>
    <row r="95" spans="1:4" ht="18" customHeight="1" x14ac:dyDescent="0.2">
      <c r="A95" s="16">
        <v>74</v>
      </c>
      <c r="B95" s="29">
        <v>9</v>
      </c>
      <c r="C95" s="10">
        <v>13</v>
      </c>
      <c r="D95" s="9">
        <v>22</v>
      </c>
    </row>
    <row r="96" spans="1:4" ht="18" customHeight="1" x14ac:dyDescent="0.2">
      <c r="A96" s="8" t="s">
        <v>9</v>
      </c>
      <c r="B96" s="29">
        <v>56</v>
      </c>
      <c r="C96" s="10">
        <v>61</v>
      </c>
      <c r="D96" s="9">
        <v>117</v>
      </c>
    </row>
    <row r="97" spans="1:4" ht="18" customHeight="1" x14ac:dyDescent="0.2">
      <c r="A97" s="16">
        <v>75</v>
      </c>
      <c r="B97" s="29">
        <v>8</v>
      </c>
      <c r="C97" s="10">
        <v>12</v>
      </c>
      <c r="D97" s="9">
        <v>20</v>
      </c>
    </row>
    <row r="98" spans="1:4" ht="18" customHeight="1" x14ac:dyDescent="0.2">
      <c r="A98" s="16">
        <v>76</v>
      </c>
      <c r="B98" s="29">
        <v>14</v>
      </c>
      <c r="C98" s="10">
        <v>14</v>
      </c>
      <c r="D98" s="9">
        <v>28</v>
      </c>
    </row>
    <row r="99" spans="1:4" ht="18" customHeight="1" x14ac:dyDescent="0.2">
      <c r="A99" s="16">
        <v>77</v>
      </c>
      <c r="B99" s="29">
        <v>7</v>
      </c>
      <c r="C99" s="10">
        <v>7</v>
      </c>
      <c r="D99" s="9">
        <v>14</v>
      </c>
    </row>
    <row r="100" spans="1:4" ht="18" customHeight="1" x14ac:dyDescent="0.2">
      <c r="A100" s="16">
        <v>78</v>
      </c>
      <c r="B100" s="29">
        <v>9</v>
      </c>
      <c r="C100" s="10">
        <v>10</v>
      </c>
      <c r="D100" s="9">
        <v>19</v>
      </c>
    </row>
    <row r="101" spans="1:4" ht="18" customHeight="1" x14ac:dyDescent="0.2">
      <c r="A101" s="16">
        <v>79</v>
      </c>
      <c r="B101" s="29">
        <v>6</v>
      </c>
      <c r="C101" s="10">
        <v>10</v>
      </c>
      <c r="D101" s="9">
        <v>16</v>
      </c>
    </row>
    <row r="102" spans="1:4" ht="18" customHeight="1" x14ac:dyDescent="0.2">
      <c r="A102" s="8" t="s">
        <v>8</v>
      </c>
      <c r="B102" s="29">
        <v>44</v>
      </c>
      <c r="C102" s="10">
        <v>53</v>
      </c>
      <c r="D102" s="9">
        <v>97</v>
      </c>
    </row>
    <row r="103" spans="1:4" ht="18" customHeight="1" x14ac:dyDescent="0.2">
      <c r="A103" s="16">
        <v>80</v>
      </c>
      <c r="B103" s="29">
        <v>5</v>
      </c>
      <c r="C103" s="10">
        <v>13</v>
      </c>
      <c r="D103" s="9">
        <v>18</v>
      </c>
    </row>
    <row r="104" spans="1:4" ht="18" customHeight="1" x14ac:dyDescent="0.2">
      <c r="A104" s="16">
        <v>81</v>
      </c>
      <c r="B104" s="29">
        <v>5</v>
      </c>
      <c r="C104" s="10">
        <v>12</v>
      </c>
      <c r="D104" s="9">
        <v>17</v>
      </c>
    </row>
    <row r="105" spans="1:4" ht="18" customHeight="1" x14ac:dyDescent="0.2">
      <c r="A105" s="16">
        <v>82</v>
      </c>
      <c r="B105" s="29">
        <v>9</v>
      </c>
      <c r="C105" s="10">
        <v>11</v>
      </c>
      <c r="D105" s="9">
        <v>20</v>
      </c>
    </row>
    <row r="106" spans="1:4" ht="18" customHeight="1" x14ac:dyDescent="0.2">
      <c r="A106" s="16">
        <v>83</v>
      </c>
      <c r="B106" s="29">
        <v>5</v>
      </c>
      <c r="C106" s="10">
        <v>7</v>
      </c>
      <c r="D106" s="9">
        <v>12</v>
      </c>
    </row>
    <row r="107" spans="1:4" ht="18" customHeight="1" x14ac:dyDescent="0.2">
      <c r="A107" s="16">
        <v>84</v>
      </c>
      <c r="B107" s="29">
        <v>6</v>
      </c>
      <c r="C107" s="10">
        <v>4</v>
      </c>
      <c r="D107" s="9">
        <v>10</v>
      </c>
    </row>
    <row r="108" spans="1:4" ht="18" customHeight="1" x14ac:dyDescent="0.2">
      <c r="A108" s="8" t="s">
        <v>7</v>
      </c>
      <c r="B108" s="29">
        <v>30</v>
      </c>
      <c r="C108" s="10">
        <v>47</v>
      </c>
      <c r="D108" s="9">
        <v>77</v>
      </c>
    </row>
    <row r="109" spans="1:4" ht="18" customHeight="1" x14ac:dyDescent="0.2">
      <c r="A109" s="16">
        <v>85</v>
      </c>
      <c r="B109" s="29">
        <v>2</v>
      </c>
      <c r="C109" s="10">
        <v>4</v>
      </c>
      <c r="D109" s="9">
        <v>6</v>
      </c>
    </row>
    <row r="110" spans="1:4" ht="18" customHeight="1" x14ac:dyDescent="0.2">
      <c r="A110" s="16">
        <v>86</v>
      </c>
      <c r="B110" s="29">
        <v>4</v>
      </c>
      <c r="C110" s="10">
        <v>9</v>
      </c>
      <c r="D110" s="9">
        <v>13</v>
      </c>
    </row>
    <row r="111" spans="1:4" ht="18" customHeight="1" x14ac:dyDescent="0.2">
      <c r="A111" s="16">
        <v>87</v>
      </c>
      <c r="B111" s="29">
        <v>1</v>
      </c>
      <c r="C111" s="10">
        <v>8</v>
      </c>
      <c r="D111" s="9">
        <v>9</v>
      </c>
    </row>
    <row r="112" spans="1:4" ht="18" customHeight="1" x14ac:dyDescent="0.2">
      <c r="A112" s="16">
        <v>88</v>
      </c>
      <c r="B112" s="29">
        <v>3</v>
      </c>
      <c r="C112" s="10">
        <v>4</v>
      </c>
      <c r="D112" s="9">
        <v>7</v>
      </c>
    </row>
    <row r="113" spans="1:4" ht="18" customHeight="1" x14ac:dyDescent="0.2">
      <c r="A113" s="16">
        <v>89</v>
      </c>
      <c r="B113" s="29">
        <v>5</v>
      </c>
      <c r="C113" s="10">
        <v>8</v>
      </c>
      <c r="D113" s="9">
        <v>13</v>
      </c>
    </row>
    <row r="114" spans="1:4" ht="18" customHeight="1" x14ac:dyDescent="0.2">
      <c r="A114" s="8" t="s">
        <v>6</v>
      </c>
      <c r="B114" s="29">
        <v>15</v>
      </c>
      <c r="C114" s="10">
        <v>33</v>
      </c>
      <c r="D114" s="9">
        <v>48</v>
      </c>
    </row>
    <row r="115" spans="1:4" ht="18" customHeight="1" x14ac:dyDescent="0.2">
      <c r="A115" s="16">
        <v>90</v>
      </c>
      <c r="B115" s="29">
        <v>1</v>
      </c>
      <c r="C115" s="10">
        <v>8</v>
      </c>
      <c r="D115" s="9">
        <v>9</v>
      </c>
    </row>
    <row r="116" spans="1:4" ht="18" customHeight="1" x14ac:dyDescent="0.2">
      <c r="A116" s="16">
        <v>91</v>
      </c>
      <c r="B116" s="29">
        <v>2</v>
      </c>
      <c r="C116" s="10">
        <v>3</v>
      </c>
      <c r="D116" s="9">
        <v>5</v>
      </c>
    </row>
    <row r="117" spans="1:4" ht="18" customHeight="1" x14ac:dyDescent="0.2">
      <c r="A117" s="16">
        <v>92</v>
      </c>
      <c r="B117" s="29">
        <v>1</v>
      </c>
      <c r="C117" s="10">
        <v>4</v>
      </c>
      <c r="D117" s="9">
        <v>5</v>
      </c>
    </row>
    <row r="118" spans="1:4" ht="18" customHeight="1" x14ac:dyDescent="0.2">
      <c r="A118" s="16">
        <v>93</v>
      </c>
      <c r="B118" s="29">
        <v>0</v>
      </c>
      <c r="C118" s="10">
        <v>1</v>
      </c>
      <c r="D118" s="9">
        <v>1</v>
      </c>
    </row>
    <row r="119" spans="1:4" ht="18" customHeight="1" x14ac:dyDescent="0.2">
      <c r="A119" s="16">
        <v>94</v>
      </c>
      <c r="B119" s="29">
        <v>0</v>
      </c>
      <c r="C119" s="10">
        <v>2</v>
      </c>
      <c r="D119" s="9">
        <v>2</v>
      </c>
    </row>
    <row r="120" spans="1:4" ht="18" customHeight="1" x14ac:dyDescent="0.2">
      <c r="A120" s="8" t="s">
        <v>5</v>
      </c>
      <c r="B120" s="29">
        <v>4</v>
      </c>
      <c r="C120" s="10">
        <v>18</v>
      </c>
      <c r="D120" s="9">
        <v>22</v>
      </c>
    </row>
    <row r="121" spans="1:4" ht="18" customHeight="1" x14ac:dyDescent="0.2">
      <c r="A121" s="16">
        <v>95</v>
      </c>
      <c r="B121" s="29">
        <v>0</v>
      </c>
      <c r="C121" s="10">
        <v>2</v>
      </c>
      <c r="D121" s="9">
        <v>2</v>
      </c>
    </row>
    <row r="122" spans="1:4" ht="18" customHeight="1" x14ac:dyDescent="0.2">
      <c r="A122" s="16">
        <v>96</v>
      </c>
      <c r="B122" s="29">
        <v>0</v>
      </c>
      <c r="C122" s="10">
        <v>1</v>
      </c>
      <c r="D122" s="9">
        <v>1</v>
      </c>
    </row>
    <row r="123" spans="1:4" ht="18" customHeight="1" x14ac:dyDescent="0.2">
      <c r="A123" s="16">
        <v>97</v>
      </c>
      <c r="B123" s="29">
        <v>0</v>
      </c>
      <c r="C123" s="10">
        <v>1</v>
      </c>
      <c r="D123" s="9">
        <v>1</v>
      </c>
    </row>
    <row r="124" spans="1:4" ht="18" customHeight="1" x14ac:dyDescent="0.2">
      <c r="A124" s="16">
        <v>98</v>
      </c>
      <c r="B124" s="29">
        <v>1</v>
      </c>
      <c r="C124" s="10">
        <v>1</v>
      </c>
      <c r="D124" s="9">
        <v>2</v>
      </c>
    </row>
    <row r="125" spans="1:4" ht="18" customHeight="1" x14ac:dyDescent="0.2">
      <c r="A125" s="16">
        <v>99</v>
      </c>
      <c r="B125" s="29">
        <v>0</v>
      </c>
      <c r="C125" s="10">
        <v>1</v>
      </c>
      <c r="D125" s="9">
        <v>1</v>
      </c>
    </row>
    <row r="126" spans="1:4" ht="18" customHeight="1" x14ac:dyDescent="0.2">
      <c r="A126" s="8" t="s">
        <v>4</v>
      </c>
      <c r="B126" s="29">
        <v>1</v>
      </c>
      <c r="C126" s="10">
        <v>6</v>
      </c>
      <c r="D126" s="9">
        <v>7</v>
      </c>
    </row>
    <row r="127" spans="1:4" ht="18" customHeight="1" x14ac:dyDescent="0.2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2">
      <c r="A128" s="15" t="s">
        <v>3</v>
      </c>
      <c r="B128" s="29">
        <v>0</v>
      </c>
      <c r="C128" s="10">
        <v>0</v>
      </c>
      <c r="D128" s="9">
        <v>0</v>
      </c>
    </row>
    <row r="129" spans="1:4" ht="18" customHeight="1" x14ac:dyDescent="0.2">
      <c r="A129" s="8" t="s">
        <v>2</v>
      </c>
      <c r="B129" s="29">
        <v>0</v>
      </c>
      <c r="C129" s="10">
        <v>1</v>
      </c>
      <c r="D129" s="9">
        <v>1</v>
      </c>
    </row>
    <row r="130" spans="1:4" ht="18" customHeight="1" x14ac:dyDescent="0.2">
      <c r="A130" s="8" t="s">
        <v>1</v>
      </c>
      <c r="B130" s="28">
        <v>186</v>
      </c>
      <c r="C130" s="6">
        <v>263</v>
      </c>
      <c r="D130" s="5">
        <v>449</v>
      </c>
    </row>
    <row r="131" spans="1:4" ht="18" customHeight="1" x14ac:dyDescent="0.2">
      <c r="A131" s="4" t="s">
        <v>0</v>
      </c>
      <c r="B131" s="27">
        <v>800</v>
      </c>
      <c r="C131" s="2">
        <v>816</v>
      </c>
      <c r="D131" s="1">
        <v>161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5072805-7A11-499E-BD37-07B7CA329385}">
  <sheetPr codeName="Sheet1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34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3</v>
      </c>
      <c r="C5" s="18">
        <v>5</v>
      </c>
      <c r="D5" s="17">
        <v>8</v>
      </c>
    </row>
    <row r="6" spans="1:4" ht="18" customHeight="1" x14ac:dyDescent="0.2">
      <c r="A6" s="16">
        <v>1</v>
      </c>
      <c r="B6" s="29">
        <v>9</v>
      </c>
      <c r="C6" s="10">
        <v>5</v>
      </c>
      <c r="D6" s="9">
        <v>14</v>
      </c>
    </row>
    <row r="7" spans="1:4" ht="18" customHeight="1" x14ac:dyDescent="0.2">
      <c r="A7" s="16">
        <v>2</v>
      </c>
      <c r="B7" s="29">
        <v>5</v>
      </c>
      <c r="C7" s="10">
        <v>1</v>
      </c>
      <c r="D7" s="9">
        <v>6</v>
      </c>
    </row>
    <row r="8" spans="1:4" ht="18" customHeight="1" x14ac:dyDescent="0.2">
      <c r="A8" s="16">
        <v>3</v>
      </c>
      <c r="B8" s="29">
        <v>8</v>
      </c>
      <c r="C8" s="10">
        <v>3</v>
      </c>
      <c r="D8" s="9">
        <v>11</v>
      </c>
    </row>
    <row r="9" spans="1:4" ht="18" customHeight="1" x14ac:dyDescent="0.2">
      <c r="A9" s="16">
        <v>4</v>
      </c>
      <c r="B9" s="29">
        <v>2</v>
      </c>
      <c r="C9" s="10">
        <v>6</v>
      </c>
      <c r="D9" s="9">
        <v>8</v>
      </c>
    </row>
    <row r="10" spans="1:4" ht="18" customHeight="1" x14ac:dyDescent="0.2">
      <c r="A10" s="8" t="s">
        <v>25</v>
      </c>
      <c r="B10" s="29">
        <v>27</v>
      </c>
      <c r="C10" s="10">
        <v>20</v>
      </c>
      <c r="D10" s="9">
        <v>47</v>
      </c>
    </row>
    <row r="11" spans="1:4" ht="18" customHeight="1" x14ac:dyDescent="0.2">
      <c r="A11" s="16">
        <v>5</v>
      </c>
      <c r="B11" s="29">
        <v>3</v>
      </c>
      <c r="C11" s="10">
        <v>4</v>
      </c>
      <c r="D11" s="9">
        <v>7</v>
      </c>
    </row>
    <row r="12" spans="1:4" ht="18" customHeight="1" x14ac:dyDescent="0.2">
      <c r="A12" s="16">
        <v>6</v>
      </c>
      <c r="B12" s="29">
        <v>5</v>
      </c>
      <c r="C12" s="10">
        <v>4</v>
      </c>
      <c r="D12" s="9">
        <v>9</v>
      </c>
    </row>
    <row r="13" spans="1:4" ht="18" customHeight="1" x14ac:dyDescent="0.2">
      <c r="A13" s="16">
        <v>7</v>
      </c>
      <c r="B13" s="29">
        <v>3</v>
      </c>
      <c r="C13" s="10">
        <v>10</v>
      </c>
      <c r="D13" s="9">
        <v>13</v>
      </c>
    </row>
    <row r="14" spans="1:4" ht="18" customHeight="1" x14ac:dyDescent="0.2">
      <c r="A14" s="16">
        <v>8</v>
      </c>
      <c r="B14" s="29">
        <v>5</v>
      </c>
      <c r="C14" s="10">
        <v>6</v>
      </c>
      <c r="D14" s="9">
        <v>11</v>
      </c>
    </row>
    <row r="15" spans="1:4" ht="18" customHeight="1" x14ac:dyDescent="0.2">
      <c r="A15" s="16">
        <v>9</v>
      </c>
      <c r="B15" s="29">
        <v>12</v>
      </c>
      <c r="C15" s="10">
        <v>1</v>
      </c>
      <c r="D15" s="9">
        <v>13</v>
      </c>
    </row>
    <row r="16" spans="1:4" ht="18" customHeight="1" x14ac:dyDescent="0.2">
      <c r="A16" s="8" t="s">
        <v>24</v>
      </c>
      <c r="B16" s="29">
        <v>28</v>
      </c>
      <c r="C16" s="10">
        <v>25</v>
      </c>
      <c r="D16" s="9">
        <v>53</v>
      </c>
    </row>
    <row r="17" spans="1:4" ht="18" customHeight="1" x14ac:dyDescent="0.2">
      <c r="A17" s="16">
        <v>10</v>
      </c>
      <c r="B17" s="29">
        <v>6</v>
      </c>
      <c r="C17" s="10">
        <v>7</v>
      </c>
      <c r="D17" s="9">
        <v>13</v>
      </c>
    </row>
    <row r="18" spans="1:4" ht="18" customHeight="1" x14ac:dyDescent="0.2">
      <c r="A18" s="16">
        <v>11</v>
      </c>
      <c r="B18" s="29">
        <v>4</v>
      </c>
      <c r="C18" s="10">
        <v>5</v>
      </c>
      <c r="D18" s="9">
        <v>9</v>
      </c>
    </row>
    <row r="19" spans="1:4" ht="18" customHeight="1" x14ac:dyDescent="0.2">
      <c r="A19" s="16">
        <v>12</v>
      </c>
      <c r="B19" s="29">
        <v>11</v>
      </c>
      <c r="C19" s="10">
        <v>6</v>
      </c>
      <c r="D19" s="9">
        <v>17</v>
      </c>
    </row>
    <row r="20" spans="1:4" ht="18" customHeight="1" x14ac:dyDescent="0.2">
      <c r="A20" s="16">
        <v>13</v>
      </c>
      <c r="B20" s="29">
        <v>2</v>
      </c>
      <c r="C20" s="10">
        <v>16</v>
      </c>
      <c r="D20" s="9">
        <v>18</v>
      </c>
    </row>
    <row r="21" spans="1:4" ht="18" customHeight="1" x14ac:dyDescent="0.2">
      <c r="A21" s="16">
        <v>14</v>
      </c>
      <c r="B21" s="29">
        <v>2</v>
      </c>
      <c r="C21" s="10">
        <v>7</v>
      </c>
      <c r="D21" s="9">
        <v>9</v>
      </c>
    </row>
    <row r="22" spans="1:4" ht="18" customHeight="1" x14ac:dyDescent="0.2">
      <c r="A22" s="8" t="s">
        <v>23</v>
      </c>
      <c r="B22" s="29">
        <v>25</v>
      </c>
      <c r="C22" s="10">
        <v>41</v>
      </c>
      <c r="D22" s="9">
        <v>66</v>
      </c>
    </row>
    <row r="23" spans="1:4" ht="18" customHeight="1" x14ac:dyDescent="0.2">
      <c r="A23" s="8" t="s">
        <v>22</v>
      </c>
      <c r="B23" s="29">
        <v>80</v>
      </c>
      <c r="C23" s="10">
        <v>86</v>
      </c>
      <c r="D23" s="9">
        <v>166</v>
      </c>
    </row>
    <row r="24" spans="1:4" ht="18" customHeight="1" x14ac:dyDescent="0.2">
      <c r="A24" s="16">
        <v>15</v>
      </c>
      <c r="B24" s="29">
        <v>2</v>
      </c>
      <c r="C24" s="10">
        <v>8</v>
      </c>
      <c r="D24" s="9">
        <v>10</v>
      </c>
    </row>
    <row r="25" spans="1:4" ht="18" customHeight="1" x14ac:dyDescent="0.2">
      <c r="A25" s="16">
        <v>16</v>
      </c>
      <c r="B25" s="29">
        <v>6</v>
      </c>
      <c r="C25" s="10">
        <v>4</v>
      </c>
      <c r="D25" s="9">
        <v>10</v>
      </c>
    </row>
    <row r="26" spans="1:4" ht="18" customHeight="1" x14ac:dyDescent="0.2">
      <c r="A26" s="16">
        <v>17</v>
      </c>
      <c r="B26" s="29">
        <v>10</v>
      </c>
      <c r="C26" s="10">
        <v>9</v>
      </c>
      <c r="D26" s="9">
        <v>19</v>
      </c>
    </row>
    <row r="27" spans="1:4" ht="18" customHeight="1" x14ac:dyDescent="0.2">
      <c r="A27" s="16">
        <v>18</v>
      </c>
      <c r="B27" s="29">
        <v>13</v>
      </c>
      <c r="C27" s="10">
        <v>7</v>
      </c>
      <c r="D27" s="9">
        <v>20</v>
      </c>
    </row>
    <row r="28" spans="1:4" ht="18" customHeight="1" x14ac:dyDescent="0.2">
      <c r="A28" s="16">
        <v>19</v>
      </c>
      <c r="B28" s="29">
        <v>7</v>
      </c>
      <c r="C28" s="10">
        <v>4</v>
      </c>
      <c r="D28" s="9">
        <v>11</v>
      </c>
    </row>
    <row r="29" spans="1:4" ht="18" customHeight="1" x14ac:dyDescent="0.2">
      <c r="A29" s="8" t="s">
        <v>21</v>
      </c>
      <c r="B29" s="29">
        <v>38</v>
      </c>
      <c r="C29" s="10">
        <v>32</v>
      </c>
      <c r="D29" s="9">
        <v>70</v>
      </c>
    </row>
    <row r="30" spans="1:4" ht="18" customHeight="1" x14ac:dyDescent="0.2">
      <c r="A30" s="16">
        <v>20</v>
      </c>
      <c r="B30" s="29">
        <v>8</v>
      </c>
      <c r="C30" s="10">
        <v>6</v>
      </c>
      <c r="D30" s="9">
        <v>14</v>
      </c>
    </row>
    <row r="31" spans="1:4" ht="18" customHeight="1" x14ac:dyDescent="0.2">
      <c r="A31" s="16">
        <v>21</v>
      </c>
      <c r="B31" s="29">
        <v>6</v>
      </c>
      <c r="C31" s="10">
        <v>5</v>
      </c>
      <c r="D31" s="9">
        <v>11</v>
      </c>
    </row>
    <row r="32" spans="1:4" ht="18" customHeight="1" x14ac:dyDescent="0.2">
      <c r="A32" s="16">
        <v>22</v>
      </c>
      <c r="B32" s="29">
        <v>10</v>
      </c>
      <c r="C32" s="10">
        <v>7</v>
      </c>
      <c r="D32" s="9">
        <v>17</v>
      </c>
    </row>
    <row r="33" spans="1:4" ht="18" customHeight="1" x14ac:dyDescent="0.2">
      <c r="A33" s="16">
        <v>23</v>
      </c>
      <c r="B33" s="29">
        <v>13</v>
      </c>
      <c r="C33" s="10">
        <v>8</v>
      </c>
      <c r="D33" s="9">
        <v>21</v>
      </c>
    </row>
    <row r="34" spans="1:4" ht="18" customHeight="1" x14ac:dyDescent="0.2">
      <c r="A34" s="16">
        <v>24</v>
      </c>
      <c r="B34" s="29">
        <v>10</v>
      </c>
      <c r="C34" s="10">
        <v>2</v>
      </c>
      <c r="D34" s="9">
        <v>12</v>
      </c>
    </row>
    <row r="35" spans="1:4" ht="18" customHeight="1" x14ac:dyDescent="0.2">
      <c r="A35" s="8" t="s">
        <v>20</v>
      </c>
      <c r="B35" s="29">
        <v>47</v>
      </c>
      <c r="C35" s="10">
        <v>28</v>
      </c>
      <c r="D35" s="9">
        <v>75</v>
      </c>
    </row>
    <row r="36" spans="1:4" ht="18" customHeight="1" x14ac:dyDescent="0.2">
      <c r="A36" s="16">
        <v>25</v>
      </c>
      <c r="B36" s="29">
        <v>3</v>
      </c>
      <c r="C36" s="10">
        <v>5</v>
      </c>
      <c r="D36" s="9">
        <v>8</v>
      </c>
    </row>
    <row r="37" spans="1:4" ht="18" customHeight="1" x14ac:dyDescent="0.2">
      <c r="A37" s="16">
        <v>26</v>
      </c>
      <c r="B37" s="29">
        <v>11</v>
      </c>
      <c r="C37" s="10">
        <v>9</v>
      </c>
      <c r="D37" s="9">
        <v>20</v>
      </c>
    </row>
    <row r="38" spans="1:4" ht="18" customHeight="1" x14ac:dyDescent="0.2">
      <c r="A38" s="16">
        <v>27</v>
      </c>
      <c r="B38" s="29">
        <v>9</v>
      </c>
      <c r="C38" s="10">
        <v>6</v>
      </c>
      <c r="D38" s="9">
        <v>15</v>
      </c>
    </row>
    <row r="39" spans="1:4" ht="18" customHeight="1" x14ac:dyDescent="0.2">
      <c r="A39" s="16">
        <v>28</v>
      </c>
      <c r="B39" s="29">
        <v>11</v>
      </c>
      <c r="C39" s="10">
        <v>8</v>
      </c>
      <c r="D39" s="9">
        <v>19</v>
      </c>
    </row>
    <row r="40" spans="1:4" ht="18" customHeight="1" x14ac:dyDescent="0.2">
      <c r="A40" s="16">
        <v>29</v>
      </c>
      <c r="B40" s="29">
        <v>10</v>
      </c>
      <c r="C40" s="10">
        <v>5</v>
      </c>
      <c r="D40" s="9">
        <v>15</v>
      </c>
    </row>
    <row r="41" spans="1:4" ht="18" customHeight="1" x14ac:dyDescent="0.2">
      <c r="A41" s="8" t="s">
        <v>19</v>
      </c>
      <c r="B41" s="29">
        <v>44</v>
      </c>
      <c r="C41" s="10">
        <v>33</v>
      </c>
      <c r="D41" s="9">
        <v>77</v>
      </c>
    </row>
    <row r="42" spans="1:4" ht="18" customHeight="1" x14ac:dyDescent="0.2">
      <c r="A42" s="16">
        <v>30</v>
      </c>
      <c r="B42" s="29">
        <v>12</v>
      </c>
      <c r="C42" s="10">
        <v>10</v>
      </c>
      <c r="D42" s="9">
        <v>22</v>
      </c>
    </row>
    <row r="43" spans="1:4" ht="18" customHeight="1" x14ac:dyDescent="0.2">
      <c r="A43" s="16">
        <v>31</v>
      </c>
      <c r="B43" s="29">
        <v>8</v>
      </c>
      <c r="C43" s="10">
        <v>8</v>
      </c>
      <c r="D43" s="9">
        <v>16</v>
      </c>
    </row>
    <row r="44" spans="1:4" ht="18" customHeight="1" x14ac:dyDescent="0.2">
      <c r="A44" s="16">
        <v>32</v>
      </c>
      <c r="B44" s="29">
        <v>8</v>
      </c>
      <c r="C44" s="10">
        <v>10</v>
      </c>
      <c r="D44" s="9">
        <v>18</v>
      </c>
    </row>
    <row r="45" spans="1:4" ht="18" customHeight="1" x14ac:dyDescent="0.2">
      <c r="A45" s="16">
        <v>33</v>
      </c>
      <c r="B45" s="29">
        <v>5</v>
      </c>
      <c r="C45" s="10">
        <v>6</v>
      </c>
      <c r="D45" s="9">
        <v>11</v>
      </c>
    </row>
    <row r="46" spans="1:4" ht="18" customHeight="1" x14ac:dyDescent="0.2">
      <c r="A46" s="16">
        <v>34</v>
      </c>
      <c r="B46" s="29">
        <v>4</v>
      </c>
      <c r="C46" s="10">
        <v>5</v>
      </c>
      <c r="D46" s="9">
        <v>9</v>
      </c>
    </row>
    <row r="47" spans="1:4" ht="18" customHeight="1" x14ac:dyDescent="0.2">
      <c r="A47" s="8" t="s">
        <v>18</v>
      </c>
      <c r="B47" s="29">
        <v>37</v>
      </c>
      <c r="C47" s="10">
        <v>39</v>
      </c>
      <c r="D47" s="9">
        <v>76</v>
      </c>
    </row>
    <row r="48" spans="1:4" ht="18" customHeight="1" x14ac:dyDescent="0.2">
      <c r="A48" s="16">
        <v>35</v>
      </c>
      <c r="B48" s="29">
        <v>10</v>
      </c>
      <c r="C48" s="10">
        <v>12</v>
      </c>
      <c r="D48" s="9">
        <v>22</v>
      </c>
    </row>
    <row r="49" spans="1:4" ht="18" customHeight="1" x14ac:dyDescent="0.2">
      <c r="A49" s="16">
        <v>36</v>
      </c>
      <c r="B49" s="29">
        <v>13</v>
      </c>
      <c r="C49" s="10">
        <v>11</v>
      </c>
      <c r="D49" s="9">
        <v>24</v>
      </c>
    </row>
    <row r="50" spans="1:4" ht="18" customHeight="1" x14ac:dyDescent="0.2">
      <c r="A50" s="16">
        <v>37</v>
      </c>
      <c r="B50" s="29">
        <v>13</v>
      </c>
      <c r="C50" s="10">
        <v>11</v>
      </c>
      <c r="D50" s="9">
        <v>24</v>
      </c>
    </row>
    <row r="51" spans="1:4" ht="18" customHeight="1" x14ac:dyDescent="0.2">
      <c r="A51" s="16">
        <v>38</v>
      </c>
      <c r="B51" s="29">
        <v>10</v>
      </c>
      <c r="C51" s="10">
        <v>13</v>
      </c>
      <c r="D51" s="9">
        <v>23</v>
      </c>
    </row>
    <row r="52" spans="1:4" ht="18" customHeight="1" x14ac:dyDescent="0.2">
      <c r="A52" s="16">
        <v>39</v>
      </c>
      <c r="B52" s="29">
        <v>7</v>
      </c>
      <c r="C52" s="10">
        <v>10</v>
      </c>
      <c r="D52" s="9">
        <v>17</v>
      </c>
    </row>
    <row r="53" spans="1:4" ht="18" customHeight="1" x14ac:dyDescent="0.2">
      <c r="A53" s="8" t="s">
        <v>17</v>
      </c>
      <c r="B53" s="29">
        <v>53</v>
      </c>
      <c r="C53" s="10">
        <v>57</v>
      </c>
      <c r="D53" s="9">
        <v>110</v>
      </c>
    </row>
    <row r="54" spans="1:4" ht="18" customHeight="1" x14ac:dyDescent="0.2">
      <c r="A54" s="16">
        <v>40</v>
      </c>
      <c r="B54" s="29">
        <v>6</v>
      </c>
      <c r="C54" s="10">
        <v>6</v>
      </c>
      <c r="D54" s="9">
        <v>12</v>
      </c>
    </row>
    <row r="55" spans="1:4" ht="18" customHeight="1" x14ac:dyDescent="0.2">
      <c r="A55" s="16">
        <v>41</v>
      </c>
      <c r="B55" s="29">
        <v>7</v>
      </c>
      <c r="C55" s="10">
        <v>5</v>
      </c>
      <c r="D55" s="9">
        <v>12</v>
      </c>
    </row>
    <row r="56" spans="1:4" ht="18" customHeight="1" x14ac:dyDescent="0.2">
      <c r="A56" s="16">
        <v>42</v>
      </c>
      <c r="B56" s="29">
        <v>12</v>
      </c>
      <c r="C56" s="10">
        <v>8</v>
      </c>
      <c r="D56" s="9">
        <v>20</v>
      </c>
    </row>
    <row r="57" spans="1:4" ht="18" customHeight="1" x14ac:dyDescent="0.2">
      <c r="A57" s="16">
        <v>43</v>
      </c>
      <c r="B57" s="29">
        <v>16</v>
      </c>
      <c r="C57" s="10">
        <v>12</v>
      </c>
      <c r="D57" s="9">
        <v>28</v>
      </c>
    </row>
    <row r="58" spans="1:4" ht="18" customHeight="1" x14ac:dyDescent="0.2">
      <c r="A58" s="16">
        <v>44</v>
      </c>
      <c r="B58" s="29">
        <v>11</v>
      </c>
      <c r="C58" s="10">
        <v>17</v>
      </c>
      <c r="D58" s="9">
        <v>28</v>
      </c>
    </row>
    <row r="59" spans="1:4" ht="18" customHeight="1" x14ac:dyDescent="0.2">
      <c r="A59" s="8" t="s">
        <v>16</v>
      </c>
      <c r="B59" s="29">
        <v>52</v>
      </c>
      <c r="C59" s="10">
        <v>48</v>
      </c>
      <c r="D59" s="9">
        <v>100</v>
      </c>
    </row>
    <row r="60" spans="1:4" ht="18" customHeight="1" x14ac:dyDescent="0.2">
      <c r="A60" s="16">
        <v>45</v>
      </c>
      <c r="B60" s="29">
        <v>16</v>
      </c>
      <c r="C60" s="10">
        <v>16</v>
      </c>
      <c r="D60" s="9">
        <v>32</v>
      </c>
    </row>
    <row r="61" spans="1:4" ht="18" customHeight="1" x14ac:dyDescent="0.2">
      <c r="A61" s="16">
        <v>46</v>
      </c>
      <c r="B61" s="29">
        <v>18</v>
      </c>
      <c r="C61" s="10">
        <v>19</v>
      </c>
      <c r="D61" s="9">
        <v>37</v>
      </c>
    </row>
    <row r="62" spans="1:4" ht="18" customHeight="1" x14ac:dyDescent="0.2">
      <c r="A62" s="16">
        <v>47</v>
      </c>
      <c r="B62" s="29">
        <v>19</v>
      </c>
      <c r="C62" s="10">
        <v>21</v>
      </c>
      <c r="D62" s="9">
        <v>40</v>
      </c>
    </row>
    <row r="63" spans="1:4" ht="18" customHeight="1" x14ac:dyDescent="0.2">
      <c r="A63" s="16">
        <v>48</v>
      </c>
      <c r="B63" s="29">
        <v>18</v>
      </c>
      <c r="C63" s="10">
        <v>23</v>
      </c>
      <c r="D63" s="9">
        <v>41</v>
      </c>
    </row>
    <row r="64" spans="1:4" ht="18" customHeight="1" x14ac:dyDescent="0.2">
      <c r="A64" s="16">
        <v>49</v>
      </c>
      <c r="B64" s="29">
        <v>16</v>
      </c>
      <c r="C64" s="10">
        <v>22</v>
      </c>
      <c r="D64" s="9">
        <v>38</v>
      </c>
    </row>
    <row r="65" spans="1:4" ht="18" customHeight="1" x14ac:dyDescent="0.2">
      <c r="A65" s="8" t="s">
        <v>15</v>
      </c>
      <c r="B65" s="29">
        <v>87</v>
      </c>
      <c r="C65" s="10">
        <v>101</v>
      </c>
      <c r="D65" s="9">
        <v>188</v>
      </c>
    </row>
    <row r="66" spans="1:4" ht="18" customHeight="1" x14ac:dyDescent="0.2">
      <c r="A66" s="16">
        <v>50</v>
      </c>
      <c r="B66" s="29">
        <v>16</v>
      </c>
      <c r="C66" s="10">
        <v>16</v>
      </c>
      <c r="D66" s="9">
        <v>32</v>
      </c>
    </row>
    <row r="67" spans="1:4" ht="18" customHeight="1" x14ac:dyDescent="0.2">
      <c r="A67" s="16">
        <v>51</v>
      </c>
      <c r="B67" s="29">
        <v>16</v>
      </c>
      <c r="C67" s="10">
        <v>17</v>
      </c>
      <c r="D67" s="9">
        <v>33</v>
      </c>
    </row>
    <row r="68" spans="1:4" ht="18" customHeight="1" x14ac:dyDescent="0.2">
      <c r="A68" s="16">
        <v>52</v>
      </c>
      <c r="B68" s="29">
        <v>15</v>
      </c>
      <c r="C68" s="10">
        <v>18</v>
      </c>
      <c r="D68" s="9">
        <v>33</v>
      </c>
    </row>
    <row r="69" spans="1:4" ht="18" customHeight="1" x14ac:dyDescent="0.2">
      <c r="A69" s="16">
        <v>53</v>
      </c>
      <c r="B69" s="29">
        <v>13</v>
      </c>
      <c r="C69" s="10">
        <v>13</v>
      </c>
      <c r="D69" s="9">
        <v>26</v>
      </c>
    </row>
    <row r="70" spans="1:4" ht="18" customHeight="1" x14ac:dyDescent="0.2">
      <c r="A70" s="16">
        <v>54</v>
      </c>
      <c r="B70" s="29">
        <v>17</v>
      </c>
      <c r="C70" s="10">
        <v>10</v>
      </c>
      <c r="D70" s="9">
        <v>27</v>
      </c>
    </row>
    <row r="71" spans="1:4" ht="18" customHeight="1" x14ac:dyDescent="0.2">
      <c r="A71" s="8" t="s">
        <v>14</v>
      </c>
      <c r="B71" s="29">
        <v>77</v>
      </c>
      <c r="C71" s="10">
        <v>74</v>
      </c>
      <c r="D71" s="9">
        <v>151</v>
      </c>
    </row>
    <row r="72" spans="1:4" ht="18" customHeight="1" x14ac:dyDescent="0.2">
      <c r="A72" s="16">
        <v>55</v>
      </c>
      <c r="B72" s="29">
        <v>21</v>
      </c>
      <c r="C72" s="10">
        <v>11</v>
      </c>
      <c r="D72" s="9">
        <v>32</v>
      </c>
    </row>
    <row r="73" spans="1:4" ht="18" customHeight="1" x14ac:dyDescent="0.2">
      <c r="A73" s="16">
        <v>56</v>
      </c>
      <c r="B73" s="29">
        <v>10</v>
      </c>
      <c r="C73" s="10">
        <v>13</v>
      </c>
      <c r="D73" s="9">
        <v>23</v>
      </c>
    </row>
    <row r="74" spans="1:4" ht="18" customHeight="1" x14ac:dyDescent="0.2">
      <c r="A74" s="16">
        <v>57</v>
      </c>
      <c r="B74" s="29">
        <v>7</v>
      </c>
      <c r="C74" s="10">
        <v>10</v>
      </c>
      <c r="D74" s="9">
        <v>17</v>
      </c>
    </row>
    <row r="75" spans="1:4" ht="18" customHeight="1" x14ac:dyDescent="0.2">
      <c r="A75" s="16">
        <v>58</v>
      </c>
      <c r="B75" s="29">
        <v>7</v>
      </c>
      <c r="C75" s="10">
        <v>16</v>
      </c>
      <c r="D75" s="9">
        <v>23</v>
      </c>
    </row>
    <row r="76" spans="1:4" ht="18" customHeight="1" x14ac:dyDescent="0.2">
      <c r="A76" s="16">
        <v>59</v>
      </c>
      <c r="B76" s="29">
        <v>13</v>
      </c>
      <c r="C76" s="10">
        <v>14</v>
      </c>
      <c r="D76" s="9">
        <v>27</v>
      </c>
    </row>
    <row r="77" spans="1:4" ht="18" customHeight="1" x14ac:dyDescent="0.2">
      <c r="A77" s="8" t="s">
        <v>13</v>
      </c>
      <c r="B77" s="29">
        <v>58</v>
      </c>
      <c r="C77" s="10">
        <v>64</v>
      </c>
      <c r="D77" s="9">
        <v>122</v>
      </c>
    </row>
    <row r="78" spans="1:4" ht="18" customHeight="1" x14ac:dyDescent="0.2">
      <c r="A78" s="16">
        <v>60</v>
      </c>
      <c r="B78" s="29">
        <v>13</v>
      </c>
      <c r="C78" s="10">
        <v>9</v>
      </c>
      <c r="D78" s="9">
        <v>22</v>
      </c>
    </row>
    <row r="79" spans="1:4" ht="18" customHeight="1" x14ac:dyDescent="0.2">
      <c r="A79" s="16">
        <v>61</v>
      </c>
      <c r="B79" s="29">
        <v>9</v>
      </c>
      <c r="C79" s="10">
        <v>9</v>
      </c>
      <c r="D79" s="9">
        <v>18</v>
      </c>
    </row>
    <row r="80" spans="1:4" ht="18" customHeight="1" x14ac:dyDescent="0.2">
      <c r="A80" s="16">
        <v>62</v>
      </c>
      <c r="B80" s="29">
        <v>7</v>
      </c>
      <c r="C80" s="10">
        <v>8</v>
      </c>
      <c r="D80" s="9">
        <v>15</v>
      </c>
    </row>
    <row r="81" spans="1:4" ht="18" customHeight="1" x14ac:dyDescent="0.2">
      <c r="A81" s="16">
        <v>63</v>
      </c>
      <c r="B81" s="29">
        <v>9</v>
      </c>
      <c r="C81" s="10">
        <v>9</v>
      </c>
      <c r="D81" s="9">
        <v>18</v>
      </c>
    </row>
    <row r="82" spans="1:4" ht="18" customHeight="1" x14ac:dyDescent="0.2">
      <c r="A82" s="16">
        <v>64</v>
      </c>
      <c r="B82" s="29">
        <v>7</v>
      </c>
      <c r="C82" s="10">
        <v>9</v>
      </c>
      <c r="D82" s="9">
        <v>16</v>
      </c>
    </row>
    <row r="83" spans="1:4" ht="18" customHeight="1" x14ac:dyDescent="0.2">
      <c r="A83" s="8" t="s">
        <v>12</v>
      </c>
      <c r="B83" s="29">
        <v>45</v>
      </c>
      <c r="C83" s="10">
        <v>44</v>
      </c>
      <c r="D83" s="9">
        <v>89</v>
      </c>
    </row>
    <row r="84" spans="1:4" ht="18" customHeight="1" x14ac:dyDescent="0.2">
      <c r="A84" s="8" t="s">
        <v>11</v>
      </c>
      <c r="B84" s="29">
        <v>538</v>
      </c>
      <c r="C84" s="10">
        <v>520</v>
      </c>
      <c r="D84" s="9">
        <v>1058</v>
      </c>
    </row>
    <row r="85" spans="1:4" ht="18" customHeight="1" x14ac:dyDescent="0.2">
      <c r="A85" s="16">
        <v>65</v>
      </c>
      <c r="B85" s="29">
        <v>7</v>
      </c>
      <c r="C85" s="10">
        <v>16</v>
      </c>
      <c r="D85" s="9">
        <v>23</v>
      </c>
    </row>
    <row r="86" spans="1:4" ht="18" customHeight="1" x14ac:dyDescent="0.2">
      <c r="A86" s="16">
        <v>66</v>
      </c>
      <c r="B86" s="29">
        <v>13</v>
      </c>
      <c r="C86" s="10">
        <v>6</v>
      </c>
      <c r="D86" s="9">
        <v>19</v>
      </c>
    </row>
    <row r="87" spans="1:4" ht="18" customHeight="1" x14ac:dyDescent="0.2">
      <c r="A87" s="16">
        <v>67</v>
      </c>
      <c r="B87" s="29">
        <v>7</v>
      </c>
      <c r="C87" s="10">
        <v>12</v>
      </c>
      <c r="D87" s="9">
        <v>19</v>
      </c>
    </row>
    <row r="88" spans="1:4" ht="18" customHeight="1" x14ac:dyDescent="0.2">
      <c r="A88" s="16">
        <v>68</v>
      </c>
      <c r="B88" s="29">
        <v>9</v>
      </c>
      <c r="C88" s="10">
        <v>10</v>
      </c>
      <c r="D88" s="9">
        <v>19</v>
      </c>
    </row>
    <row r="89" spans="1:4" ht="18" customHeight="1" x14ac:dyDescent="0.2">
      <c r="A89" s="16">
        <v>69</v>
      </c>
      <c r="B89" s="29">
        <v>6</v>
      </c>
      <c r="C89" s="10">
        <v>12</v>
      </c>
      <c r="D89" s="9">
        <v>18</v>
      </c>
    </row>
    <row r="90" spans="1:4" ht="18" customHeight="1" x14ac:dyDescent="0.2">
      <c r="A90" s="8" t="s">
        <v>10</v>
      </c>
      <c r="B90" s="29">
        <v>42</v>
      </c>
      <c r="C90" s="10">
        <v>56</v>
      </c>
      <c r="D90" s="9">
        <v>98</v>
      </c>
    </row>
    <row r="91" spans="1:4" ht="18" customHeight="1" x14ac:dyDescent="0.2">
      <c r="A91" s="16">
        <v>70</v>
      </c>
      <c r="B91" s="29">
        <v>6</v>
      </c>
      <c r="C91" s="10">
        <v>16</v>
      </c>
      <c r="D91" s="9">
        <v>22</v>
      </c>
    </row>
    <row r="92" spans="1:4" ht="18" customHeight="1" x14ac:dyDescent="0.2">
      <c r="A92" s="16">
        <v>71</v>
      </c>
      <c r="B92" s="29">
        <v>12</v>
      </c>
      <c r="C92" s="10">
        <v>10</v>
      </c>
      <c r="D92" s="9">
        <v>22</v>
      </c>
    </row>
    <row r="93" spans="1:4" ht="18" customHeight="1" x14ac:dyDescent="0.2">
      <c r="A93" s="16">
        <v>72</v>
      </c>
      <c r="B93" s="29">
        <v>12</v>
      </c>
      <c r="C93" s="10">
        <v>12</v>
      </c>
      <c r="D93" s="9">
        <v>24</v>
      </c>
    </row>
    <row r="94" spans="1:4" ht="18" customHeight="1" x14ac:dyDescent="0.2">
      <c r="A94" s="16">
        <v>73</v>
      </c>
      <c r="B94" s="29">
        <v>14</v>
      </c>
      <c r="C94" s="10">
        <v>14</v>
      </c>
      <c r="D94" s="9">
        <v>28</v>
      </c>
    </row>
    <row r="95" spans="1:4" ht="18" customHeight="1" x14ac:dyDescent="0.2">
      <c r="A95" s="16">
        <v>74</v>
      </c>
      <c r="B95" s="29">
        <v>10</v>
      </c>
      <c r="C95" s="10">
        <v>18</v>
      </c>
      <c r="D95" s="9">
        <v>28</v>
      </c>
    </row>
    <row r="96" spans="1:4" ht="18" customHeight="1" x14ac:dyDescent="0.2">
      <c r="A96" s="8" t="s">
        <v>9</v>
      </c>
      <c r="B96" s="29">
        <v>54</v>
      </c>
      <c r="C96" s="10">
        <v>70</v>
      </c>
      <c r="D96" s="9">
        <v>124</v>
      </c>
    </row>
    <row r="97" spans="1:4" ht="18" customHeight="1" x14ac:dyDescent="0.2">
      <c r="A97" s="16">
        <v>75</v>
      </c>
      <c r="B97" s="29">
        <v>13</v>
      </c>
      <c r="C97" s="10">
        <v>14</v>
      </c>
      <c r="D97" s="9">
        <v>27</v>
      </c>
    </row>
    <row r="98" spans="1:4" ht="18" customHeight="1" x14ac:dyDescent="0.2">
      <c r="A98" s="16">
        <v>76</v>
      </c>
      <c r="B98" s="29">
        <v>14</v>
      </c>
      <c r="C98" s="10">
        <v>18</v>
      </c>
      <c r="D98" s="9">
        <v>32</v>
      </c>
    </row>
    <row r="99" spans="1:4" ht="18" customHeight="1" x14ac:dyDescent="0.2">
      <c r="A99" s="16">
        <v>77</v>
      </c>
      <c r="B99" s="29">
        <v>9</v>
      </c>
      <c r="C99" s="10">
        <v>14</v>
      </c>
      <c r="D99" s="9">
        <v>23</v>
      </c>
    </row>
    <row r="100" spans="1:4" ht="18" customHeight="1" x14ac:dyDescent="0.2">
      <c r="A100" s="16">
        <v>78</v>
      </c>
      <c r="B100" s="29">
        <v>3</v>
      </c>
      <c r="C100" s="10">
        <v>13</v>
      </c>
      <c r="D100" s="9">
        <v>16</v>
      </c>
    </row>
    <row r="101" spans="1:4" ht="18" customHeight="1" x14ac:dyDescent="0.2">
      <c r="A101" s="16">
        <v>79</v>
      </c>
      <c r="B101" s="29">
        <v>8</v>
      </c>
      <c r="C101" s="10">
        <v>13</v>
      </c>
      <c r="D101" s="9">
        <v>21</v>
      </c>
    </row>
    <row r="102" spans="1:4" ht="18" customHeight="1" x14ac:dyDescent="0.2">
      <c r="A102" s="8" t="s">
        <v>8</v>
      </c>
      <c r="B102" s="29">
        <v>47</v>
      </c>
      <c r="C102" s="10">
        <v>72</v>
      </c>
      <c r="D102" s="9">
        <v>119</v>
      </c>
    </row>
    <row r="103" spans="1:4" ht="18" customHeight="1" x14ac:dyDescent="0.2">
      <c r="A103" s="16">
        <v>80</v>
      </c>
      <c r="B103" s="29">
        <v>9</v>
      </c>
      <c r="C103" s="10">
        <v>12</v>
      </c>
      <c r="D103" s="9">
        <v>21</v>
      </c>
    </row>
    <row r="104" spans="1:4" ht="18" customHeight="1" x14ac:dyDescent="0.2">
      <c r="A104" s="16">
        <v>81</v>
      </c>
      <c r="B104" s="29">
        <v>6</v>
      </c>
      <c r="C104" s="10">
        <v>18</v>
      </c>
      <c r="D104" s="9">
        <v>24</v>
      </c>
    </row>
    <row r="105" spans="1:4" ht="18" customHeight="1" x14ac:dyDescent="0.2">
      <c r="A105" s="16">
        <v>82</v>
      </c>
      <c r="B105" s="29">
        <v>8</v>
      </c>
      <c r="C105" s="10">
        <v>17</v>
      </c>
      <c r="D105" s="9">
        <v>25</v>
      </c>
    </row>
    <row r="106" spans="1:4" ht="18" customHeight="1" x14ac:dyDescent="0.2">
      <c r="A106" s="16">
        <v>83</v>
      </c>
      <c r="B106" s="29">
        <v>9</v>
      </c>
      <c r="C106" s="10">
        <v>16</v>
      </c>
      <c r="D106" s="9">
        <v>25</v>
      </c>
    </row>
    <row r="107" spans="1:4" ht="18" customHeight="1" x14ac:dyDescent="0.2">
      <c r="A107" s="16">
        <v>84</v>
      </c>
      <c r="B107" s="29">
        <v>8</v>
      </c>
      <c r="C107" s="10">
        <v>6</v>
      </c>
      <c r="D107" s="9">
        <v>14</v>
      </c>
    </row>
    <row r="108" spans="1:4" ht="18" customHeight="1" x14ac:dyDescent="0.2">
      <c r="A108" s="8" t="s">
        <v>7</v>
      </c>
      <c r="B108" s="29">
        <v>40</v>
      </c>
      <c r="C108" s="10">
        <v>69</v>
      </c>
      <c r="D108" s="9">
        <v>109</v>
      </c>
    </row>
    <row r="109" spans="1:4" ht="18" customHeight="1" x14ac:dyDescent="0.2">
      <c r="A109" s="16">
        <v>85</v>
      </c>
      <c r="B109" s="29">
        <v>5</v>
      </c>
      <c r="C109" s="10">
        <v>5</v>
      </c>
      <c r="D109" s="9">
        <v>10</v>
      </c>
    </row>
    <row r="110" spans="1:4" ht="18" customHeight="1" x14ac:dyDescent="0.2">
      <c r="A110" s="16">
        <v>86</v>
      </c>
      <c r="B110" s="29">
        <v>8</v>
      </c>
      <c r="C110" s="10">
        <v>5</v>
      </c>
      <c r="D110" s="9">
        <v>13</v>
      </c>
    </row>
    <row r="111" spans="1:4" ht="18" customHeight="1" x14ac:dyDescent="0.2">
      <c r="A111" s="16">
        <v>87</v>
      </c>
      <c r="B111" s="29">
        <v>5</v>
      </c>
      <c r="C111" s="10">
        <v>8</v>
      </c>
      <c r="D111" s="9">
        <v>13</v>
      </c>
    </row>
    <row r="112" spans="1:4" ht="18" customHeight="1" x14ac:dyDescent="0.2">
      <c r="A112" s="16">
        <v>88</v>
      </c>
      <c r="B112" s="29">
        <v>3</v>
      </c>
      <c r="C112" s="10">
        <v>6</v>
      </c>
      <c r="D112" s="9">
        <v>9</v>
      </c>
    </row>
    <row r="113" spans="1:4" ht="18" customHeight="1" x14ac:dyDescent="0.2">
      <c r="A113" s="16">
        <v>89</v>
      </c>
      <c r="B113" s="29">
        <v>4</v>
      </c>
      <c r="C113" s="10">
        <v>11</v>
      </c>
      <c r="D113" s="9">
        <v>15</v>
      </c>
    </row>
    <row r="114" spans="1:4" ht="18" customHeight="1" x14ac:dyDescent="0.2">
      <c r="A114" s="8" t="s">
        <v>6</v>
      </c>
      <c r="B114" s="29">
        <v>25</v>
      </c>
      <c r="C114" s="10">
        <v>35</v>
      </c>
      <c r="D114" s="9">
        <v>60</v>
      </c>
    </row>
    <row r="115" spans="1:4" ht="18" customHeight="1" x14ac:dyDescent="0.2">
      <c r="A115" s="16">
        <v>90</v>
      </c>
      <c r="B115" s="29">
        <v>1</v>
      </c>
      <c r="C115" s="10">
        <v>7</v>
      </c>
      <c r="D115" s="9">
        <v>8</v>
      </c>
    </row>
    <row r="116" spans="1:4" ht="18" customHeight="1" x14ac:dyDescent="0.2">
      <c r="A116" s="16">
        <v>91</v>
      </c>
      <c r="B116" s="29">
        <v>1</v>
      </c>
      <c r="C116" s="10">
        <v>7</v>
      </c>
      <c r="D116" s="9">
        <v>8</v>
      </c>
    </row>
    <row r="117" spans="1:4" ht="18" customHeight="1" x14ac:dyDescent="0.2">
      <c r="A117" s="16">
        <v>92</v>
      </c>
      <c r="B117" s="29">
        <v>2</v>
      </c>
      <c r="C117" s="10">
        <v>2</v>
      </c>
      <c r="D117" s="9">
        <v>4</v>
      </c>
    </row>
    <row r="118" spans="1:4" ht="18" customHeight="1" x14ac:dyDescent="0.2">
      <c r="A118" s="16">
        <v>93</v>
      </c>
      <c r="B118" s="29">
        <v>2</v>
      </c>
      <c r="C118" s="10">
        <v>7</v>
      </c>
      <c r="D118" s="9">
        <v>9</v>
      </c>
    </row>
    <row r="119" spans="1:4" ht="18" customHeight="1" x14ac:dyDescent="0.2">
      <c r="A119" s="16">
        <v>94</v>
      </c>
      <c r="B119" s="29">
        <v>1</v>
      </c>
      <c r="C119" s="10">
        <v>5</v>
      </c>
      <c r="D119" s="9">
        <v>6</v>
      </c>
    </row>
    <row r="120" spans="1:4" ht="18" customHeight="1" x14ac:dyDescent="0.2">
      <c r="A120" s="8" t="s">
        <v>5</v>
      </c>
      <c r="B120" s="29">
        <v>7</v>
      </c>
      <c r="C120" s="10">
        <v>28</v>
      </c>
      <c r="D120" s="9">
        <v>35</v>
      </c>
    </row>
    <row r="121" spans="1:4" ht="18" customHeight="1" x14ac:dyDescent="0.2">
      <c r="A121" s="16">
        <v>95</v>
      </c>
      <c r="B121" s="29">
        <v>0</v>
      </c>
      <c r="C121" s="10">
        <v>5</v>
      </c>
      <c r="D121" s="9">
        <v>5</v>
      </c>
    </row>
    <row r="122" spans="1:4" ht="18" customHeight="1" x14ac:dyDescent="0.2">
      <c r="A122" s="16">
        <v>96</v>
      </c>
      <c r="B122" s="29">
        <v>2</v>
      </c>
      <c r="C122" s="10">
        <v>3</v>
      </c>
      <c r="D122" s="9">
        <v>5</v>
      </c>
    </row>
    <row r="123" spans="1:4" ht="18" customHeight="1" x14ac:dyDescent="0.2">
      <c r="A123" s="16">
        <v>97</v>
      </c>
      <c r="B123" s="29">
        <v>0</v>
      </c>
      <c r="C123" s="10">
        <v>2</v>
      </c>
      <c r="D123" s="9">
        <v>2</v>
      </c>
    </row>
    <row r="124" spans="1:4" ht="18" customHeight="1" x14ac:dyDescent="0.2">
      <c r="A124" s="16">
        <v>98</v>
      </c>
      <c r="B124" s="29">
        <v>0</v>
      </c>
      <c r="C124" s="10">
        <v>3</v>
      </c>
      <c r="D124" s="9">
        <v>3</v>
      </c>
    </row>
    <row r="125" spans="1:4" ht="18" customHeight="1" x14ac:dyDescent="0.2">
      <c r="A125" s="16">
        <v>99</v>
      </c>
      <c r="B125" s="29">
        <v>1</v>
      </c>
      <c r="C125" s="10">
        <v>0</v>
      </c>
      <c r="D125" s="9">
        <v>1</v>
      </c>
    </row>
    <row r="126" spans="1:4" ht="18" customHeight="1" x14ac:dyDescent="0.2">
      <c r="A126" s="8" t="s">
        <v>4</v>
      </c>
      <c r="B126" s="29">
        <v>3</v>
      </c>
      <c r="C126" s="10">
        <v>13</v>
      </c>
      <c r="D126" s="9">
        <v>16</v>
      </c>
    </row>
    <row r="127" spans="1:4" ht="18" customHeight="1" x14ac:dyDescent="0.2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2">
      <c r="A128" s="15" t="s">
        <v>3</v>
      </c>
      <c r="B128" s="29">
        <v>0</v>
      </c>
      <c r="C128" s="10">
        <v>0</v>
      </c>
      <c r="D128" s="9">
        <v>0</v>
      </c>
    </row>
    <row r="129" spans="1:4" ht="18" customHeight="1" x14ac:dyDescent="0.2">
      <c r="A129" s="8" t="s">
        <v>2</v>
      </c>
      <c r="B129" s="29">
        <v>0</v>
      </c>
      <c r="C129" s="10">
        <v>1</v>
      </c>
      <c r="D129" s="9">
        <v>1</v>
      </c>
    </row>
    <row r="130" spans="1:4" ht="18" customHeight="1" x14ac:dyDescent="0.2">
      <c r="A130" s="8" t="s">
        <v>1</v>
      </c>
      <c r="B130" s="28">
        <v>218</v>
      </c>
      <c r="C130" s="6">
        <v>344</v>
      </c>
      <c r="D130" s="5">
        <v>562</v>
      </c>
    </row>
    <row r="131" spans="1:4" ht="18" customHeight="1" x14ac:dyDescent="0.2">
      <c r="A131" s="4" t="s">
        <v>0</v>
      </c>
      <c r="B131" s="27">
        <v>836</v>
      </c>
      <c r="C131" s="2">
        <v>950</v>
      </c>
      <c r="D131" s="1">
        <v>178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D26E65-BA05-4169-8A2F-8A2F7838D299}">
  <sheetPr codeName="Sheet6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79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28</v>
      </c>
      <c r="C5" s="18">
        <v>33</v>
      </c>
      <c r="D5" s="17">
        <v>61</v>
      </c>
    </row>
    <row r="6" spans="1:4" ht="18" customHeight="1" x14ac:dyDescent="0.2">
      <c r="A6" s="16">
        <v>1</v>
      </c>
      <c r="B6" s="29">
        <v>35</v>
      </c>
      <c r="C6" s="10">
        <v>38</v>
      </c>
      <c r="D6" s="9">
        <v>73</v>
      </c>
    </row>
    <row r="7" spans="1:4" ht="18" customHeight="1" x14ac:dyDescent="0.2">
      <c r="A7" s="16">
        <v>2</v>
      </c>
      <c r="B7" s="29">
        <v>43</v>
      </c>
      <c r="C7" s="10">
        <v>34</v>
      </c>
      <c r="D7" s="9">
        <v>77</v>
      </c>
    </row>
    <row r="8" spans="1:4" ht="18" customHeight="1" x14ac:dyDescent="0.2">
      <c r="A8" s="16">
        <v>3</v>
      </c>
      <c r="B8" s="29">
        <v>46</v>
      </c>
      <c r="C8" s="10">
        <v>32</v>
      </c>
      <c r="D8" s="9">
        <v>78</v>
      </c>
    </row>
    <row r="9" spans="1:4" ht="18" customHeight="1" x14ac:dyDescent="0.2">
      <c r="A9" s="16">
        <v>4</v>
      </c>
      <c r="B9" s="29">
        <v>28</v>
      </c>
      <c r="C9" s="10">
        <v>42</v>
      </c>
      <c r="D9" s="9">
        <v>70</v>
      </c>
    </row>
    <row r="10" spans="1:4" ht="18" customHeight="1" x14ac:dyDescent="0.2">
      <c r="A10" s="8" t="s">
        <v>25</v>
      </c>
      <c r="B10" s="29">
        <v>180</v>
      </c>
      <c r="C10" s="10">
        <v>179</v>
      </c>
      <c r="D10" s="9">
        <v>359</v>
      </c>
    </row>
    <row r="11" spans="1:4" ht="18" customHeight="1" x14ac:dyDescent="0.2">
      <c r="A11" s="16">
        <v>5</v>
      </c>
      <c r="B11" s="29">
        <v>42</v>
      </c>
      <c r="C11" s="10">
        <v>34</v>
      </c>
      <c r="D11" s="9">
        <v>76</v>
      </c>
    </row>
    <row r="12" spans="1:4" ht="18" customHeight="1" x14ac:dyDescent="0.2">
      <c r="A12" s="16">
        <v>6</v>
      </c>
      <c r="B12" s="29">
        <v>33</v>
      </c>
      <c r="C12" s="10">
        <v>34</v>
      </c>
      <c r="D12" s="9">
        <v>67</v>
      </c>
    </row>
    <row r="13" spans="1:4" ht="18" customHeight="1" x14ac:dyDescent="0.2">
      <c r="A13" s="16">
        <v>7</v>
      </c>
      <c r="B13" s="29">
        <v>44</v>
      </c>
      <c r="C13" s="10">
        <v>50</v>
      </c>
      <c r="D13" s="9">
        <v>94</v>
      </c>
    </row>
    <row r="14" spans="1:4" ht="18" customHeight="1" x14ac:dyDescent="0.2">
      <c r="A14" s="16">
        <v>8</v>
      </c>
      <c r="B14" s="29">
        <v>38</v>
      </c>
      <c r="C14" s="10">
        <v>41</v>
      </c>
      <c r="D14" s="9">
        <v>79</v>
      </c>
    </row>
    <row r="15" spans="1:4" ht="18" customHeight="1" x14ac:dyDescent="0.2">
      <c r="A15" s="16">
        <v>9</v>
      </c>
      <c r="B15" s="29">
        <v>35</v>
      </c>
      <c r="C15" s="10">
        <v>25</v>
      </c>
      <c r="D15" s="9">
        <v>60</v>
      </c>
    </row>
    <row r="16" spans="1:4" ht="18" customHeight="1" x14ac:dyDescent="0.2">
      <c r="A16" s="8" t="s">
        <v>24</v>
      </c>
      <c r="B16" s="29">
        <v>192</v>
      </c>
      <c r="C16" s="10">
        <v>184</v>
      </c>
      <c r="D16" s="9">
        <v>376</v>
      </c>
    </row>
    <row r="17" spans="1:4" ht="18" customHeight="1" x14ac:dyDescent="0.2">
      <c r="A17" s="16">
        <v>10</v>
      </c>
      <c r="B17" s="29">
        <v>35</v>
      </c>
      <c r="C17" s="10">
        <v>43</v>
      </c>
      <c r="D17" s="9">
        <v>78</v>
      </c>
    </row>
    <row r="18" spans="1:4" ht="18" customHeight="1" x14ac:dyDescent="0.2">
      <c r="A18" s="16">
        <v>11</v>
      </c>
      <c r="B18" s="29">
        <v>62</v>
      </c>
      <c r="C18" s="10">
        <v>31</v>
      </c>
      <c r="D18" s="9">
        <v>93</v>
      </c>
    </row>
    <row r="19" spans="1:4" ht="18" customHeight="1" x14ac:dyDescent="0.2">
      <c r="A19" s="16">
        <v>12</v>
      </c>
      <c r="B19" s="29">
        <v>41</v>
      </c>
      <c r="C19" s="10">
        <v>38</v>
      </c>
      <c r="D19" s="9">
        <v>79</v>
      </c>
    </row>
    <row r="20" spans="1:4" ht="18" customHeight="1" x14ac:dyDescent="0.2">
      <c r="A20" s="16">
        <v>13</v>
      </c>
      <c r="B20" s="29">
        <v>50</v>
      </c>
      <c r="C20" s="10">
        <v>43</v>
      </c>
      <c r="D20" s="9">
        <v>93</v>
      </c>
    </row>
    <row r="21" spans="1:4" ht="18" customHeight="1" x14ac:dyDescent="0.2">
      <c r="A21" s="16">
        <v>14</v>
      </c>
      <c r="B21" s="29">
        <v>50</v>
      </c>
      <c r="C21" s="10">
        <v>35</v>
      </c>
      <c r="D21" s="9">
        <v>85</v>
      </c>
    </row>
    <row r="22" spans="1:4" ht="18" customHeight="1" x14ac:dyDescent="0.2">
      <c r="A22" s="8" t="s">
        <v>23</v>
      </c>
      <c r="B22" s="29">
        <v>238</v>
      </c>
      <c r="C22" s="10">
        <v>190</v>
      </c>
      <c r="D22" s="9">
        <v>428</v>
      </c>
    </row>
    <row r="23" spans="1:4" ht="18" customHeight="1" x14ac:dyDescent="0.2">
      <c r="A23" s="8" t="s">
        <v>22</v>
      </c>
      <c r="B23" s="29">
        <v>610</v>
      </c>
      <c r="C23" s="10">
        <v>553</v>
      </c>
      <c r="D23" s="9">
        <v>1163</v>
      </c>
    </row>
    <row r="24" spans="1:4" ht="18" customHeight="1" x14ac:dyDescent="0.2">
      <c r="A24" s="16">
        <v>15</v>
      </c>
      <c r="B24" s="29">
        <v>48</v>
      </c>
      <c r="C24" s="10">
        <v>38</v>
      </c>
      <c r="D24" s="9">
        <v>86</v>
      </c>
    </row>
    <row r="25" spans="1:4" ht="18" customHeight="1" x14ac:dyDescent="0.2">
      <c r="A25" s="16">
        <v>16</v>
      </c>
      <c r="B25" s="29">
        <v>47</v>
      </c>
      <c r="C25" s="10">
        <v>44</v>
      </c>
      <c r="D25" s="9">
        <v>91</v>
      </c>
    </row>
    <row r="26" spans="1:4" ht="18" customHeight="1" x14ac:dyDescent="0.2">
      <c r="A26" s="16">
        <v>17</v>
      </c>
      <c r="B26" s="29">
        <v>42</v>
      </c>
      <c r="C26" s="10">
        <v>41</v>
      </c>
      <c r="D26" s="9">
        <v>83</v>
      </c>
    </row>
    <row r="27" spans="1:4" ht="18" customHeight="1" x14ac:dyDescent="0.2">
      <c r="A27" s="16">
        <v>18</v>
      </c>
      <c r="B27" s="29">
        <v>49</v>
      </c>
      <c r="C27" s="10">
        <v>36</v>
      </c>
      <c r="D27" s="9">
        <v>85</v>
      </c>
    </row>
    <row r="28" spans="1:4" ht="18" customHeight="1" x14ac:dyDescent="0.2">
      <c r="A28" s="16">
        <v>19</v>
      </c>
      <c r="B28" s="29">
        <v>51</v>
      </c>
      <c r="C28" s="10">
        <v>34</v>
      </c>
      <c r="D28" s="9">
        <v>85</v>
      </c>
    </row>
    <row r="29" spans="1:4" ht="18" customHeight="1" x14ac:dyDescent="0.2">
      <c r="A29" s="8" t="s">
        <v>21</v>
      </c>
      <c r="B29" s="29">
        <v>237</v>
      </c>
      <c r="C29" s="10">
        <v>193</v>
      </c>
      <c r="D29" s="9">
        <v>430</v>
      </c>
    </row>
    <row r="30" spans="1:4" ht="18" customHeight="1" x14ac:dyDescent="0.2">
      <c r="A30" s="16">
        <v>20</v>
      </c>
      <c r="B30" s="29">
        <v>47</v>
      </c>
      <c r="C30" s="10">
        <v>44</v>
      </c>
      <c r="D30" s="9">
        <v>91</v>
      </c>
    </row>
    <row r="31" spans="1:4" ht="18" customHeight="1" x14ac:dyDescent="0.2">
      <c r="A31" s="16">
        <v>21</v>
      </c>
      <c r="B31" s="29">
        <v>56</v>
      </c>
      <c r="C31" s="10">
        <v>45</v>
      </c>
      <c r="D31" s="9">
        <v>101</v>
      </c>
    </row>
    <row r="32" spans="1:4" ht="18" customHeight="1" x14ac:dyDescent="0.2">
      <c r="A32" s="16">
        <v>22</v>
      </c>
      <c r="B32" s="29">
        <v>61</v>
      </c>
      <c r="C32" s="10">
        <v>46</v>
      </c>
      <c r="D32" s="9">
        <v>107</v>
      </c>
    </row>
    <row r="33" spans="1:4" ht="18" customHeight="1" x14ac:dyDescent="0.2">
      <c r="A33" s="16">
        <v>23</v>
      </c>
      <c r="B33" s="29">
        <v>73</v>
      </c>
      <c r="C33" s="10">
        <v>44</v>
      </c>
      <c r="D33" s="9">
        <v>117</v>
      </c>
    </row>
    <row r="34" spans="1:4" ht="18" customHeight="1" x14ac:dyDescent="0.2">
      <c r="A34" s="16">
        <v>24</v>
      </c>
      <c r="B34" s="29">
        <v>55</v>
      </c>
      <c r="C34" s="10">
        <v>45</v>
      </c>
      <c r="D34" s="9">
        <v>100</v>
      </c>
    </row>
    <row r="35" spans="1:4" ht="18" customHeight="1" x14ac:dyDescent="0.2">
      <c r="A35" s="8" t="s">
        <v>20</v>
      </c>
      <c r="B35" s="29">
        <v>292</v>
      </c>
      <c r="C35" s="10">
        <v>224</v>
      </c>
      <c r="D35" s="9">
        <v>516</v>
      </c>
    </row>
    <row r="36" spans="1:4" ht="18" customHeight="1" x14ac:dyDescent="0.2">
      <c r="A36" s="16">
        <v>25</v>
      </c>
      <c r="B36" s="29">
        <v>62</v>
      </c>
      <c r="C36" s="10">
        <v>52</v>
      </c>
      <c r="D36" s="9">
        <v>114</v>
      </c>
    </row>
    <row r="37" spans="1:4" ht="18" customHeight="1" x14ac:dyDescent="0.2">
      <c r="A37" s="16">
        <v>26</v>
      </c>
      <c r="B37" s="29">
        <v>64</v>
      </c>
      <c r="C37" s="10">
        <v>43</v>
      </c>
      <c r="D37" s="9">
        <v>107</v>
      </c>
    </row>
    <row r="38" spans="1:4" ht="18" customHeight="1" x14ac:dyDescent="0.2">
      <c r="A38" s="16">
        <v>27</v>
      </c>
      <c r="B38" s="29">
        <v>61</v>
      </c>
      <c r="C38" s="10">
        <v>53</v>
      </c>
      <c r="D38" s="9">
        <v>114</v>
      </c>
    </row>
    <row r="39" spans="1:4" ht="18" customHeight="1" x14ac:dyDescent="0.2">
      <c r="A39" s="16">
        <v>28</v>
      </c>
      <c r="B39" s="29">
        <v>56</v>
      </c>
      <c r="C39" s="10">
        <v>50</v>
      </c>
      <c r="D39" s="9">
        <v>106</v>
      </c>
    </row>
    <row r="40" spans="1:4" ht="18" customHeight="1" x14ac:dyDescent="0.2">
      <c r="A40" s="16">
        <v>29</v>
      </c>
      <c r="B40" s="29">
        <v>53</v>
      </c>
      <c r="C40" s="10">
        <v>63</v>
      </c>
      <c r="D40" s="9">
        <v>116</v>
      </c>
    </row>
    <row r="41" spans="1:4" ht="18" customHeight="1" x14ac:dyDescent="0.2">
      <c r="A41" s="8" t="s">
        <v>19</v>
      </c>
      <c r="B41" s="29">
        <v>296</v>
      </c>
      <c r="C41" s="10">
        <v>261</v>
      </c>
      <c r="D41" s="9">
        <v>557</v>
      </c>
    </row>
    <row r="42" spans="1:4" ht="18" customHeight="1" x14ac:dyDescent="0.2">
      <c r="A42" s="16">
        <v>30</v>
      </c>
      <c r="B42" s="29">
        <v>54</v>
      </c>
      <c r="C42" s="10">
        <v>42</v>
      </c>
      <c r="D42" s="9">
        <v>96</v>
      </c>
    </row>
    <row r="43" spans="1:4" ht="18" customHeight="1" x14ac:dyDescent="0.2">
      <c r="A43" s="16">
        <v>31</v>
      </c>
      <c r="B43" s="29">
        <v>46</v>
      </c>
      <c r="C43" s="10">
        <v>51</v>
      </c>
      <c r="D43" s="9">
        <v>97</v>
      </c>
    </row>
    <row r="44" spans="1:4" ht="18" customHeight="1" x14ac:dyDescent="0.2">
      <c r="A44" s="16">
        <v>32</v>
      </c>
      <c r="B44" s="29">
        <v>55</v>
      </c>
      <c r="C44" s="10">
        <v>67</v>
      </c>
      <c r="D44" s="9">
        <v>122</v>
      </c>
    </row>
    <row r="45" spans="1:4" ht="18" customHeight="1" x14ac:dyDescent="0.2">
      <c r="A45" s="16">
        <v>33</v>
      </c>
      <c r="B45" s="29">
        <v>58</v>
      </c>
      <c r="C45" s="10">
        <v>49</v>
      </c>
      <c r="D45" s="9">
        <v>107</v>
      </c>
    </row>
    <row r="46" spans="1:4" ht="18" customHeight="1" x14ac:dyDescent="0.2">
      <c r="A46" s="16">
        <v>34</v>
      </c>
      <c r="B46" s="29">
        <v>67</v>
      </c>
      <c r="C46" s="10">
        <v>56</v>
      </c>
      <c r="D46" s="9">
        <v>123</v>
      </c>
    </row>
    <row r="47" spans="1:4" ht="18" customHeight="1" x14ac:dyDescent="0.2">
      <c r="A47" s="8" t="s">
        <v>18</v>
      </c>
      <c r="B47" s="29">
        <v>280</v>
      </c>
      <c r="C47" s="10">
        <v>265</v>
      </c>
      <c r="D47" s="9">
        <v>545</v>
      </c>
    </row>
    <row r="48" spans="1:4" ht="18" customHeight="1" x14ac:dyDescent="0.2">
      <c r="A48" s="16">
        <v>35</v>
      </c>
      <c r="B48" s="29">
        <v>53</v>
      </c>
      <c r="C48" s="10">
        <v>52</v>
      </c>
      <c r="D48" s="9">
        <v>105</v>
      </c>
    </row>
    <row r="49" spans="1:4" ht="18" customHeight="1" x14ac:dyDescent="0.2">
      <c r="A49" s="16">
        <v>36</v>
      </c>
      <c r="B49" s="29">
        <v>53</v>
      </c>
      <c r="C49" s="10">
        <v>50</v>
      </c>
      <c r="D49" s="9">
        <v>103</v>
      </c>
    </row>
    <row r="50" spans="1:4" ht="18" customHeight="1" x14ac:dyDescent="0.2">
      <c r="A50" s="16">
        <v>37</v>
      </c>
      <c r="B50" s="29">
        <v>60</v>
      </c>
      <c r="C50" s="10">
        <v>62</v>
      </c>
      <c r="D50" s="9">
        <v>122</v>
      </c>
    </row>
    <row r="51" spans="1:4" ht="18" customHeight="1" x14ac:dyDescent="0.2">
      <c r="A51" s="16">
        <v>38</v>
      </c>
      <c r="B51" s="29">
        <v>58</v>
      </c>
      <c r="C51" s="10">
        <v>45</v>
      </c>
      <c r="D51" s="9">
        <v>103</v>
      </c>
    </row>
    <row r="52" spans="1:4" ht="18" customHeight="1" x14ac:dyDescent="0.2">
      <c r="A52" s="16">
        <v>39</v>
      </c>
      <c r="B52" s="29">
        <v>71</v>
      </c>
      <c r="C52" s="10">
        <v>64</v>
      </c>
      <c r="D52" s="9">
        <v>135</v>
      </c>
    </row>
    <row r="53" spans="1:4" ht="18" customHeight="1" x14ac:dyDescent="0.2">
      <c r="A53" s="8" t="s">
        <v>17</v>
      </c>
      <c r="B53" s="29">
        <v>295</v>
      </c>
      <c r="C53" s="10">
        <v>273</v>
      </c>
      <c r="D53" s="9">
        <v>568</v>
      </c>
    </row>
    <row r="54" spans="1:4" ht="18" customHeight="1" x14ac:dyDescent="0.2">
      <c r="A54" s="16">
        <v>40</v>
      </c>
      <c r="B54" s="29">
        <v>61</v>
      </c>
      <c r="C54" s="10">
        <v>57</v>
      </c>
      <c r="D54" s="9">
        <v>118</v>
      </c>
    </row>
    <row r="55" spans="1:4" ht="18" customHeight="1" x14ac:dyDescent="0.2">
      <c r="A55" s="16">
        <v>41</v>
      </c>
      <c r="B55" s="29">
        <v>65</v>
      </c>
      <c r="C55" s="10">
        <v>65</v>
      </c>
      <c r="D55" s="9">
        <v>130</v>
      </c>
    </row>
    <row r="56" spans="1:4" ht="18" customHeight="1" x14ac:dyDescent="0.2">
      <c r="A56" s="16">
        <v>42</v>
      </c>
      <c r="B56" s="29">
        <v>61</v>
      </c>
      <c r="C56" s="10">
        <v>57</v>
      </c>
      <c r="D56" s="9">
        <v>118</v>
      </c>
    </row>
    <row r="57" spans="1:4" ht="18" customHeight="1" x14ac:dyDescent="0.2">
      <c r="A57" s="16">
        <v>43</v>
      </c>
      <c r="B57" s="29">
        <v>65</v>
      </c>
      <c r="C57" s="10">
        <v>69</v>
      </c>
      <c r="D57" s="9">
        <v>134</v>
      </c>
    </row>
    <row r="58" spans="1:4" ht="18" customHeight="1" x14ac:dyDescent="0.2">
      <c r="A58" s="16">
        <v>44</v>
      </c>
      <c r="B58" s="29">
        <v>71</v>
      </c>
      <c r="C58" s="10">
        <v>67</v>
      </c>
      <c r="D58" s="9">
        <v>138</v>
      </c>
    </row>
    <row r="59" spans="1:4" ht="18" customHeight="1" x14ac:dyDescent="0.2">
      <c r="A59" s="8" t="s">
        <v>16</v>
      </c>
      <c r="B59" s="29">
        <v>323</v>
      </c>
      <c r="C59" s="10">
        <v>315</v>
      </c>
      <c r="D59" s="9">
        <v>638</v>
      </c>
    </row>
    <row r="60" spans="1:4" ht="18" customHeight="1" x14ac:dyDescent="0.2">
      <c r="A60" s="16">
        <v>45</v>
      </c>
      <c r="B60" s="29">
        <v>67</v>
      </c>
      <c r="C60" s="10">
        <v>73</v>
      </c>
      <c r="D60" s="9">
        <v>140</v>
      </c>
    </row>
    <row r="61" spans="1:4" ht="18" customHeight="1" x14ac:dyDescent="0.2">
      <c r="A61" s="16">
        <v>46</v>
      </c>
      <c r="B61" s="29">
        <v>65</v>
      </c>
      <c r="C61" s="10">
        <v>73</v>
      </c>
      <c r="D61" s="9">
        <v>138</v>
      </c>
    </row>
    <row r="62" spans="1:4" ht="18" customHeight="1" x14ac:dyDescent="0.2">
      <c r="A62" s="16">
        <v>47</v>
      </c>
      <c r="B62" s="29">
        <v>64</v>
      </c>
      <c r="C62" s="10">
        <v>79</v>
      </c>
      <c r="D62" s="9">
        <v>143</v>
      </c>
    </row>
    <row r="63" spans="1:4" ht="18" customHeight="1" x14ac:dyDescent="0.2">
      <c r="A63" s="16">
        <v>48</v>
      </c>
      <c r="B63" s="29">
        <v>85</v>
      </c>
      <c r="C63" s="10">
        <v>82</v>
      </c>
      <c r="D63" s="9">
        <v>167</v>
      </c>
    </row>
    <row r="64" spans="1:4" ht="18" customHeight="1" x14ac:dyDescent="0.2">
      <c r="A64" s="16">
        <v>49</v>
      </c>
      <c r="B64" s="29">
        <v>98</v>
      </c>
      <c r="C64" s="10">
        <v>92</v>
      </c>
      <c r="D64" s="9">
        <v>190</v>
      </c>
    </row>
    <row r="65" spans="1:4" ht="18" customHeight="1" x14ac:dyDescent="0.2">
      <c r="A65" s="8" t="s">
        <v>15</v>
      </c>
      <c r="B65" s="29">
        <v>379</v>
      </c>
      <c r="C65" s="10">
        <v>399</v>
      </c>
      <c r="D65" s="9">
        <v>778</v>
      </c>
    </row>
    <row r="66" spans="1:4" ht="18" customHeight="1" x14ac:dyDescent="0.2">
      <c r="A66" s="16">
        <v>50</v>
      </c>
      <c r="B66" s="29">
        <v>77</v>
      </c>
      <c r="C66" s="10">
        <v>88</v>
      </c>
      <c r="D66" s="9">
        <v>165</v>
      </c>
    </row>
    <row r="67" spans="1:4" ht="18" customHeight="1" x14ac:dyDescent="0.2">
      <c r="A67" s="16">
        <v>51</v>
      </c>
      <c r="B67" s="29">
        <v>94</v>
      </c>
      <c r="C67" s="10">
        <v>90</v>
      </c>
      <c r="D67" s="9">
        <v>184</v>
      </c>
    </row>
    <row r="68" spans="1:4" ht="18" customHeight="1" x14ac:dyDescent="0.2">
      <c r="A68" s="16">
        <v>52</v>
      </c>
      <c r="B68" s="29">
        <v>77</v>
      </c>
      <c r="C68" s="10">
        <v>68</v>
      </c>
      <c r="D68" s="9">
        <v>145</v>
      </c>
    </row>
    <row r="69" spans="1:4" ht="18" customHeight="1" x14ac:dyDescent="0.2">
      <c r="A69" s="16">
        <v>53</v>
      </c>
      <c r="B69" s="29">
        <v>91</v>
      </c>
      <c r="C69" s="10">
        <v>99</v>
      </c>
      <c r="D69" s="9">
        <v>190</v>
      </c>
    </row>
    <row r="70" spans="1:4" ht="18" customHeight="1" x14ac:dyDescent="0.2">
      <c r="A70" s="16">
        <v>54</v>
      </c>
      <c r="B70" s="29">
        <v>97</v>
      </c>
      <c r="C70" s="10">
        <v>86</v>
      </c>
      <c r="D70" s="9">
        <v>183</v>
      </c>
    </row>
    <row r="71" spans="1:4" ht="18" customHeight="1" x14ac:dyDescent="0.2">
      <c r="A71" s="8" t="s">
        <v>14</v>
      </c>
      <c r="B71" s="29">
        <v>436</v>
      </c>
      <c r="C71" s="10">
        <v>431</v>
      </c>
      <c r="D71" s="9">
        <v>867</v>
      </c>
    </row>
    <row r="72" spans="1:4" ht="18" customHeight="1" x14ac:dyDescent="0.2">
      <c r="A72" s="16">
        <v>55</v>
      </c>
      <c r="B72" s="29">
        <v>74</v>
      </c>
      <c r="C72" s="10">
        <v>82</v>
      </c>
      <c r="D72" s="9">
        <v>156</v>
      </c>
    </row>
    <row r="73" spans="1:4" ht="18" customHeight="1" x14ac:dyDescent="0.2">
      <c r="A73" s="16">
        <v>56</v>
      </c>
      <c r="B73" s="29">
        <v>71</v>
      </c>
      <c r="C73" s="10">
        <v>60</v>
      </c>
      <c r="D73" s="9">
        <v>131</v>
      </c>
    </row>
    <row r="74" spans="1:4" ht="18" customHeight="1" x14ac:dyDescent="0.2">
      <c r="A74" s="16">
        <v>57</v>
      </c>
      <c r="B74" s="29">
        <v>66</v>
      </c>
      <c r="C74" s="10">
        <v>65</v>
      </c>
      <c r="D74" s="9">
        <v>131</v>
      </c>
    </row>
    <row r="75" spans="1:4" ht="18" customHeight="1" x14ac:dyDescent="0.2">
      <c r="A75" s="16">
        <v>58</v>
      </c>
      <c r="B75" s="29">
        <v>50</v>
      </c>
      <c r="C75" s="10">
        <v>73</v>
      </c>
      <c r="D75" s="9">
        <v>123</v>
      </c>
    </row>
    <row r="76" spans="1:4" ht="18" customHeight="1" x14ac:dyDescent="0.2">
      <c r="A76" s="16">
        <v>59</v>
      </c>
      <c r="B76" s="29">
        <v>61</v>
      </c>
      <c r="C76" s="10">
        <v>56</v>
      </c>
      <c r="D76" s="9">
        <v>117</v>
      </c>
    </row>
    <row r="77" spans="1:4" ht="18" customHeight="1" x14ac:dyDescent="0.2">
      <c r="A77" s="8" t="s">
        <v>13</v>
      </c>
      <c r="B77" s="29">
        <v>322</v>
      </c>
      <c r="C77" s="10">
        <v>336</v>
      </c>
      <c r="D77" s="9">
        <v>658</v>
      </c>
    </row>
    <row r="78" spans="1:4" ht="18" customHeight="1" x14ac:dyDescent="0.2">
      <c r="A78" s="16">
        <v>60</v>
      </c>
      <c r="B78" s="29">
        <v>61</v>
      </c>
      <c r="C78" s="10">
        <v>57</v>
      </c>
      <c r="D78" s="9">
        <v>118</v>
      </c>
    </row>
    <row r="79" spans="1:4" ht="18" customHeight="1" x14ac:dyDescent="0.2">
      <c r="A79" s="16">
        <v>61</v>
      </c>
      <c r="B79" s="29">
        <v>46</v>
      </c>
      <c r="C79" s="10">
        <v>66</v>
      </c>
      <c r="D79" s="9">
        <v>112</v>
      </c>
    </row>
    <row r="80" spans="1:4" ht="18" customHeight="1" x14ac:dyDescent="0.2">
      <c r="A80" s="16">
        <v>62</v>
      </c>
      <c r="B80" s="29">
        <v>53</v>
      </c>
      <c r="C80" s="10">
        <v>61</v>
      </c>
      <c r="D80" s="9">
        <v>114</v>
      </c>
    </row>
    <row r="81" spans="1:4" ht="18" customHeight="1" x14ac:dyDescent="0.2">
      <c r="A81" s="16">
        <v>63</v>
      </c>
      <c r="B81" s="29">
        <v>45</v>
      </c>
      <c r="C81" s="10">
        <v>51</v>
      </c>
      <c r="D81" s="9">
        <v>96</v>
      </c>
    </row>
    <row r="82" spans="1:4" ht="18" customHeight="1" x14ac:dyDescent="0.2">
      <c r="A82" s="16">
        <v>64</v>
      </c>
      <c r="B82" s="29">
        <v>58</v>
      </c>
      <c r="C82" s="10">
        <v>48</v>
      </c>
      <c r="D82" s="9">
        <v>106</v>
      </c>
    </row>
    <row r="83" spans="1:4" ht="18" customHeight="1" x14ac:dyDescent="0.2">
      <c r="A83" s="8" t="s">
        <v>12</v>
      </c>
      <c r="B83" s="29">
        <v>263</v>
      </c>
      <c r="C83" s="10">
        <v>283</v>
      </c>
      <c r="D83" s="9">
        <v>546</v>
      </c>
    </row>
    <row r="84" spans="1:4" ht="18" customHeight="1" x14ac:dyDescent="0.2">
      <c r="A84" s="8" t="s">
        <v>11</v>
      </c>
      <c r="B84" s="29">
        <v>3123</v>
      </c>
      <c r="C84" s="10">
        <v>2980</v>
      </c>
      <c r="D84" s="9">
        <v>6103</v>
      </c>
    </row>
    <row r="85" spans="1:4" ht="18" customHeight="1" x14ac:dyDescent="0.2">
      <c r="A85" s="16">
        <v>65</v>
      </c>
      <c r="B85" s="29">
        <v>35</v>
      </c>
      <c r="C85" s="10">
        <v>35</v>
      </c>
      <c r="D85" s="9">
        <v>70</v>
      </c>
    </row>
    <row r="86" spans="1:4" ht="18" customHeight="1" x14ac:dyDescent="0.2">
      <c r="A86" s="16">
        <v>66</v>
      </c>
      <c r="B86" s="29">
        <v>29</v>
      </c>
      <c r="C86" s="10">
        <v>32</v>
      </c>
      <c r="D86" s="9">
        <v>61</v>
      </c>
    </row>
    <row r="87" spans="1:4" ht="18" customHeight="1" x14ac:dyDescent="0.2">
      <c r="A87" s="16">
        <v>67</v>
      </c>
      <c r="B87" s="29">
        <v>28</v>
      </c>
      <c r="C87" s="10">
        <v>40</v>
      </c>
      <c r="D87" s="9">
        <v>68</v>
      </c>
    </row>
    <row r="88" spans="1:4" ht="18" customHeight="1" x14ac:dyDescent="0.2">
      <c r="A88" s="16">
        <v>68</v>
      </c>
      <c r="B88" s="29">
        <v>49</v>
      </c>
      <c r="C88" s="10">
        <v>28</v>
      </c>
      <c r="D88" s="9">
        <v>77</v>
      </c>
    </row>
    <row r="89" spans="1:4" ht="18" customHeight="1" x14ac:dyDescent="0.2">
      <c r="A89" s="16">
        <v>69</v>
      </c>
      <c r="B89" s="29">
        <v>37</v>
      </c>
      <c r="C89" s="10">
        <v>40</v>
      </c>
      <c r="D89" s="9">
        <v>77</v>
      </c>
    </row>
    <row r="90" spans="1:4" ht="18" customHeight="1" x14ac:dyDescent="0.2">
      <c r="A90" s="8" t="s">
        <v>10</v>
      </c>
      <c r="B90" s="29">
        <v>178</v>
      </c>
      <c r="C90" s="10">
        <v>175</v>
      </c>
      <c r="D90" s="9">
        <v>353</v>
      </c>
    </row>
    <row r="91" spans="1:4" ht="18" customHeight="1" x14ac:dyDescent="0.2">
      <c r="A91" s="16">
        <v>70</v>
      </c>
      <c r="B91" s="29">
        <v>32</v>
      </c>
      <c r="C91" s="10">
        <v>41</v>
      </c>
      <c r="D91" s="9">
        <v>73</v>
      </c>
    </row>
    <row r="92" spans="1:4" ht="18" customHeight="1" x14ac:dyDescent="0.2">
      <c r="A92" s="16">
        <v>71</v>
      </c>
      <c r="B92" s="29">
        <v>34</v>
      </c>
      <c r="C92" s="10">
        <v>43</v>
      </c>
      <c r="D92" s="9">
        <v>77</v>
      </c>
    </row>
    <row r="93" spans="1:4" ht="18" customHeight="1" x14ac:dyDescent="0.2">
      <c r="A93" s="16">
        <v>72</v>
      </c>
      <c r="B93" s="29">
        <v>35</v>
      </c>
      <c r="C93" s="10">
        <v>40</v>
      </c>
      <c r="D93" s="9">
        <v>75</v>
      </c>
    </row>
    <row r="94" spans="1:4" ht="18" customHeight="1" x14ac:dyDescent="0.2">
      <c r="A94" s="16">
        <v>73</v>
      </c>
      <c r="B94" s="29">
        <v>48</v>
      </c>
      <c r="C94" s="10">
        <v>45</v>
      </c>
      <c r="D94" s="9">
        <v>93</v>
      </c>
    </row>
    <row r="95" spans="1:4" ht="18" customHeight="1" x14ac:dyDescent="0.2">
      <c r="A95" s="16">
        <v>74</v>
      </c>
      <c r="B95" s="29">
        <v>34</v>
      </c>
      <c r="C95" s="10">
        <v>55</v>
      </c>
      <c r="D95" s="9">
        <v>89</v>
      </c>
    </row>
    <row r="96" spans="1:4" ht="18" customHeight="1" x14ac:dyDescent="0.2">
      <c r="A96" s="8" t="s">
        <v>9</v>
      </c>
      <c r="B96" s="29">
        <v>183</v>
      </c>
      <c r="C96" s="10">
        <v>224</v>
      </c>
      <c r="D96" s="9">
        <v>407</v>
      </c>
    </row>
    <row r="97" spans="1:4" ht="18" customHeight="1" x14ac:dyDescent="0.2">
      <c r="A97" s="16">
        <v>75</v>
      </c>
      <c r="B97" s="29">
        <v>38</v>
      </c>
      <c r="C97" s="10">
        <v>66</v>
      </c>
      <c r="D97" s="9">
        <v>104</v>
      </c>
    </row>
    <row r="98" spans="1:4" ht="18" customHeight="1" x14ac:dyDescent="0.2">
      <c r="A98" s="16">
        <v>76</v>
      </c>
      <c r="B98" s="29">
        <v>35</v>
      </c>
      <c r="C98" s="10">
        <v>34</v>
      </c>
      <c r="D98" s="9">
        <v>69</v>
      </c>
    </row>
    <row r="99" spans="1:4" ht="18" customHeight="1" x14ac:dyDescent="0.2">
      <c r="A99" s="16">
        <v>77</v>
      </c>
      <c r="B99" s="29">
        <v>20</v>
      </c>
      <c r="C99" s="10">
        <v>28</v>
      </c>
      <c r="D99" s="9">
        <v>48</v>
      </c>
    </row>
    <row r="100" spans="1:4" ht="18" customHeight="1" x14ac:dyDescent="0.2">
      <c r="A100" s="16">
        <v>78</v>
      </c>
      <c r="B100" s="29">
        <v>19</v>
      </c>
      <c r="C100" s="10">
        <v>30</v>
      </c>
      <c r="D100" s="9">
        <v>49</v>
      </c>
    </row>
    <row r="101" spans="1:4" ht="18" customHeight="1" x14ac:dyDescent="0.2">
      <c r="A101" s="16">
        <v>79</v>
      </c>
      <c r="B101" s="29">
        <v>31</v>
      </c>
      <c r="C101" s="10">
        <v>45</v>
      </c>
      <c r="D101" s="9">
        <v>76</v>
      </c>
    </row>
    <row r="102" spans="1:4" ht="18" customHeight="1" x14ac:dyDescent="0.2">
      <c r="A102" s="8" t="s">
        <v>8</v>
      </c>
      <c r="B102" s="29">
        <v>143</v>
      </c>
      <c r="C102" s="10">
        <v>203</v>
      </c>
      <c r="D102" s="9">
        <v>346</v>
      </c>
    </row>
    <row r="103" spans="1:4" ht="18" customHeight="1" x14ac:dyDescent="0.2">
      <c r="A103" s="16">
        <v>80</v>
      </c>
      <c r="B103" s="29">
        <v>18</v>
      </c>
      <c r="C103" s="10">
        <v>46</v>
      </c>
      <c r="D103" s="9">
        <v>64</v>
      </c>
    </row>
    <row r="104" spans="1:4" ht="18" customHeight="1" x14ac:dyDescent="0.2">
      <c r="A104" s="16">
        <v>81</v>
      </c>
      <c r="B104" s="29">
        <v>29</v>
      </c>
      <c r="C104" s="10">
        <v>50</v>
      </c>
      <c r="D104" s="9">
        <v>79</v>
      </c>
    </row>
    <row r="105" spans="1:4" ht="18" customHeight="1" x14ac:dyDescent="0.2">
      <c r="A105" s="16">
        <v>82</v>
      </c>
      <c r="B105" s="29">
        <v>15</v>
      </c>
      <c r="C105" s="10">
        <v>29</v>
      </c>
      <c r="D105" s="9">
        <v>44</v>
      </c>
    </row>
    <row r="106" spans="1:4" ht="18" customHeight="1" x14ac:dyDescent="0.2">
      <c r="A106" s="16">
        <v>83</v>
      </c>
      <c r="B106" s="29">
        <v>19</v>
      </c>
      <c r="C106" s="10">
        <v>30</v>
      </c>
      <c r="D106" s="9">
        <v>49</v>
      </c>
    </row>
    <row r="107" spans="1:4" ht="18" customHeight="1" x14ac:dyDescent="0.2">
      <c r="A107" s="16">
        <v>84</v>
      </c>
      <c r="B107" s="29">
        <v>24</v>
      </c>
      <c r="C107" s="10">
        <v>16</v>
      </c>
      <c r="D107" s="9">
        <v>40</v>
      </c>
    </row>
    <row r="108" spans="1:4" ht="18" customHeight="1" x14ac:dyDescent="0.2">
      <c r="A108" s="8" t="s">
        <v>7</v>
      </c>
      <c r="B108" s="29">
        <v>105</v>
      </c>
      <c r="C108" s="10">
        <v>171</v>
      </c>
      <c r="D108" s="9">
        <v>276</v>
      </c>
    </row>
    <row r="109" spans="1:4" ht="18" customHeight="1" x14ac:dyDescent="0.2">
      <c r="A109" s="16">
        <v>85</v>
      </c>
      <c r="B109" s="29">
        <v>20</v>
      </c>
      <c r="C109" s="10">
        <v>22</v>
      </c>
      <c r="D109" s="9">
        <v>42</v>
      </c>
    </row>
    <row r="110" spans="1:4" ht="18" customHeight="1" x14ac:dyDescent="0.2">
      <c r="A110" s="16">
        <v>86</v>
      </c>
      <c r="B110" s="29">
        <v>13</v>
      </c>
      <c r="C110" s="10">
        <v>24</v>
      </c>
      <c r="D110" s="9">
        <v>37</v>
      </c>
    </row>
    <row r="111" spans="1:4" ht="18" customHeight="1" x14ac:dyDescent="0.2">
      <c r="A111" s="16">
        <v>87</v>
      </c>
      <c r="B111" s="29">
        <v>15</v>
      </c>
      <c r="C111" s="10">
        <v>32</v>
      </c>
      <c r="D111" s="9">
        <v>47</v>
      </c>
    </row>
    <row r="112" spans="1:4" ht="18" customHeight="1" x14ac:dyDescent="0.2">
      <c r="A112" s="16">
        <v>88</v>
      </c>
      <c r="B112" s="29">
        <v>7</v>
      </c>
      <c r="C112" s="10">
        <v>19</v>
      </c>
      <c r="D112" s="9">
        <v>26</v>
      </c>
    </row>
    <row r="113" spans="1:4" ht="18" customHeight="1" x14ac:dyDescent="0.2">
      <c r="A113" s="16">
        <v>89</v>
      </c>
      <c r="B113" s="29">
        <v>11</v>
      </c>
      <c r="C113" s="10">
        <v>14</v>
      </c>
      <c r="D113" s="9">
        <v>25</v>
      </c>
    </row>
    <row r="114" spans="1:4" ht="18" customHeight="1" x14ac:dyDescent="0.2">
      <c r="A114" s="8" t="s">
        <v>6</v>
      </c>
      <c r="B114" s="29">
        <v>66</v>
      </c>
      <c r="C114" s="10">
        <v>111</v>
      </c>
      <c r="D114" s="9">
        <v>177</v>
      </c>
    </row>
    <row r="115" spans="1:4" ht="18" customHeight="1" x14ac:dyDescent="0.2">
      <c r="A115" s="16">
        <v>90</v>
      </c>
      <c r="B115" s="29">
        <v>15</v>
      </c>
      <c r="C115" s="10">
        <v>20</v>
      </c>
      <c r="D115" s="9">
        <v>35</v>
      </c>
    </row>
    <row r="116" spans="1:4" ht="18" customHeight="1" x14ac:dyDescent="0.2">
      <c r="A116" s="16">
        <v>91</v>
      </c>
      <c r="B116" s="29">
        <v>4</v>
      </c>
      <c r="C116" s="10">
        <v>17</v>
      </c>
      <c r="D116" s="9">
        <v>21</v>
      </c>
    </row>
    <row r="117" spans="1:4" ht="18" customHeight="1" x14ac:dyDescent="0.2">
      <c r="A117" s="16">
        <v>92</v>
      </c>
      <c r="B117" s="29">
        <v>4</v>
      </c>
      <c r="C117" s="10">
        <v>15</v>
      </c>
      <c r="D117" s="9">
        <v>19</v>
      </c>
    </row>
    <row r="118" spans="1:4" ht="18" customHeight="1" x14ac:dyDescent="0.2">
      <c r="A118" s="16">
        <v>93</v>
      </c>
      <c r="B118" s="29">
        <v>3</v>
      </c>
      <c r="C118" s="10">
        <v>16</v>
      </c>
      <c r="D118" s="9">
        <v>19</v>
      </c>
    </row>
    <row r="119" spans="1:4" ht="18" customHeight="1" x14ac:dyDescent="0.2">
      <c r="A119" s="16">
        <v>94</v>
      </c>
      <c r="B119" s="29">
        <v>3</v>
      </c>
      <c r="C119" s="10">
        <v>9</v>
      </c>
      <c r="D119" s="9">
        <v>12</v>
      </c>
    </row>
    <row r="120" spans="1:4" ht="18" customHeight="1" x14ac:dyDescent="0.2">
      <c r="A120" s="8" t="s">
        <v>5</v>
      </c>
      <c r="B120" s="29">
        <v>29</v>
      </c>
      <c r="C120" s="10">
        <v>77</v>
      </c>
      <c r="D120" s="9">
        <v>106</v>
      </c>
    </row>
    <row r="121" spans="1:4" ht="18" customHeight="1" x14ac:dyDescent="0.2">
      <c r="A121" s="16">
        <v>95</v>
      </c>
      <c r="B121" s="29">
        <v>3</v>
      </c>
      <c r="C121" s="10">
        <v>7</v>
      </c>
      <c r="D121" s="9">
        <v>10</v>
      </c>
    </row>
    <row r="122" spans="1:4" ht="18" customHeight="1" x14ac:dyDescent="0.2">
      <c r="A122" s="16">
        <v>96</v>
      </c>
      <c r="B122" s="29">
        <v>0</v>
      </c>
      <c r="C122" s="10">
        <v>3</v>
      </c>
      <c r="D122" s="9">
        <v>3</v>
      </c>
    </row>
    <row r="123" spans="1:4" ht="18" customHeight="1" x14ac:dyDescent="0.2">
      <c r="A123" s="16">
        <v>97</v>
      </c>
      <c r="B123" s="29">
        <v>3</v>
      </c>
      <c r="C123" s="10">
        <v>4</v>
      </c>
      <c r="D123" s="9">
        <v>7</v>
      </c>
    </row>
    <row r="124" spans="1:4" ht="18" customHeight="1" x14ac:dyDescent="0.2">
      <c r="A124" s="16">
        <v>98</v>
      </c>
      <c r="B124" s="29">
        <v>0</v>
      </c>
      <c r="C124" s="10">
        <v>2</v>
      </c>
      <c r="D124" s="9">
        <v>2</v>
      </c>
    </row>
    <row r="125" spans="1:4" ht="18" customHeight="1" x14ac:dyDescent="0.2">
      <c r="A125" s="16">
        <v>99</v>
      </c>
      <c r="B125" s="29">
        <v>1</v>
      </c>
      <c r="C125" s="10">
        <v>2</v>
      </c>
      <c r="D125" s="9">
        <v>3</v>
      </c>
    </row>
    <row r="126" spans="1:4" ht="18" customHeight="1" x14ac:dyDescent="0.2">
      <c r="A126" s="8" t="s">
        <v>4</v>
      </c>
      <c r="B126" s="29">
        <v>7</v>
      </c>
      <c r="C126" s="10">
        <v>18</v>
      </c>
      <c r="D126" s="9">
        <v>25</v>
      </c>
    </row>
    <row r="127" spans="1:4" ht="18" customHeight="1" x14ac:dyDescent="0.2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2">
      <c r="A128" s="15" t="s">
        <v>3</v>
      </c>
      <c r="B128" s="29">
        <v>0</v>
      </c>
      <c r="C128" s="10">
        <v>3</v>
      </c>
      <c r="D128" s="9">
        <v>3</v>
      </c>
    </row>
    <row r="129" spans="1:4" ht="18" customHeight="1" x14ac:dyDescent="0.2">
      <c r="A129" s="8" t="s">
        <v>2</v>
      </c>
      <c r="B129" s="29">
        <v>0</v>
      </c>
      <c r="C129" s="10">
        <v>4</v>
      </c>
      <c r="D129" s="9">
        <v>4</v>
      </c>
    </row>
    <row r="130" spans="1:4" ht="18" customHeight="1" x14ac:dyDescent="0.2">
      <c r="A130" s="8" t="s">
        <v>1</v>
      </c>
      <c r="B130" s="28">
        <v>711</v>
      </c>
      <c r="C130" s="6">
        <v>983</v>
      </c>
      <c r="D130" s="5">
        <v>1694</v>
      </c>
    </row>
    <row r="131" spans="1:4" ht="18" customHeight="1" x14ac:dyDescent="0.2">
      <c r="A131" s="4" t="s">
        <v>0</v>
      </c>
      <c r="B131" s="27">
        <v>4444</v>
      </c>
      <c r="C131" s="2">
        <v>4516</v>
      </c>
      <c r="D131" s="1">
        <v>896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82726A6-60D8-4BB7-8994-CDE2BC9FB329}">
  <sheetPr codeName="Sheet6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80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61" t="s">
        <v>30</v>
      </c>
      <c r="C3" s="61"/>
      <c r="D3" s="61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38">
        <v>46</v>
      </c>
      <c r="C5" s="37">
        <v>40</v>
      </c>
      <c r="D5" s="36">
        <v>86</v>
      </c>
    </row>
    <row r="6" spans="1:4" ht="18" customHeight="1" x14ac:dyDescent="0.2">
      <c r="A6" s="8">
        <v>1</v>
      </c>
      <c r="B6" s="35">
        <v>44</v>
      </c>
      <c r="C6" s="13">
        <v>36</v>
      </c>
      <c r="D6" s="12">
        <v>80</v>
      </c>
    </row>
    <row r="7" spans="1:4" ht="18" customHeight="1" x14ac:dyDescent="0.2">
      <c r="A7" s="8">
        <v>2</v>
      </c>
      <c r="B7" s="35">
        <v>28</v>
      </c>
      <c r="C7" s="13">
        <v>47</v>
      </c>
      <c r="D7" s="12">
        <v>75</v>
      </c>
    </row>
    <row r="8" spans="1:4" ht="18" customHeight="1" x14ac:dyDescent="0.2">
      <c r="A8" s="8">
        <v>3</v>
      </c>
      <c r="B8" s="35">
        <v>57</v>
      </c>
      <c r="C8" s="13">
        <v>50</v>
      </c>
      <c r="D8" s="12">
        <v>107</v>
      </c>
    </row>
    <row r="9" spans="1:4" ht="18" customHeight="1" x14ac:dyDescent="0.2">
      <c r="A9" s="8">
        <v>4</v>
      </c>
      <c r="B9" s="35">
        <v>45</v>
      </c>
      <c r="C9" s="13">
        <v>34</v>
      </c>
      <c r="D9" s="12">
        <v>79</v>
      </c>
    </row>
    <row r="10" spans="1:4" ht="18" customHeight="1" x14ac:dyDescent="0.2">
      <c r="A10" s="8" t="s">
        <v>25</v>
      </c>
      <c r="B10" s="35">
        <v>220</v>
      </c>
      <c r="C10" s="13">
        <v>207</v>
      </c>
      <c r="D10" s="12">
        <v>427</v>
      </c>
    </row>
    <row r="11" spans="1:4" ht="18" customHeight="1" x14ac:dyDescent="0.2">
      <c r="A11" s="8">
        <v>5</v>
      </c>
      <c r="B11" s="35">
        <v>55</v>
      </c>
      <c r="C11" s="13">
        <v>48</v>
      </c>
      <c r="D11" s="12">
        <v>103</v>
      </c>
    </row>
    <row r="12" spans="1:4" ht="18" customHeight="1" x14ac:dyDescent="0.2">
      <c r="A12" s="8">
        <v>6</v>
      </c>
      <c r="B12" s="35">
        <v>59</v>
      </c>
      <c r="C12" s="13">
        <v>45</v>
      </c>
      <c r="D12" s="12">
        <v>104</v>
      </c>
    </row>
    <row r="13" spans="1:4" ht="18" customHeight="1" x14ac:dyDescent="0.2">
      <c r="A13" s="8">
        <v>7</v>
      </c>
      <c r="B13" s="35">
        <v>60</v>
      </c>
      <c r="C13" s="13">
        <v>53</v>
      </c>
      <c r="D13" s="12">
        <v>113</v>
      </c>
    </row>
    <row r="14" spans="1:4" ht="18" customHeight="1" x14ac:dyDescent="0.2">
      <c r="A14" s="8">
        <v>8</v>
      </c>
      <c r="B14" s="35">
        <v>54</v>
      </c>
      <c r="C14" s="13">
        <v>51</v>
      </c>
      <c r="D14" s="12">
        <v>105</v>
      </c>
    </row>
    <row r="15" spans="1:4" ht="18" customHeight="1" x14ac:dyDescent="0.2">
      <c r="A15" s="8">
        <v>9</v>
      </c>
      <c r="B15" s="35">
        <v>53</v>
      </c>
      <c r="C15" s="13">
        <v>50</v>
      </c>
      <c r="D15" s="12">
        <v>103</v>
      </c>
    </row>
    <row r="16" spans="1:4" ht="18" customHeight="1" x14ac:dyDescent="0.2">
      <c r="A16" s="8" t="s">
        <v>24</v>
      </c>
      <c r="B16" s="35">
        <v>281</v>
      </c>
      <c r="C16" s="13">
        <v>247</v>
      </c>
      <c r="D16" s="12">
        <v>528</v>
      </c>
    </row>
    <row r="17" spans="1:4" ht="18" customHeight="1" x14ac:dyDescent="0.2">
      <c r="A17" s="8">
        <v>10</v>
      </c>
      <c r="B17" s="35">
        <v>52</v>
      </c>
      <c r="C17" s="13">
        <v>52</v>
      </c>
      <c r="D17" s="12">
        <v>104</v>
      </c>
    </row>
    <row r="18" spans="1:4" ht="18" customHeight="1" x14ac:dyDescent="0.2">
      <c r="A18" s="8">
        <v>11</v>
      </c>
      <c r="B18" s="35">
        <v>60</v>
      </c>
      <c r="C18" s="13">
        <v>53</v>
      </c>
      <c r="D18" s="12">
        <v>113</v>
      </c>
    </row>
    <row r="19" spans="1:4" ht="18" customHeight="1" x14ac:dyDescent="0.2">
      <c r="A19" s="8">
        <v>12</v>
      </c>
      <c r="B19" s="35">
        <v>52</v>
      </c>
      <c r="C19" s="13">
        <v>39</v>
      </c>
      <c r="D19" s="12">
        <v>91</v>
      </c>
    </row>
    <row r="20" spans="1:4" ht="18" customHeight="1" x14ac:dyDescent="0.2">
      <c r="A20" s="8">
        <v>13</v>
      </c>
      <c r="B20" s="35">
        <v>47</v>
      </c>
      <c r="C20" s="13">
        <v>50</v>
      </c>
      <c r="D20" s="12">
        <v>97</v>
      </c>
    </row>
    <row r="21" spans="1:4" ht="18" customHeight="1" x14ac:dyDescent="0.2">
      <c r="A21" s="8">
        <v>14</v>
      </c>
      <c r="B21" s="35">
        <v>67</v>
      </c>
      <c r="C21" s="13">
        <v>53</v>
      </c>
      <c r="D21" s="12">
        <v>120</v>
      </c>
    </row>
    <row r="22" spans="1:4" ht="18" customHeight="1" x14ac:dyDescent="0.2">
      <c r="A22" s="8" t="s">
        <v>23</v>
      </c>
      <c r="B22" s="35">
        <v>278</v>
      </c>
      <c r="C22" s="13">
        <v>247</v>
      </c>
      <c r="D22" s="12">
        <v>525</v>
      </c>
    </row>
    <row r="23" spans="1:4" ht="18" customHeight="1" x14ac:dyDescent="0.2">
      <c r="A23" s="8" t="s">
        <v>22</v>
      </c>
      <c r="B23" s="35">
        <v>779</v>
      </c>
      <c r="C23" s="13">
        <v>701</v>
      </c>
      <c r="D23" s="12">
        <v>1480</v>
      </c>
    </row>
    <row r="24" spans="1:4" ht="18" customHeight="1" x14ac:dyDescent="0.2">
      <c r="A24" s="8">
        <v>15</v>
      </c>
      <c r="B24" s="35">
        <v>54</v>
      </c>
      <c r="C24" s="13">
        <v>53</v>
      </c>
      <c r="D24" s="12">
        <v>107</v>
      </c>
    </row>
    <row r="25" spans="1:4" ht="18" customHeight="1" x14ac:dyDescent="0.2">
      <c r="A25" s="8">
        <v>16</v>
      </c>
      <c r="B25" s="35">
        <v>55</v>
      </c>
      <c r="C25" s="13">
        <v>43</v>
      </c>
      <c r="D25" s="12">
        <v>98</v>
      </c>
    </row>
    <row r="26" spans="1:4" ht="18" customHeight="1" x14ac:dyDescent="0.2">
      <c r="A26" s="8">
        <v>17</v>
      </c>
      <c r="B26" s="35">
        <v>65</v>
      </c>
      <c r="C26" s="13">
        <v>59</v>
      </c>
      <c r="D26" s="12">
        <v>124</v>
      </c>
    </row>
    <row r="27" spans="1:4" ht="18" customHeight="1" x14ac:dyDescent="0.2">
      <c r="A27" s="8">
        <v>18</v>
      </c>
      <c r="B27" s="35">
        <v>61</v>
      </c>
      <c r="C27" s="13">
        <v>65</v>
      </c>
      <c r="D27" s="12">
        <v>126</v>
      </c>
    </row>
    <row r="28" spans="1:4" ht="18" customHeight="1" x14ac:dyDescent="0.2">
      <c r="A28" s="8">
        <v>19</v>
      </c>
      <c r="B28" s="35">
        <v>76</v>
      </c>
      <c r="C28" s="13">
        <v>56</v>
      </c>
      <c r="D28" s="12">
        <v>132</v>
      </c>
    </row>
    <row r="29" spans="1:4" ht="18" customHeight="1" x14ac:dyDescent="0.2">
      <c r="A29" s="8" t="s">
        <v>21</v>
      </c>
      <c r="B29" s="35">
        <v>311</v>
      </c>
      <c r="C29" s="13">
        <v>276</v>
      </c>
      <c r="D29" s="12">
        <v>587</v>
      </c>
    </row>
    <row r="30" spans="1:4" ht="18" customHeight="1" x14ac:dyDescent="0.2">
      <c r="A30" s="8">
        <v>20</v>
      </c>
      <c r="B30" s="35">
        <v>63</v>
      </c>
      <c r="C30" s="13">
        <v>56</v>
      </c>
      <c r="D30" s="12">
        <v>119</v>
      </c>
    </row>
    <row r="31" spans="1:4" ht="18" customHeight="1" x14ac:dyDescent="0.2">
      <c r="A31" s="8">
        <v>21</v>
      </c>
      <c r="B31" s="35">
        <v>69</v>
      </c>
      <c r="C31" s="13">
        <v>60</v>
      </c>
      <c r="D31" s="12">
        <v>129</v>
      </c>
    </row>
    <row r="32" spans="1:4" ht="18" customHeight="1" x14ac:dyDescent="0.2">
      <c r="A32" s="8">
        <v>22</v>
      </c>
      <c r="B32" s="35">
        <v>96</v>
      </c>
      <c r="C32" s="13">
        <v>60</v>
      </c>
      <c r="D32" s="12">
        <v>156</v>
      </c>
    </row>
    <row r="33" spans="1:4" ht="18" customHeight="1" x14ac:dyDescent="0.2">
      <c r="A33" s="8">
        <v>23</v>
      </c>
      <c r="B33" s="35">
        <v>86</v>
      </c>
      <c r="C33" s="13">
        <v>54</v>
      </c>
      <c r="D33" s="12">
        <v>140</v>
      </c>
    </row>
    <row r="34" spans="1:4" ht="18" customHeight="1" x14ac:dyDescent="0.2">
      <c r="A34" s="8">
        <v>24</v>
      </c>
      <c r="B34" s="35">
        <v>90</v>
      </c>
      <c r="C34" s="13">
        <v>68</v>
      </c>
      <c r="D34" s="12">
        <v>158</v>
      </c>
    </row>
    <row r="35" spans="1:4" ht="18" customHeight="1" x14ac:dyDescent="0.2">
      <c r="A35" s="8" t="s">
        <v>20</v>
      </c>
      <c r="B35" s="35">
        <v>404</v>
      </c>
      <c r="C35" s="13">
        <v>298</v>
      </c>
      <c r="D35" s="12">
        <v>702</v>
      </c>
    </row>
    <row r="36" spans="1:4" ht="18" customHeight="1" x14ac:dyDescent="0.2">
      <c r="A36" s="8">
        <v>25</v>
      </c>
      <c r="B36" s="35">
        <v>91</v>
      </c>
      <c r="C36" s="13">
        <v>71</v>
      </c>
      <c r="D36" s="12">
        <v>162</v>
      </c>
    </row>
    <row r="37" spans="1:4" ht="18" customHeight="1" x14ac:dyDescent="0.2">
      <c r="A37" s="8">
        <v>26</v>
      </c>
      <c r="B37" s="35">
        <v>84</v>
      </c>
      <c r="C37" s="13">
        <v>91</v>
      </c>
      <c r="D37" s="12">
        <v>175</v>
      </c>
    </row>
    <row r="38" spans="1:4" ht="18" customHeight="1" x14ac:dyDescent="0.2">
      <c r="A38" s="8">
        <v>27</v>
      </c>
      <c r="B38" s="35">
        <v>96</v>
      </c>
      <c r="C38" s="13">
        <v>78</v>
      </c>
      <c r="D38" s="12">
        <v>174</v>
      </c>
    </row>
    <row r="39" spans="1:4" ht="18" customHeight="1" x14ac:dyDescent="0.2">
      <c r="A39" s="8">
        <v>28</v>
      </c>
      <c r="B39" s="35">
        <v>86</v>
      </c>
      <c r="C39" s="13">
        <v>64</v>
      </c>
      <c r="D39" s="12">
        <v>150</v>
      </c>
    </row>
    <row r="40" spans="1:4" ht="18" customHeight="1" x14ac:dyDescent="0.2">
      <c r="A40" s="8">
        <v>29</v>
      </c>
      <c r="B40" s="35">
        <v>70</v>
      </c>
      <c r="C40" s="13">
        <v>81</v>
      </c>
      <c r="D40" s="12">
        <v>151</v>
      </c>
    </row>
    <row r="41" spans="1:4" ht="18" customHeight="1" x14ac:dyDescent="0.2">
      <c r="A41" s="8" t="s">
        <v>19</v>
      </c>
      <c r="B41" s="35">
        <v>427</v>
      </c>
      <c r="C41" s="13">
        <v>385</v>
      </c>
      <c r="D41" s="12">
        <v>812</v>
      </c>
    </row>
    <row r="42" spans="1:4" ht="18" customHeight="1" x14ac:dyDescent="0.2">
      <c r="A42" s="8">
        <v>30</v>
      </c>
      <c r="B42" s="35">
        <v>79</v>
      </c>
      <c r="C42" s="13">
        <v>70</v>
      </c>
      <c r="D42" s="12">
        <v>149</v>
      </c>
    </row>
    <row r="43" spans="1:4" ht="18" customHeight="1" x14ac:dyDescent="0.2">
      <c r="A43" s="8">
        <v>31</v>
      </c>
      <c r="B43" s="35">
        <v>78</v>
      </c>
      <c r="C43" s="13">
        <v>64</v>
      </c>
      <c r="D43" s="12">
        <v>142</v>
      </c>
    </row>
    <row r="44" spans="1:4" ht="18" customHeight="1" x14ac:dyDescent="0.2">
      <c r="A44" s="8">
        <v>32</v>
      </c>
      <c r="B44" s="35">
        <v>90</v>
      </c>
      <c r="C44" s="13">
        <v>56</v>
      </c>
      <c r="D44" s="12">
        <v>146</v>
      </c>
    </row>
    <row r="45" spans="1:4" ht="18" customHeight="1" x14ac:dyDescent="0.2">
      <c r="A45" s="8">
        <v>33</v>
      </c>
      <c r="B45" s="35">
        <v>74</v>
      </c>
      <c r="C45" s="13">
        <v>61</v>
      </c>
      <c r="D45" s="12">
        <v>135</v>
      </c>
    </row>
    <row r="46" spans="1:4" ht="18" customHeight="1" x14ac:dyDescent="0.2">
      <c r="A46" s="8">
        <v>34</v>
      </c>
      <c r="B46" s="35">
        <v>72</v>
      </c>
      <c r="C46" s="13">
        <v>50</v>
      </c>
      <c r="D46" s="12">
        <v>122</v>
      </c>
    </row>
    <row r="47" spans="1:4" ht="18" customHeight="1" x14ac:dyDescent="0.2">
      <c r="A47" s="8" t="s">
        <v>18</v>
      </c>
      <c r="B47" s="35">
        <v>393</v>
      </c>
      <c r="C47" s="13">
        <v>301</v>
      </c>
      <c r="D47" s="12">
        <v>694</v>
      </c>
    </row>
    <row r="48" spans="1:4" ht="18" customHeight="1" x14ac:dyDescent="0.2">
      <c r="A48" s="8">
        <v>35</v>
      </c>
      <c r="B48" s="35">
        <v>73</v>
      </c>
      <c r="C48" s="13">
        <v>61</v>
      </c>
      <c r="D48" s="12">
        <v>134</v>
      </c>
    </row>
    <row r="49" spans="1:4" ht="18" customHeight="1" x14ac:dyDescent="0.2">
      <c r="A49" s="8">
        <v>36</v>
      </c>
      <c r="B49" s="35">
        <v>76</v>
      </c>
      <c r="C49" s="13">
        <v>91</v>
      </c>
      <c r="D49" s="12">
        <v>167</v>
      </c>
    </row>
    <row r="50" spans="1:4" ht="18" customHeight="1" x14ac:dyDescent="0.2">
      <c r="A50" s="8">
        <v>37</v>
      </c>
      <c r="B50" s="35">
        <v>79</v>
      </c>
      <c r="C50" s="13">
        <v>71</v>
      </c>
      <c r="D50" s="12">
        <v>150</v>
      </c>
    </row>
    <row r="51" spans="1:4" ht="18" customHeight="1" x14ac:dyDescent="0.2">
      <c r="A51" s="8">
        <v>38</v>
      </c>
      <c r="B51" s="35">
        <v>89</v>
      </c>
      <c r="C51" s="13">
        <v>82</v>
      </c>
      <c r="D51" s="12">
        <v>171</v>
      </c>
    </row>
    <row r="52" spans="1:4" ht="18" customHeight="1" x14ac:dyDescent="0.2">
      <c r="A52" s="8">
        <v>39</v>
      </c>
      <c r="B52" s="35">
        <v>81</v>
      </c>
      <c r="C52" s="13">
        <v>83</v>
      </c>
      <c r="D52" s="12">
        <v>164</v>
      </c>
    </row>
    <row r="53" spans="1:4" ht="18" customHeight="1" x14ac:dyDescent="0.2">
      <c r="A53" s="8" t="s">
        <v>17</v>
      </c>
      <c r="B53" s="35">
        <v>398</v>
      </c>
      <c r="C53" s="13">
        <v>388</v>
      </c>
      <c r="D53" s="12">
        <v>786</v>
      </c>
    </row>
    <row r="54" spans="1:4" ht="18" customHeight="1" x14ac:dyDescent="0.2">
      <c r="A54" s="8">
        <v>40</v>
      </c>
      <c r="B54" s="35">
        <v>81</v>
      </c>
      <c r="C54" s="13">
        <v>69</v>
      </c>
      <c r="D54" s="12">
        <v>150</v>
      </c>
    </row>
    <row r="55" spans="1:4" ht="18" customHeight="1" x14ac:dyDescent="0.2">
      <c r="A55" s="8">
        <v>41</v>
      </c>
      <c r="B55" s="35">
        <v>80</v>
      </c>
      <c r="C55" s="13">
        <v>77</v>
      </c>
      <c r="D55" s="12">
        <v>157</v>
      </c>
    </row>
    <row r="56" spans="1:4" ht="18" customHeight="1" x14ac:dyDescent="0.2">
      <c r="A56" s="8">
        <v>42</v>
      </c>
      <c r="B56" s="35">
        <v>71</v>
      </c>
      <c r="C56" s="13">
        <v>65</v>
      </c>
      <c r="D56" s="12">
        <v>136</v>
      </c>
    </row>
    <row r="57" spans="1:4" ht="18" customHeight="1" x14ac:dyDescent="0.2">
      <c r="A57" s="8">
        <v>43</v>
      </c>
      <c r="B57" s="35">
        <v>88</v>
      </c>
      <c r="C57" s="13">
        <v>75</v>
      </c>
      <c r="D57" s="12">
        <v>163</v>
      </c>
    </row>
    <row r="58" spans="1:4" ht="18" customHeight="1" x14ac:dyDescent="0.2">
      <c r="A58" s="8">
        <v>44</v>
      </c>
      <c r="B58" s="35">
        <v>105</v>
      </c>
      <c r="C58" s="13">
        <v>74</v>
      </c>
      <c r="D58" s="12">
        <v>179</v>
      </c>
    </row>
    <row r="59" spans="1:4" ht="18" customHeight="1" x14ac:dyDescent="0.2">
      <c r="A59" s="8" t="s">
        <v>16</v>
      </c>
      <c r="B59" s="35">
        <v>425</v>
      </c>
      <c r="C59" s="13">
        <v>360</v>
      </c>
      <c r="D59" s="12">
        <v>785</v>
      </c>
    </row>
    <row r="60" spans="1:4" ht="18" customHeight="1" x14ac:dyDescent="0.2">
      <c r="A60" s="8">
        <v>45</v>
      </c>
      <c r="B60" s="35">
        <v>107</v>
      </c>
      <c r="C60" s="13">
        <v>97</v>
      </c>
      <c r="D60" s="12">
        <v>204</v>
      </c>
    </row>
    <row r="61" spans="1:4" ht="18" customHeight="1" x14ac:dyDescent="0.2">
      <c r="A61" s="8">
        <v>46</v>
      </c>
      <c r="B61" s="35">
        <v>83</v>
      </c>
      <c r="C61" s="13">
        <v>91</v>
      </c>
      <c r="D61" s="12">
        <v>174</v>
      </c>
    </row>
    <row r="62" spans="1:4" ht="18" customHeight="1" x14ac:dyDescent="0.2">
      <c r="A62" s="8">
        <v>47</v>
      </c>
      <c r="B62" s="35">
        <v>102</v>
      </c>
      <c r="C62" s="13">
        <v>118</v>
      </c>
      <c r="D62" s="12">
        <v>220</v>
      </c>
    </row>
    <row r="63" spans="1:4" ht="18" customHeight="1" x14ac:dyDescent="0.2">
      <c r="A63" s="8">
        <v>48</v>
      </c>
      <c r="B63" s="35">
        <v>104</v>
      </c>
      <c r="C63" s="13">
        <v>122</v>
      </c>
      <c r="D63" s="12">
        <v>226</v>
      </c>
    </row>
    <row r="64" spans="1:4" ht="18" customHeight="1" x14ac:dyDescent="0.2">
      <c r="A64" s="8">
        <v>49</v>
      </c>
      <c r="B64" s="35">
        <v>132</v>
      </c>
      <c r="C64" s="13">
        <v>108</v>
      </c>
      <c r="D64" s="12">
        <v>240</v>
      </c>
    </row>
    <row r="65" spans="1:4" ht="18" customHeight="1" x14ac:dyDescent="0.2">
      <c r="A65" s="8" t="s">
        <v>15</v>
      </c>
      <c r="B65" s="35">
        <v>528</v>
      </c>
      <c r="C65" s="13">
        <v>536</v>
      </c>
      <c r="D65" s="12">
        <v>1064</v>
      </c>
    </row>
    <row r="66" spans="1:4" ht="18" customHeight="1" x14ac:dyDescent="0.2">
      <c r="A66" s="8">
        <v>50</v>
      </c>
      <c r="B66" s="35">
        <v>111</v>
      </c>
      <c r="C66" s="13">
        <v>92</v>
      </c>
      <c r="D66" s="12">
        <v>203</v>
      </c>
    </row>
    <row r="67" spans="1:4" ht="18" customHeight="1" x14ac:dyDescent="0.2">
      <c r="A67" s="8">
        <v>51</v>
      </c>
      <c r="B67" s="35">
        <v>126</v>
      </c>
      <c r="C67" s="13">
        <v>80</v>
      </c>
      <c r="D67" s="12">
        <v>206</v>
      </c>
    </row>
    <row r="68" spans="1:4" ht="18" customHeight="1" x14ac:dyDescent="0.2">
      <c r="A68" s="8">
        <v>52</v>
      </c>
      <c r="B68" s="35">
        <v>97</v>
      </c>
      <c r="C68" s="13">
        <v>130</v>
      </c>
      <c r="D68" s="12">
        <v>227</v>
      </c>
    </row>
    <row r="69" spans="1:4" ht="18" customHeight="1" x14ac:dyDescent="0.2">
      <c r="A69" s="8">
        <v>53</v>
      </c>
      <c r="B69" s="35">
        <v>100</v>
      </c>
      <c r="C69" s="13">
        <v>102</v>
      </c>
      <c r="D69" s="12">
        <v>202</v>
      </c>
    </row>
    <row r="70" spans="1:4" ht="18" customHeight="1" x14ac:dyDescent="0.2">
      <c r="A70" s="8">
        <v>54</v>
      </c>
      <c r="B70" s="35">
        <v>93</v>
      </c>
      <c r="C70" s="13">
        <v>103</v>
      </c>
      <c r="D70" s="12">
        <v>196</v>
      </c>
    </row>
    <row r="71" spans="1:4" ht="18" customHeight="1" x14ac:dyDescent="0.2">
      <c r="A71" s="8" t="s">
        <v>14</v>
      </c>
      <c r="B71" s="35">
        <v>527</v>
      </c>
      <c r="C71" s="13">
        <v>507</v>
      </c>
      <c r="D71" s="12">
        <v>1034</v>
      </c>
    </row>
    <row r="72" spans="1:4" ht="18" customHeight="1" x14ac:dyDescent="0.2">
      <c r="A72" s="8">
        <v>55</v>
      </c>
      <c r="B72" s="35">
        <v>83</v>
      </c>
      <c r="C72" s="13">
        <v>105</v>
      </c>
      <c r="D72" s="12">
        <v>188</v>
      </c>
    </row>
    <row r="73" spans="1:4" ht="18" customHeight="1" x14ac:dyDescent="0.2">
      <c r="A73" s="8">
        <v>56</v>
      </c>
      <c r="B73" s="35">
        <v>74</v>
      </c>
      <c r="C73" s="13">
        <v>71</v>
      </c>
      <c r="D73" s="12">
        <v>145</v>
      </c>
    </row>
    <row r="74" spans="1:4" ht="18" customHeight="1" x14ac:dyDescent="0.2">
      <c r="A74" s="8">
        <v>57</v>
      </c>
      <c r="B74" s="35">
        <v>79</v>
      </c>
      <c r="C74" s="13">
        <v>67</v>
      </c>
      <c r="D74" s="12">
        <v>146</v>
      </c>
    </row>
    <row r="75" spans="1:4" ht="18" customHeight="1" x14ac:dyDescent="0.2">
      <c r="A75" s="8">
        <v>58</v>
      </c>
      <c r="B75" s="35">
        <v>84</v>
      </c>
      <c r="C75" s="13">
        <v>65</v>
      </c>
      <c r="D75" s="12">
        <v>149</v>
      </c>
    </row>
    <row r="76" spans="1:4" ht="18" customHeight="1" x14ac:dyDescent="0.2">
      <c r="A76" s="8">
        <v>59</v>
      </c>
      <c r="B76" s="35">
        <v>72</v>
      </c>
      <c r="C76" s="13">
        <v>73</v>
      </c>
      <c r="D76" s="12">
        <v>145</v>
      </c>
    </row>
    <row r="77" spans="1:4" ht="18" customHeight="1" x14ac:dyDescent="0.2">
      <c r="A77" s="8" t="s">
        <v>13</v>
      </c>
      <c r="B77" s="35">
        <v>392</v>
      </c>
      <c r="C77" s="13">
        <v>381</v>
      </c>
      <c r="D77" s="12">
        <v>773</v>
      </c>
    </row>
    <row r="78" spans="1:4" ht="18" customHeight="1" x14ac:dyDescent="0.2">
      <c r="A78" s="8">
        <v>60</v>
      </c>
      <c r="B78" s="35">
        <v>71</v>
      </c>
      <c r="C78" s="13">
        <v>59</v>
      </c>
      <c r="D78" s="12">
        <v>130</v>
      </c>
    </row>
    <row r="79" spans="1:4" ht="18" customHeight="1" x14ac:dyDescent="0.2">
      <c r="A79" s="8">
        <v>61</v>
      </c>
      <c r="B79" s="35">
        <v>61</v>
      </c>
      <c r="C79" s="13">
        <v>70</v>
      </c>
      <c r="D79" s="12">
        <v>131</v>
      </c>
    </row>
    <row r="80" spans="1:4" ht="18" customHeight="1" x14ac:dyDescent="0.2">
      <c r="A80" s="8">
        <v>62</v>
      </c>
      <c r="B80" s="35">
        <v>77</v>
      </c>
      <c r="C80" s="13">
        <v>85</v>
      </c>
      <c r="D80" s="12">
        <v>162</v>
      </c>
    </row>
    <row r="81" spans="1:4" ht="18" customHeight="1" x14ac:dyDescent="0.2">
      <c r="A81" s="8">
        <v>63</v>
      </c>
      <c r="B81" s="35">
        <v>63</v>
      </c>
      <c r="C81" s="13">
        <v>68</v>
      </c>
      <c r="D81" s="12">
        <v>131</v>
      </c>
    </row>
    <row r="82" spans="1:4" ht="18" customHeight="1" x14ac:dyDescent="0.2">
      <c r="A82" s="8">
        <v>64</v>
      </c>
      <c r="B82" s="35">
        <v>54</v>
      </c>
      <c r="C82" s="13">
        <v>70</v>
      </c>
      <c r="D82" s="12">
        <v>124</v>
      </c>
    </row>
    <row r="83" spans="1:4" ht="18" customHeight="1" x14ac:dyDescent="0.2">
      <c r="A83" s="8" t="s">
        <v>12</v>
      </c>
      <c r="B83" s="35">
        <v>326</v>
      </c>
      <c r="C83" s="13">
        <v>352</v>
      </c>
      <c r="D83" s="12">
        <v>678</v>
      </c>
    </row>
    <row r="84" spans="1:4" ht="18" customHeight="1" x14ac:dyDescent="0.2">
      <c r="A84" s="8" t="s">
        <v>11</v>
      </c>
      <c r="B84" s="35">
        <v>4131</v>
      </c>
      <c r="C84" s="13">
        <v>3784</v>
      </c>
      <c r="D84" s="12">
        <v>7915</v>
      </c>
    </row>
    <row r="85" spans="1:4" ht="18" customHeight="1" x14ac:dyDescent="0.2">
      <c r="A85" s="8">
        <v>65</v>
      </c>
      <c r="B85" s="35">
        <v>80</v>
      </c>
      <c r="C85" s="13">
        <v>68</v>
      </c>
      <c r="D85" s="12">
        <v>148</v>
      </c>
    </row>
    <row r="86" spans="1:4" ht="18" customHeight="1" x14ac:dyDescent="0.2">
      <c r="A86" s="8">
        <v>66</v>
      </c>
      <c r="B86" s="35">
        <v>59</v>
      </c>
      <c r="C86" s="13">
        <v>58</v>
      </c>
      <c r="D86" s="12">
        <v>117</v>
      </c>
    </row>
    <row r="87" spans="1:4" ht="18" customHeight="1" x14ac:dyDescent="0.2">
      <c r="A87" s="8">
        <v>67</v>
      </c>
      <c r="B87" s="35">
        <v>67</v>
      </c>
      <c r="C87" s="13">
        <v>63</v>
      </c>
      <c r="D87" s="12">
        <v>130</v>
      </c>
    </row>
    <row r="88" spans="1:4" ht="18" customHeight="1" x14ac:dyDescent="0.2">
      <c r="A88" s="8">
        <v>68</v>
      </c>
      <c r="B88" s="35">
        <v>65</v>
      </c>
      <c r="C88" s="13">
        <v>73</v>
      </c>
      <c r="D88" s="12">
        <v>138</v>
      </c>
    </row>
    <row r="89" spans="1:4" ht="18" customHeight="1" x14ac:dyDescent="0.2">
      <c r="A89" s="8">
        <v>69</v>
      </c>
      <c r="B89" s="35">
        <v>88</v>
      </c>
      <c r="C89" s="13">
        <v>80</v>
      </c>
      <c r="D89" s="12">
        <v>168</v>
      </c>
    </row>
    <row r="90" spans="1:4" ht="18" customHeight="1" x14ac:dyDescent="0.2">
      <c r="A90" s="8" t="s">
        <v>10</v>
      </c>
      <c r="B90" s="35">
        <v>359</v>
      </c>
      <c r="C90" s="13">
        <v>342</v>
      </c>
      <c r="D90" s="12">
        <v>701</v>
      </c>
    </row>
    <row r="91" spans="1:4" ht="18" customHeight="1" x14ac:dyDescent="0.2">
      <c r="A91" s="8">
        <v>70</v>
      </c>
      <c r="B91" s="35">
        <v>88</v>
      </c>
      <c r="C91" s="13">
        <v>61</v>
      </c>
      <c r="D91" s="12">
        <v>149</v>
      </c>
    </row>
    <row r="92" spans="1:4" ht="18" customHeight="1" x14ac:dyDescent="0.2">
      <c r="A92" s="8">
        <v>71</v>
      </c>
      <c r="B92" s="35">
        <v>69</v>
      </c>
      <c r="C92" s="13">
        <v>75</v>
      </c>
      <c r="D92" s="12">
        <v>144</v>
      </c>
    </row>
    <row r="93" spans="1:4" ht="18" customHeight="1" x14ac:dyDescent="0.2">
      <c r="A93" s="8">
        <v>72</v>
      </c>
      <c r="B93" s="35">
        <v>74</v>
      </c>
      <c r="C93" s="13">
        <v>89</v>
      </c>
      <c r="D93" s="12">
        <v>163</v>
      </c>
    </row>
    <row r="94" spans="1:4" ht="18" customHeight="1" x14ac:dyDescent="0.2">
      <c r="A94" s="8">
        <v>73</v>
      </c>
      <c r="B94" s="35">
        <v>90</v>
      </c>
      <c r="C94" s="13">
        <v>98</v>
      </c>
      <c r="D94" s="12">
        <v>188</v>
      </c>
    </row>
    <row r="95" spans="1:4" ht="18" customHeight="1" x14ac:dyDescent="0.2">
      <c r="A95" s="8">
        <v>74</v>
      </c>
      <c r="B95" s="35">
        <v>79</v>
      </c>
      <c r="C95" s="13">
        <v>91</v>
      </c>
      <c r="D95" s="12">
        <v>170</v>
      </c>
    </row>
    <row r="96" spans="1:4" ht="18" customHeight="1" x14ac:dyDescent="0.2">
      <c r="A96" s="8" t="s">
        <v>9</v>
      </c>
      <c r="B96" s="35">
        <v>400</v>
      </c>
      <c r="C96" s="13">
        <v>414</v>
      </c>
      <c r="D96" s="12">
        <v>814</v>
      </c>
    </row>
    <row r="97" spans="1:4" ht="18" customHeight="1" x14ac:dyDescent="0.2">
      <c r="A97" s="8">
        <v>75</v>
      </c>
      <c r="B97" s="35">
        <v>90</v>
      </c>
      <c r="C97" s="13">
        <v>111</v>
      </c>
      <c r="D97" s="12">
        <v>201</v>
      </c>
    </row>
    <row r="98" spans="1:4" ht="18" customHeight="1" x14ac:dyDescent="0.2">
      <c r="A98" s="8">
        <v>76</v>
      </c>
      <c r="B98" s="35">
        <v>83</v>
      </c>
      <c r="C98" s="13">
        <v>124</v>
      </c>
      <c r="D98" s="12">
        <v>207</v>
      </c>
    </row>
    <row r="99" spans="1:4" ht="18" customHeight="1" x14ac:dyDescent="0.2">
      <c r="A99" s="8">
        <v>77</v>
      </c>
      <c r="B99" s="35">
        <v>47</v>
      </c>
      <c r="C99" s="13">
        <v>44</v>
      </c>
      <c r="D99" s="12">
        <v>91</v>
      </c>
    </row>
    <row r="100" spans="1:4" ht="18" customHeight="1" x14ac:dyDescent="0.2">
      <c r="A100" s="8">
        <v>78</v>
      </c>
      <c r="B100" s="35">
        <v>55</v>
      </c>
      <c r="C100" s="13">
        <v>68</v>
      </c>
      <c r="D100" s="12">
        <v>123</v>
      </c>
    </row>
    <row r="101" spans="1:4" ht="18" customHeight="1" x14ac:dyDescent="0.2">
      <c r="A101" s="8">
        <v>79</v>
      </c>
      <c r="B101" s="35">
        <v>52</v>
      </c>
      <c r="C101" s="13">
        <v>68</v>
      </c>
      <c r="D101" s="12">
        <v>120</v>
      </c>
    </row>
    <row r="102" spans="1:4" ht="18" customHeight="1" x14ac:dyDescent="0.2">
      <c r="A102" s="8" t="s">
        <v>8</v>
      </c>
      <c r="B102" s="35">
        <v>327</v>
      </c>
      <c r="C102" s="13">
        <v>415</v>
      </c>
      <c r="D102" s="12">
        <v>742</v>
      </c>
    </row>
    <row r="103" spans="1:4" ht="18" customHeight="1" x14ac:dyDescent="0.2">
      <c r="A103" s="8">
        <v>80</v>
      </c>
      <c r="B103" s="35">
        <v>62</v>
      </c>
      <c r="C103" s="13">
        <v>71</v>
      </c>
      <c r="D103" s="12">
        <v>133</v>
      </c>
    </row>
    <row r="104" spans="1:4" ht="18" customHeight="1" x14ac:dyDescent="0.2">
      <c r="A104" s="8">
        <v>81</v>
      </c>
      <c r="B104" s="35">
        <v>62</v>
      </c>
      <c r="C104" s="13">
        <v>70</v>
      </c>
      <c r="D104" s="12">
        <v>132</v>
      </c>
    </row>
    <row r="105" spans="1:4" ht="18" customHeight="1" x14ac:dyDescent="0.2">
      <c r="A105" s="8">
        <v>82</v>
      </c>
      <c r="B105" s="35">
        <v>51</v>
      </c>
      <c r="C105" s="13">
        <v>51</v>
      </c>
      <c r="D105" s="12">
        <v>102</v>
      </c>
    </row>
    <row r="106" spans="1:4" ht="18" customHeight="1" x14ac:dyDescent="0.2">
      <c r="A106" s="8">
        <v>83</v>
      </c>
      <c r="B106" s="35">
        <v>38</v>
      </c>
      <c r="C106" s="13">
        <v>61</v>
      </c>
      <c r="D106" s="12">
        <v>99</v>
      </c>
    </row>
    <row r="107" spans="1:4" ht="18" customHeight="1" x14ac:dyDescent="0.2">
      <c r="A107" s="8">
        <v>84</v>
      </c>
      <c r="B107" s="35">
        <v>28</v>
      </c>
      <c r="C107" s="13">
        <v>40</v>
      </c>
      <c r="D107" s="12">
        <v>68</v>
      </c>
    </row>
    <row r="108" spans="1:4" ht="18" customHeight="1" x14ac:dyDescent="0.2">
      <c r="A108" s="8" t="s">
        <v>7</v>
      </c>
      <c r="B108" s="35">
        <v>241</v>
      </c>
      <c r="C108" s="13">
        <v>293</v>
      </c>
      <c r="D108" s="12">
        <v>534</v>
      </c>
    </row>
    <row r="109" spans="1:4" ht="18" customHeight="1" x14ac:dyDescent="0.2">
      <c r="A109" s="8">
        <v>85</v>
      </c>
      <c r="B109" s="35">
        <v>36</v>
      </c>
      <c r="C109" s="13">
        <v>46</v>
      </c>
      <c r="D109" s="12">
        <v>82</v>
      </c>
    </row>
    <row r="110" spans="1:4" ht="18" customHeight="1" x14ac:dyDescent="0.2">
      <c r="A110" s="8">
        <v>86</v>
      </c>
      <c r="B110" s="35">
        <v>22</v>
      </c>
      <c r="C110" s="13">
        <v>51</v>
      </c>
      <c r="D110" s="12">
        <v>73</v>
      </c>
    </row>
    <row r="111" spans="1:4" ht="18" customHeight="1" x14ac:dyDescent="0.2">
      <c r="A111" s="8">
        <v>87</v>
      </c>
      <c r="B111" s="35">
        <v>22</v>
      </c>
      <c r="C111" s="13">
        <v>43</v>
      </c>
      <c r="D111" s="12">
        <v>65</v>
      </c>
    </row>
    <row r="112" spans="1:4" ht="18" customHeight="1" x14ac:dyDescent="0.2">
      <c r="A112" s="8">
        <v>88</v>
      </c>
      <c r="B112" s="35">
        <v>15</v>
      </c>
      <c r="C112" s="13">
        <v>28</v>
      </c>
      <c r="D112" s="12">
        <v>43</v>
      </c>
    </row>
    <row r="113" spans="1:4" ht="18" customHeight="1" x14ac:dyDescent="0.2">
      <c r="A113" s="8">
        <v>89</v>
      </c>
      <c r="B113" s="35">
        <v>13</v>
      </c>
      <c r="C113" s="13">
        <v>30</v>
      </c>
      <c r="D113" s="12">
        <v>43</v>
      </c>
    </row>
    <row r="114" spans="1:4" ht="18" customHeight="1" x14ac:dyDescent="0.2">
      <c r="A114" s="8" t="s">
        <v>6</v>
      </c>
      <c r="B114" s="35">
        <v>108</v>
      </c>
      <c r="C114" s="13">
        <v>198</v>
      </c>
      <c r="D114" s="12">
        <v>306</v>
      </c>
    </row>
    <row r="115" spans="1:4" ht="18" customHeight="1" x14ac:dyDescent="0.2">
      <c r="A115" s="8">
        <v>90</v>
      </c>
      <c r="B115" s="35">
        <v>12</v>
      </c>
      <c r="C115" s="13">
        <v>28</v>
      </c>
      <c r="D115" s="12">
        <v>40</v>
      </c>
    </row>
    <row r="116" spans="1:4" ht="18" customHeight="1" x14ac:dyDescent="0.2">
      <c r="A116" s="8">
        <v>91</v>
      </c>
      <c r="B116" s="35">
        <v>9</v>
      </c>
      <c r="C116" s="13">
        <v>34</v>
      </c>
      <c r="D116" s="12">
        <v>43</v>
      </c>
    </row>
    <row r="117" spans="1:4" ht="18" customHeight="1" x14ac:dyDescent="0.2">
      <c r="A117" s="8">
        <v>92</v>
      </c>
      <c r="B117" s="35">
        <v>6</v>
      </c>
      <c r="C117" s="13">
        <v>19</v>
      </c>
      <c r="D117" s="12">
        <v>25</v>
      </c>
    </row>
    <row r="118" spans="1:4" ht="18" customHeight="1" x14ac:dyDescent="0.2">
      <c r="A118" s="8">
        <v>93</v>
      </c>
      <c r="B118" s="35">
        <v>3</v>
      </c>
      <c r="C118" s="13">
        <v>11</v>
      </c>
      <c r="D118" s="12">
        <v>14</v>
      </c>
    </row>
    <row r="119" spans="1:4" ht="18" customHeight="1" x14ac:dyDescent="0.2">
      <c r="A119" s="8">
        <v>94</v>
      </c>
      <c r="B119" s="35">
        <v>4</v>
      </c>
      <c r="C119" s="13">
        <v>16</v>
      </c>
      <c r="D119" s="12">
        <v>20</v>
      </c>
    </row>
    <row r="120" spans="1:4" ht="18" customHeight="1" x14ac:dyDescent="0.2">
      <c r="A120" s="8" t="s">
        <v>5</v>
      </c>
      <c r="B120" s="35">
        <v>34</v>
      </c>
      <c r="C120" s="13">
        <v>108</v>
      </c>
      <c r="D120" s="12">
        <v>142</v>
      </c>
    </row>
    <row r="121" spans="1:4" ht="18" customHeight="1" x14ac:dyDescent="0.2">
      <c r="A121" s="8">
        <v>95</v>
      </c>
      <c r="B121" s="35">
        <v>3</v>
      </c>
      <c r="C121" s="13">
        <v>18</v>
      </c>
      <c r="D121" s="12">
        <v>21</v>
      </c>
    </row>
    <row r="122" spans="1:4" ht="18" customHeight="1" x14ac:dyDescent="0.2">
      <c r="A122" s="8">
        <v>96</v>
      </c>
      <c r="B122" s="35">
        <v>2</v>
      </c>
      <c r="C122" s="13">
        <v>13</v>
      </c>
      <c r="D122" s="12">
        <v>15</v>
      </c>
    </row>
    <row r="123" spans="1:4" ht="18" customHeight="1" x14ac:dyDescent="0.2">
      <c r="A123" s="8">
        <v>97</v>
      </c>
      <c r="B123" s="35">
        <v>1</v>
      </c>
      <c r="C123" s="13">
        <v>4</v>
      </c>
      <c r="D123" s="12">
        <v>5</v>
      </c>
    </row>
    <row r="124" spans="1:4" ht="18" customHeight="1" x14ac:dyDescent="0.2">
      <c r="A124" s="8">
        <v>98</v>
      </c>
      <c r="B124" s="35">
        <v>1</v>
      </c>
      <c r="C124" s="13">
        <v>6</v>
      </c>
      <c r="D124" s="12">
        <v>7</v>
      </c>
    </row>
    <row r="125" spans="1:4" ht="18" customHeight="1" x14ac:dyDescent="0.2">
      <c r="A125" s="8">
        <v>99</v>
      </c>
      <c r="B125" s="35">
        <v>1</v>
      </c>
      <c r="C125" s="13">
        <v>2</v>
      </c>
      <c r="D125" s="12">
        <v>3</v>
      </c>
    </row>
    <row r="126" spans="1:4" ht="18" customHeight="1" x14ac:dyDescent="0.2">
      <c r="A126" s="8" t="s">
        <v>4</v>
      </c>
      <c r="B126" s="35">
        <v>8</v>
      </c>
      <c r="C126" s="13">
        <v>43</v>
      </c>
      <c r="D126" s="12">
        <v>51</v>
      </c>
    </row>
    <row r="127" spans="1:4" ht="18" customHeight="1" x14ac:dyDescent="0.2">
      <c r="A127" s="8">
        <v>100</v>
      </c>
      <c r="B127" s="35">
        <v>0</v>
      </c>
      <c r="C127" s="13">
        <v>0</v>
      </c>
      <c r="D127" s="12">
        <v>0</v>
      </c>
    </row>
    <row r="128" spans="1:4" ht="18" customHeight="1" x14ac:dyDescent="0.2">
      <c r="A128" s="15" t="s">
        <v>3</v>
      </c>
      <c r="B128" s="35">
        <v>0</v>
      </c>
      <c r="C128" s="13">
        <v>4</v>
      </c>
      <c r="D128" s="12">
        <v>4</v>
      </c>
    </row>
    <row r="129" spans="1:4" ht="18" customHeight="1" x14ac:dyDescent="0.2">
      <c r="A129" s="8" t="s">
        <v>2</v>
      </c>
      <c r="B129" s="35">
        <v>0</v>
      </c>
      <c r="C129" s="13">
        <v>4</v>
      </c>
      <c r="D129" s="12">
        <v>4</v>
      </c>
    </row>
    <row r="130" spans="1:4" ht="18" customHeight="1" x14ac:dyDescent="0.2">
      <c r="A130" s="8" t="s">
        <v>1</v>
      </c>
      <c r="B130" s="28">
        <v>1477</v>
      </c>
      <c r="C130" s="6">
        <v>1817</v>
      </c>
      <c r="D130" s="5">
        <v>3294</v>
      </c>
    </row>
    <row r="131" spans="1:4" ht="18" customHeight="1" x14ac:dyDescent="0.2">
      <c r="A131" s="4" t="s">
        <v>0</v>
      </c>
      <c r="B131" s="27">
        <v>6387</v>
      </c>
      <c r="C131" s="2">
        <v>6302</v>
      </c>
      <c r="D131" s="1">
        <v>12689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E58A573-1948-4756-857E-D8F19149A265}">
  <sheetPr codeName="Sheet6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81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1047</v>
      </c>
      <c r="C5" s="45">
        <v>1008</v>
      </c>
      <c r="D5" s="44">
        <v>2055</v>
      </c>
    </row>
    <row r="6" spans="1:4" ht="18" customHeight="1" x14ac:dyDescent="0.2">
      <c r="A6" s="8">
        <v>1</v>
      </c>
      <c r="B6" s="40">
        <v>1129</v>
      </c>
      <c r="C6" s="13">
        <v>1007</v>
      </c>
      <c r="D6" s="12">
        <v>2136</v>
      </c>
    </row>
    <row r="7" spans="1:4" ht="18" customHeight="1" x14ac:dyDescent="0.2">
      <c r="A7" s="8">
        <v>2</v>
      </c>
      <c r="B7" s="40">
        <v>1081</v>
      </c>
      <c r="C7" s="13">
        <v>1074</v>
      </c>
      <c r="D7" s="12">
        <v>2155</v>
      </c>
    </row>
    <row r="8" spans="1:4" ht="18" customHeight="1" x14ac:dyDescent="0.2">
      <c r="A8" s="8">
        <v>3</v>
      </c>
      <c r="B8" s="40">
        <v>1195</v>
      </c>
      <c r="C8" s="13">
        <v>1066</v>
      </c>
      <c r="D8" s="12">
        <v>2261</v>
      </c>
    </row>
    <row r="9" spans="1:4" ht="18" customHeight="1" x14ac:dyDescent="0.2">
      <c r="A9" s="8">
        <v>4</v>
      </c>
      <c r="B9" s="43">
        <v>1135</v>
      </c>
      <c r="C9" s="42">
        <v>1185</v>
      </c>
      <c r="D9" s="41">
        <v>2320</v>
      </c>
    </row>
    <row r="10" spans="1:4" ht="18" customHeight="1" x14ac:dyDescent="0.2">
      <c r="A10" s="8" t="s">
        <v>25</v>
      </c>
      <c r="B10" s="35">
        <v>5587</v>
      </c>
      <c r="C10" s="13">
        <v>5340</v>
      </c>
      <c r="D10" s="12">
        <v>10927</v>
      </c>
    </row>
    <row r="11" spans="1:4" ht="18" customHeight="1" x14ac:dyDescent="0.2">
      <c r="A11" s="8">
        <v>5</v>
      </c>
      <c r="B11" s="40">
        <v>1220</v>
      </c>
      <c r="C11" s="13">
        <v>1145</v>
      </c>
      <c r="D11" s="12">
        <v>2365</v>
      </c>
    </row>
    <row r="12" spans="1:4" ht="18" customHeight="1" x14ac:dyDescent="0.2">
      <c r="A12" s="8">
        <v>6</v>
      </c>
      <c r="B12" s="40">
        <v>1235</v>
      </c>
      <c r="C12" s="13">
        <v>1186</v>
      </c>
      <c r="D12" s="12">
        <v>2421</v>
      </c>
    </row>
    <row r="13" spans="1:4" ht="18" customHeight="1" x14ac:dyDescent="0.2">
      <c r="A13" s="8">
        <v>7</v>
      </c>
      <c r="B13" s="40">
        <v>1284</v>
      </c>
      <c r="C13" s="13">
        <v>1258</v>
      </c>
      <c r="D13" s="12">
        <v>2542</v>
      </c>
    </row>
    <row r="14" spans="1:4" ht="18" customHeight="1" x14ac:dyDescent="0.2">
      <c r="A14" s="8">
        <v>8</v>
      </c>
      <c r="B14" s="40">
        <v>1249</v>
      </c>
      <c r="C14" s="13">
        <v>1218</v>
      </c>
      <c r="D14" s="12">
        <v>2467</v>
      </c>
    </row>
    <row r="15" spans="1:4" ht="18" customHeight="1" x14ac:dyDescent="0.2">
      <c r="A15" s="8">
        <v>9</v>
      </c>
      <c r="B15" s="40">
        <v>1255</v>
      </c>
      <c r="C15" s="13">
        <v>1267</v>
      </c>
      <c r="D15" s="12">
        <v>2522</v>
      </c>
    </row>
    <row r="16" spans="1:4" ht="18" customHeight="1" x14ac:dyDescent="0.2">
      <c r="A16" s="8" t="s">
        <v>24</v>
      </c>
      <c r="B16" s="35">
        <v>6243</v>
      </c>
      <c r="C16" s="13">
        <v>6074</v>
      </c>
      <c r="D16" s="12">
        <v>12317</v>
      </c>
    </row>
    <row r="17" spans="1:4" ht="18" customHeight="1" x14ac:dyDescent="0.2">
      <c r="A17" s="8">
        <v>10</v>
      </c>
      <c r="B17" s="35">
        <v>1275</v>
      </c>
      <c r="C17" s="13">
        <v>1185</v>
      </c>
      <c r="D17" s="12">
        <v>2460</v>
      </c>
    </row>
    <row r="18" spans="1:4" ht="18" customHeight="1" x14ac:dyDescent="0.2">
      <c r="A18" s="8">
        <v>11</v>
      </c>
      <c r="B18" s="35">
        <v>1326</v>
      </c>
      <c r="C18" s="13">
        <v>1291</v>
      </c>
      <c r="D18" s="12">
        <v>2617</v>
      </c>
    </row>
    <row r="19" spans="1:4" ht="18" customHeight="1" x14ac:dyDescent="0.2">
      <c r="A19" s="8">
        <v>12</v>
      </c>
      <c r="B19" s="35">
        <v>1357</v>
      </c>
      <c r="C19" s="13">
        <v>1205</v>
      </c>
      <c r="D19" s="12">
        <v>2562</v>
      </c>
    </row>
    <row r="20" spans="1:4" ht="18" customHeight="1" x14ac:dyDescent="0.2">
      <c r="A20" s="8">
        <v>13</v>
      </c>
      <c r="B20" s="35">
        <v>1368</v>
      </c>
      <c r="C20" s="13">
        <v>1302</v>
      </c>
      <c r="D20" s="12">
        <v>2670</v>
      </c>
    </row>
    <row r="21" spans="1:4" ht="18" customHeight="1" x14ac:dyDescent="0.2">
      <c r="A21" s="8">
        <v>14</v>
      </c>
      <c r="B21" s="35">
        <v>1368</v>
      </c>
      <c r="C21" s="13">
        <v>1275</v>
      </c>
      <c r="D21" s="12">
        <v>2643</v>
      </c>
    </row>
    <row r="22" spans="1:4" ht="18" customHeight="1" x14ac:dyDescent="0.2">
      <c r="A22" s="8" t="s">
        <v>23</v>
      </c>
      <c r="B22" s="35">
        <v>6694</v>
      </c>
      <c r="C22" s="13">
        <v>6258</v>
      </c>
      <c r="D22" s="12">
        <v>12952</v>
      </c>
    </row>
    <row r="23" spans="1:4" ht="18" customHeight="1" x14ac:dyDescent="0.2">
      <c r="A23" s="8" t="s">
        <v>22</v>
      </c>
      <c r="B23" s="35">
        <v>18524</v>
      </c>
      <c r="C23" s="13">
        <v>17672</v>
      </c>
      <c r="D23" s="12">
        <v>36196</v>
      </c>
    </row>
    <row r="24" spans="1:4" ht="18" customHeight="1" x14ac:dyDescent="0.2">
      <c r="A24" s="8">
        <v>15</v>
      </c>
      <c r="B24" s="35">
        <v>1335</v>
      </c>
      <c r="C24" s="13">
        <v>1354</v>
      </c>
      <c r="D24" s="12">
        <v>2689</v>
      </c>
    </row>
    <row r="25" spans="1:4" ht="18" customHeight="1" x14ac:dyDescent="0.2">
      <c r="A25" s="8">
        <v>16</v>
      </c>
      <c r="B25" s="35">
        <v>1358</v>
      </c>
      <c r="C25" s="13">
        <v>1356</v>
      </c>
      <c r="D25" s="12">
        <v>2714</v>
      </c>
    </row>
    <row r="26" spans="1:4" ht="18" customHeight="1" x14ac:dyDescent="0.2">
      <c r="A26" s="8">
        <v>17</v>
      </c>
      <c r="B26" s="35">
        <v>1441</v>
      </c>
      <c r="C26" s="13">
        <v>1272</v>
      </c>
      <c r="D26" s="12">
        <v>2713</v>
      </c>
    </row>
    <row r="27" spans="1:4" ht="18" customHeight="1" x14ac:dyDescent="0.2">
      <c r="A27" s="8">
        <v>18</v>
      </c>
      <c r="B27" s="35">
        <v>1433</v>
      </c>
      <c r="C27" s="13">
        <v>1403</v>
      </c>
      <c r="D27" s="12">
        <v>2836</v>
      </c>
    </row>
    <row r="28" spans="1:4" ht="18" customHeight="1" x14ac:dyDescent="0.2">
      <c r="A28" s="8">
        <v>19</v>
      </c>
      <c r="B28" s="35">
        <v>1518</v>
      </c>
      <c r="C28" s="13">
        <v>1437</v>
      </c>
      <c r="D28" s="12">
        <v>2955</v>
      </c>
    </row>
    <row r="29" spans="1:4" ht="18" customHeight="1" x14ac:dyDescent="0.2">
      <c r="A29" s="8" t="s">
        <v>21</v>
      </c>
      <c r="B29" s="35">
        <v>7085</v>
      </c>
      <c r="C29" s="13">
        <v>6822</v>
      </c>
      <c r="D29" s="12">
        <v>13907</v>
      </c>
    </row>
    <row r="30" spans="1:4" ht="18" customHeight="1" x14ac:dyDescent="0.2">
      <c r="A30" s="8">
        <v>20</v>
      </c>
      <c r="B30" s="35">
        <v>1538</v>
      </c>
      <c r="C30" s="13">
        <v>1399</v>
      </c>
      <c r="D30" s="12">
        <v>2937</v>
      </c>
    </row>
    <row r="31" spans="1:4" ht="18" customHeight="1" x14ac:dyDescent="0.2">
      <c r="A31" s="8">
        <v>21</v>
      </c>
      <c r="B31" s="35">
        <v>1688</v>
      </c>
      <c r="C31" s="13">
        <v>1470</v>
      </c>
      <c r="D31" s="12">
        <v>3158</v>
      </c>
    </row>
    <row r="32" spans="1:4" ht="18" customHeight="1" x14ac:dyDescent="0.2">
      <c r="A32" s="8">
        <v>22</v>
      </c>
      <c r="B32" s="35">
        <v>1755</v>
      </c>
      <c r="C32" s="13">
        <v>1473</v>
      </c>
      <c r="D32" s="12">
        <v>3228</v>
      </c>
    </row>
    <row r="33" spans="1:4" ht="18" customHeight="1" x14ac:dyDescent="0.2">
      <c r="A33" s="8">
        <v>23</v>
      </c>
      <c r="B33" s="35">
        <v>1754</v>
      </c>
      <c r="C33" s="13">
        <v>1396</v>
      </c>
      <c r="D33" s="12">
        <v>3150</v>
      </c>
    </row>
    <row r="34" spans="1:4" ht="18" customHeight="1" x14ac:dyDescent="0.2">
      <c r="A34" s="8">
        <v>24</v>
      </c>
      <c r="B34" s="35">
        <v>1717</v>
      </c>
      <c r="C34" s="13">
        <v>1385</v>
      </c>
      <c r="D34" s="12">
        <v>3102</v>
      </c>
    </row>
    <row r="35" spans="1:4" ht="18" customHeight="1" x14ac:dyDescent="0.2">
      <c r="A35" s="8" t="s">
        <v>20</v>
      </c>
      <c r="B35" s="35">
        <v>8452</v>
      </c>
      <c r="C35" s="13">
        <v>7123</v>
      </c>
      <c r="D35" s="12">
        <v>15575</v>
      </c>
    </row>
    <row r="36" spans="1:4" ht="18" customHeight="1" x14ac:dyDescent="0.2">
      <c r="A36" s="8">
        <v>25</v>
      </c>
      <c r="B36" s="35">
        <v>1708</v>
      </c>
      <c r="C36" s="13">
        <v>1421</v>
      </c>
      <c r="D36" s="12">
        <v>3129</v>
      </c>
    </row>
    <row r="37" spans="1:4" ht="18" customHeight="1" x14ac:dyDescent="0.2">
      <c r="A37" s="8">
        <v>26</v>
      </c>
      <c r="B37" s="35">
        <v>1688</v>
      </c>
      <c r="C37" s="13">
        <v>1570</v>
      </c>
      <c r="D37" s="12">
        <v>3258</v>
      </c>
    </row>
    <row r="38" spans="1:4" ht="18" customHeight="1" x14ac:dyDescent="0.2">
      <c r="A38" s="8">
        <v>27</v>
      </c>
      <c r="B38" s="35">
        <v>1791</v>
      </c>
      <c r="C38" s="13">
        <v>1472</v>
      </c>
      <c r="D38" s="12">
        <v>3263</v>
      </c>
    </row>
    <row r="39" spans="1:4" ht="18" customHeight="1" x14ac:dyDescent="0.2">
      <c r="A39" s="8">
        <v>28</v>
      </c>
      <c r="B39" s="35">
        <v>1680</v>
      </c>
      <c r="C39" s="13">
        <v>1475</v>
      </c>
      <c r="D39" s="12">
        <v>3155</v>
      </c>
    </row>
    <row r="40" spans="1:4" ht="18" customHeight="1" x14ac:dyDescent="0.2">
      <c r="A40" s="8">
        <v>29</v>
      </c>
      <c r="B40" s="35">
        <v>1666</v>
      </c>
      <c r="C40" s="13">
        <v>1475</v>
      </c>
      <c r="D40" s="12">
        <v>3141</v>
      </c>
    </row>
    <row r="41" spans="1:4" ht="18" customHeight="1" x14ac:dyDescent="0.2">
      <c r="A41" s="8" t="s">
        <v>19</v>
      </c>
      <c r="B41" s="35">
        <v>8533</v>
      </c>
      <c r="C41" s="13">
        <v>7413</v>
      </c>
      <c r="D41" s="12">
        <v>15946</v>
      </c>
    </row>
    <row r="42" spans="1:4" ht="18" customHeight="1" x14ac:dyDescent="0.2">
      <c r="A42" s="8">
        <v>30</v>
      </c>
      <c r="B42" s="35">
        <v>1609</v>
      </c>
      <c r="C42" s="13">
        <v>1466</v>
      </c>
      <c r="D42" s="12">
        <v>3075</v>
      </c>
    </row>
    <row r="43" spans="1:4" ht="18" customHeight="1" x14ac:dyDescent="0.2">
      <c r="A43" s="8">
        <v>31</v>
      </c>
      <c r="B43" s="35">
        <v>1579</v>
      </c>
      <c r="C43" s="13">
        <v>1460</v>
      </c>
      <c r="D43" s="12">
        <v>3039</v>
      </c>
    </row>
    <row r="44" spans="1:4" ht="18" customHeight="1" x14ac:dyDescent="0.2">
      <c r="A44" s="8">
        <v>32</v>
      </c>
      <c r="B44" s="35">
        <v>1639</v>
      </c>
      <c r="C44" s="13">
        <v>1436</v>
      </c>
      <c r="D44" s="12">
        <v>3075</v>
      </c>
    </row>
    <row r="45" spans="1:4" ht="18" customHeight="1" x14ac:dyDescent="0.2">
      <c r="A45" s="8">
        <v>33</v>
      </c>
      <c r="B45" s="35">
        <v>1689</v>
      </c>
      <c r="C45" s="13">
        <v>1475</v>
      </c>
      <c r="D45" s="12">
        <v>3164</v>
      </c>
    </row>
    <row r="46" spans="1:4" ht="18" customHeight="1" x14ac:dyDescent="0.2">
      <c r="A46" s="8">
        <v>34</v>
      </c>
      <c r="B46" s="35">
        <v>1672</v>
      </c>
      <c r="C46" s="13">
        <v>1503</v>
      </c>
      <c r="D46" s="12">
        <v>3175</v>
      </c>
    </row>
    <row r="47" spans="1:4" ht="18" customHeight="1" x14ac:dyDescent="0.2">
      <c r="A47" s="8" t="s">
        <v>18</v>
      </c>
      <c r="B47" s="35">
        <v>8188</v>
      </c>
      <c r="C47" s="13">
        <v>7340</v>
      </c>
      <c r="D47" s="12">
        <v>15528</v>
      </c>
    </row>
    <row r="48" spans="1:4" ht="18" customHeight="1" x14ac:dyDescent="0.2">
      <c r="A48" s="8">
        <v>35</v>
      </c>
      <c r="B48" s="35">
        <v>1680</v>
      </c>
      <c r="C48" s="13">
        <v>1546</v>
      </c>
      <c r="D48" s="12">
        <v>3226</v>
      </c>
    </row>
    <row r="49" spans="1:4" ht="18" customHeight="1" x14ac:dyDescent="0.2">
      <c r="A49" s="8">
        <v>36</v>
      </c>
      <c r="B49" s="35">
        <v>1724</v>
      </c>
      <c r="C49" s="13">
        <v>1692</v>
      </c>
      <c r="D49" s="12">
        <v>3416</v>
      </c>
    </row>
    <row r="50" spans="1:4" ht="18" customHeight="1" x14ac:dyDescent="0.2">
      <c r="A50" s="8">
        <v>37</v>
      </c>
      <c r="B50" s="35">
        <v>1826</v>
      </c>
      <c r="C50" s="13">
        <v>1672</v>
      </c>
      <c r="D50" s="12">
        <v>3498</v>
      </c>
    </row>
    <row r="51" spans="1:4" ht="18" customHeight="1" x14ac:dyDescent="0.2">
      <c r="A51" s="8">
        <v>38</v>
      </c>
      <c r="B51" s="35">
        <v>1928</v>
      </c>
      <c r="C51" s="13">
        <v>1788</v>
      </c>
      <c r="D51" s="12">
        <v>3716</v>
      </c>
    </row>
    <row r="52" spans="1:4" ht="18" customHeight="1" x14ac:dyDescent="0.2">
      <c r="A52" s="8">
        <v>39</v>
      </c>
      <c r="B52" s="35">
        <v>1879</v>
      </c>
      <c r="C52" s="13">
        <v>1717</v>
      </c>
      <c r="D52" s="12">
        <v>3596</v>
      </c>
    </row>
    <row r="53" spans="1:4" ht="18" customHeight="1" x14ac:dyDescent="0.2">
      <c r="A53" s="8" t="s">
        <v>17</v>
      </c>
      <c r="B53" s="35">
        <v>9037</v>
      </c>
      <c r="C53" s="13">
        <v>8415</v>
      </c>
      <c r="D53" s="12">
        <v>17452</v>
      </c>
    </row>
    <row r="54" spans="1:4" ht="18" customHeight="1" x14ac:dyDescent="0.2">
      <c r="A54" s="8">
        <v>40</v>
      </c>
      <c r="B54" s="35">
        <v>1913</v>
      </c>
      <c r="C54" s="13">
        <v>1673</v>
      </c>
      <c r="D54" s="12">
        <v>3586</v>
      </c>
    </row>
    <row r="55" spans="1:4" ht="18" customHeight="1" x14ac:dyDescent="0.2">
      <c r="A55" s="8">
        <v>41</v>
      </c>
      <c r="B55" s="35">
        <v>1924</v>
      </c>
      <c r="C55" s="13">
        <v>1854</v>
      </c>
      <c r="D55" s="12">
        <v>3778</v>
      </c>
    </row>
    <row r="56" spans="1:4" ht="18" customHeight="1" x14ac:dyDescent="0.2">
      <c r="A56" s="8">
        <v>42</v>
      </c>
      <c r="B56" s="35">
        <v>1900</v>
      </c>
      <c r="C56" s="13">
        <v>1797</v>
      </c>
      <c r="D56" s="12">
        <v>3697</v>
      </c>
    </row>
    <row r="57" spans="1:4" ht="18" customHeight="1" x14ac:dyDescent="0.2">
      <c r="A57" s="8">
        <v>43</v>
      </c>
      <c r="B57" s="35">
        <v>2018</v>
      </c>
      <c r="C57" s="13">
        <v>1921</v>
      </c>
      <c r="D57" s="12">
        <v>3939</v>
      </c>
    </row>
    <row r="58" spans="1:4" ht="18" customHeight="1" x14ac:dyDescent="0.2">
      <c r="A58" s="8">
        <v>44</v>
      </c>
      <c r="B58" s="35">
        <v>2062</v>
      </c>
      <c r="C58" s="13">
        <v>2010</v>
      </c>
      <c r="D58" s="12">
        <v>4072</v>
      </c>
    </row>
    <row r="59" spans="1:4" ht="18" customHeight="1" x14ac:dyDescent="0.2">
      <c r="A59" s="8" t="s">
        <v>16</v>
      </c>
      <c r="B59" s="35">
        <v>9817</v>
      </c>
      <c r="C59" s="13">
        <v>9255</v>
      </c>
      <c r="D59" s="12">
        <v>19072</v>
      </c>
    </row>
    <row r="60" spans="1:4" ht="18" customHeight="1" x14ac:dyDescent="0.2">
      <c r="A60" s="8">
        <v>45</v>
      </c>
      <c r="B60" s="35">
        <v>2336</v>
      </c>
      <c r="C60" s="13">
        <v>2110</v>
      </c>
      <c r="D60" s="12">
        <v>4446</v>
      </c>
    </row>
    <row r="61" spans="1:4" ht="18" customHeight="1" x14ac:dyDescent="0.2">
      <c r="A61" s="8">
        <v>46</v>
      </c>
      <c r="B61" s="35">
        <v>2301</v>
      </c>
      <c r="C61" s="13">
        <v>2171</v>
      </c>
      <c r="D61" s="12">
        <v>4472</v>
      </c>
    </row>
    <row r="62" spans="1:4" ht="18" customHeight="1" x14ac:dyDescent="0.2">
      <c r="A62" s="8">
        <v>47</v>
      </c>
      <c r="B62" s="35">
        <v>2445</v>
      </c>
      <c r="C62" s="13">
        <v>2305</v>
      </c>
      <c r="D62" s="12">
        <v>4750</v>
      </c>
    </row>
    <row r="63" spans="1:4" ht="18" customHeight="1" x14ac:dyDescent="0.2">
      <c r="A63" s="8">
        <v>48</v>
      </c>
      <c r="B63" s="35">
        <v>2661</v>
      </c>
      <c r="C63" s="13">
        <v>2585</v>
      </c>
      <c r="D63" s="12">
        <v>5246</v>
      </c>
    </row>
    <row r="64" spans="1:4" ht="18" customHeight="1" x14ac:dyDescent="0.2">
      <c r="A64" s="8">
        <v>49</v>
      </c>
      <c r="B64" s="35">
        <v>2728</v>
      </c>
      <c r="C64" s="13">
        <v>2634</v>
      </c>
      <c r="D64" s="12">
        <v>5362</v>
      </c>
    </row>
    <row r="65" spans="1:4" ht="18" customHeight="1" x14ac:dyDescent="0.2">
      <c r="A65" s="8" t="s">
        <v>15</v>
      </c>
      <c r="B65" s="35">
        <v>12471</v>
      </c>
      <c r="C65" s="13">
        <v>11805</v>
      </c>
      <c r="D65" s="12">
        <v>24276</v>
      </c>
    </row>
    <row r="66" spans="1:4" ht="18" customHeight="1" x14ac:dyDescent="0.2">
      <c r="A66" s="8">
        <v>50</v>
      </c>
      <c r="B66" s="35">
        <v>2729</v>
      </c>
      <c r="C66" s="13">
        <v>2685</v>
      </c>
      <c r="D66" s="12">
        <v>5414</v>
      </c>
    </row>
    <row r="67" spans="1:4" ht="18" customHeight="1" x14ac:dyDescent="0.2">
      <c r="A67" s="8">
        <v>51</v>
      </c>
      <c r="B67" s="35">
        <v>2713</v>
      </c>
      <c r="C67" s="13">
        <v>2547</v>
      </c>
      <c r="D67" s="12">
        <v>5260</v>
      </c>
    </row>
    <row r="68" spans="1:4" ht="18" customHeight="1" x14ac:dyDescent="0.2">
      <c r="A68" s="8">
        <v>52</v>
      </c>
      <c r="B68" s="35">
        <v>2533</v>
      </c>
      <c r="C68" s="13">
        <v>2450</v>
      </c>
      <c r="D68" s="12">
        <v>4983</v>
      </c>
    </row>
    <row r="69" spans="1:4" ht="18" customHeight="1" x14ac:dyDescent="0.2">
      <c r="A69" s="8">
        <v>53</v>
      </c>
      <c r="B69" s="35">
        <v>2435</v>
      </c>
      <c r="C69" s="13">
        <v>2259</v>
      </c>
      <c r="D69" s="12">
        <v>4694</v>
      </c>
    </row>
    <row r="70" spans="1:4" ht="18" customHeight="1" x14ac:dyDescent="0.2">
      <c r="A70" s="8">
        <v>54</v>
      </c>
      <c r="B70" s="35">
        <v>2390</v>
      </c>
      <c r="C70" s="13">
        <v>2256</v>
      </c>
      <c r="D70" s="12">
        <v>4646</v>
      </c>
    </row>
    <row r="71" spans="1:4" ht="18" customHeight="1" x14ac:dyDescent="0.2">
      <c r="A71" s="8" t="s">
        <v>14</v>
      </c>
      <c r="B71" s="35">
        <v>12800</v>
      </c>
      <c r="C71" s="13">
        <v>12197</v>
      </c>
      <c r="D71" s="12">
        <v>24997</v>
      </c>
    </row>
    <row r="72" spans="1:4" ht="18" customHeight="1" x14ac:dyDescent="0.2">
      <c r="A72" s="8">
        <v>55</v>
      </c>
      <c r="B72" s="35">
        <v>2281</v>
      </c>
      <c r="C72" s="13">
        <v>2202</v>
      </c>
      <c r="D72" s="12">
        <v>4483</v>
      </c>
    </row>
    <row r="73" spans="1:4" ht="18" customHeight="1" x14ac:dyDescent="0.2">
      <c r="A73" s="8">
        <v>56</v>
      </c>
      <c r="B73" s="35">
        <v>2082</v>
      </c>
      <c r="C73" s="13">
        <v>2062</v>
      </c>
      <c r="D73" s="12">
        <v>4144</v>
      </c>
    </row>
    <row r="74" spans="1:4" ht="18" customHeight="1" x14ac:dyDescent="0.2">
      <c r="A74" s="8">
        <v>57</v>
      </c>
      <c r="B74" s="35">
        <v>1773</v>
      </c>
      <c r="C74" s="13">
        <v>1856</v>
      </c>
      <c r="D74" s="12">
        <v>3629</v>
      </c>
    </row>
    <row r="75" spans="1:4" ht="18" customHeight="1" x14ac:dyDescent="0.2">
      <c r="A75" s="8">
        <v>58</v>
      </c>
      <c r="B75" s="35">
        <v>2006</v>
      </c>
      <c r="C75" s="13">
        <v>2060</v>
      </c>
      <c r="D75" s="12">
        <v>4066</v>
      </c>
    </row>
    <row r="76" spans="1:4" ht="18" customHeight="1" x14ac:dyDescent="0.2">
      <c r="A76" s="8">
        <v>59</v>
      </c>
      <c r="B76" s="35">
        <v>1922</v>
      </c>
      <c r="C76" s="13">
        <v>1887</v>
      </c>
      <c r="D76" s="12">
        <v>3809</v>
      </c>
    </row>
    <row r="77" spans="1:4" ht="18" customHeight="1" x14ac:dyDescent="0.2">
      <c r="A77" s="8" t="s">
        <v>13</v>
      </c>
      <c r="B77" s="35">
        <v>10064</v>
      </c>
      <c r="C77" s="13">
        <v>10067</v>
      </c>
      <c r="D77" s="12">
        <v>20131</v>
      </c>
    </row>
    <row r="78" spans="1:4" ht="18" customHeight="1" x14ac:dyDescent="0.2">
      <c r="A78" s="8">
        <v>60</v>
      </c>
      <c r="B78" s="35">
        <v>1927</v>
      </c>
      <c r="C78" s="13">
        <v>1938</v>
      </c>
      <c r="D78" s="12">
        <v>3865</v>
      </c>
    </row>
    <row r="79" spans="1:4" ht="18" customHeight="1" x14ac:dyDescent="0.2">
      <c r="A79" s="8">
        <v>61</v>
      </c>
      <c r="B79" s="35">
        <v>1716</v>
      </c>
      <c r="C79" s="13">
        <v>1752</v>
      </c>
      <c r="D79" s="12">
        <v>3468</v>
      </c>
    </row>
    <row r="80" spans="1:4" ht="18" customHeight="1" x14ac:dyDescent="0.2">
      <c r="A80" s="8">
        <v>62</v>
      </c>
      <c r="B80" s="35">
        <v>1757</v>
      </c>
      <c r="C80" s="13">
        <v>1870</v>
      </c>
      <c r="D80" s="12">
        <v>3627</v>
      </c>
    </row>
    <row r="81" spans="1:4" ht="18" customHeight="1" x14ac:dyDescent="0.2">
      <c r="A81" s="8">
        <v>63</v>
      </c>
      <c r="B81" s="35">
        <v>1740</v>
      </c>
      <c r="C81" s="13">
        <v>1803</v>
      </c>
      <c r="D81" s="12">
        <v>3543</v>
      </c>
    </row>
    <row r="82" spans="1:4" ht="18" customHeight="1" x14ac:dyDescent="0.2">
      <c r="A82" s="8">
        <v>64</v>
      </c>
      <c r="B82" s="35">
        <v>1762</v>
      </c>
      <c r="C82" s="13">
        <v>1909</v>
      </c>
      <c r="D82" s="12">
        <v>3671</v>
      </c>
    </row>
    <row r="83" spans="1:4" ht="18" customHeight="1" x14ac:dyDescent="0.2">
      <c r="A83" s="8" t="s">
        <v>12</v>
      </c>
      <c r="B83" s="35">
        <v>8902</v>
      </c>
      <c r="C83" s="13">
        <v>9272</v>
      </c>
      <c r="D83" s="12">
        <v>18174</v>
      </c>
    </row>
    <row r="84" spans="1:4" ht="18" customHeight="1" x14ac:dyDescent="0.2">
      <c r="A84" s="8" t="s">
        <v>11</v>
      </c>
      <c r="B84" s="35">
        <v>95349</v>
      </c>
      <c r="C84" s="13">
        <v>89709</v>
      </c>
      <c r="D84" s="12">
        <v>185058</v>
      </c>
    </row>
    <row r="85" spans="1:4" ht="18" customHeight="1" x14ac:dyDescent="0.2">
      <c r="A85" s="8">
        <v>65</v>
      </c>
      <c r="B85" s="35">
        <v>1674</v>
      </c>
      <c r="C85" s="13">
        <v>1697</v>
      </c>
      <c r="D85" s="12">
        <v>3371</v>
      </c>
    </row>
    <row r="86" spans="1:4" ht="18" customHeight="1" x14ac:dyDescent="0.2">
      <c r="A86" s="8">
        <v>66</v>
      </c>
      <c r="B86" s="35">
        <v>1634</v>
      </c>
      <c r="C86" s="13">
        <v>1731</v>
      </c>
      <c r="D86" s="12">
        <v>3365</v>
      </c>
    </row>
    <row r="87" spans="1:4" ht="18" customHeight="1" x14ac:dyDescent="0.2">
      <c r="A87" s="8">
        <v>67</v>
      </c>
      <c r="B87" s="35">
        <v>1693</v>
      </c>
      <c r="C87" s="13">
        <v>1892</v>
      </c>
      <c r="D87" s="12">
        <v>3585</v>
      </c>
    </row>
    <row r="88" spans="1:4" ht="18" customHeight="1" x14ac:dyDescent="0.2">
      <c r="A88" s="8">
        <v>68</v>
      </c>
      <c r="B88" s="35">
        <v>1827</v>
      </c>
      <c r="C88" s="13">
        <v>1983</v>
      </c>
      <c r="D88" s="12">
        <v>3810</v>
      </c>
    </row>
    <row r="89" spans="1:4" ht="18" customHeight="1" x14ac:dyDescent="0.2">
      <c r="A89" s="8">
        <v>69</v>
      </c>
      <c r="B89" s="35">
        <v>1745</v>
      </c>
      <c r="C89" s="13">
        <v>1940</v>
      </c>
      <c r="D89" s="12">
        <v>3685</v>
      </c>
    </row>
    <row r="90" spans="1:4" ht="18" customHeight="1" x14ac:dyDescent="0.2">
      <c r="A90" s="8" t="s">
        <v>10</v>
      </c>
      <c r="B90" s="35">
        <v>8573</v>
      </c>
      <c r="C90" s="13">
        <v>9243</v>
      </c>
      <c r="D90" s="12">
        <v>17816</v>
      </c>
    </row>
    <row r="91" spans="1:4" ht="18" customHeight="1" x14ac:dyDescent="0.2">
      <c r="A91" s="8">
        <v>70</v>
      </c>
      <c r="B91" s="35">
        <v>1960</v>
      </c>
      <c r="C91" s="13">
        <v>2136</v>
      </c>
      <c r="D91" s="12">
        <v>4096</v>
      </c>
    </row>
    <row r="92" spans="1:4" ht="18" customHeight="1" x14ac:dyDescent="0.2">
      <c r="A92" s="8">
        <v>71</v>
      </c>
      <c r="B92" s="35">
        <v>1868</v>
      </c>
      <c r="C92" s="13">
        <v>2136</v>
      </c>
      <c r="D92" s="12">
        <v>4004</v>
      </c>
    </row>
    <row r="93" spans="1:4" ht="18" customHeight="1" x14ac:dyDescent="0.2">
      <c r="A93" s="8">
        <v>72</v>
      </c>
      <c r="B93" s="35">
        <v>2027</v>
      </c>
      <c r="C93" s="13">
        <v>2347</v>
      </c>
      <c r="D93" s="12">
        <v>4374</v>
      </c>
    </row>
    <row r="94" spans="1:4" ht="18" customHeight="1" x14ac:dyDescent="0.2">
      <c r="A94" s="8">
        <v>73</v>
      </c>
      <c r="B94" s="35">
        <v>2285</v>
      </c>
      <c r="C94" s="13">
        <v>2711</v>
      </c>
      <c r="D94" s="12">
        <v>4996</v>
      </c>
    </row>
    <row r="95" spans="1:4" ht="18" customHeight="1" x14ac:dyDescent="0.2">
      <c r="A95" s="8">
        <v>74</v>
      </c>
      <c r="B95" s="35">
        <v>2516</v>
      </c>
      <c r="C95" s="13">
        <v>2900</v>
      </c>
      <c r="D95" s="12">
        <v>5416</v>
      </c>
    </row>
    <row r="96" spans="1:4" ht="18" customHeight="1" x14ac:dyDescent="0.2">
      <c r="A96" s="8" t="s">
        <v>9</v>
      </c>
      <c r="B96" s="35">
        <v>10656</v>
      </c>
      <c r="C96" s="13">
        <v>12230</v>
      </c>
      <c r="D96" s="12">
        <v>22886</v>
      </c>
    </row>
    <row r="97" spans="1:4" ht="18" customHeight="1" x14ac:dyDescent="0.2">
      <c r="A97" s="8">
        <v>75</v>
      </c>
      <c r="B97" s="35">
        <v>2409</v>
      </c>
      <c r="C97" s="13">
        <v>2963</v>
      </c>
      <c r="D97" s="12">
        <v>5372</v>
      </c>
    </row>
    <row r="98" spans="1:4" ht="18" customHeight="1" x14ac:dyDescent="0.2">
      <c r="A98" s="8">
        <v>76</v>
      </c>
      <c r="B98" s="35">
        <v>2252</v>
      </c>
      <c r="C98" s="13">
        <v>2868</v>
      </c>
      <c r="D98" s="12">
        <v>5120</v>
      </c>
    </row>
    <row r="99" spans="1:4" ht="18" customHeight="1" x14ac:dyDescent="0.2">
      <c r="A99" s="8">
        <v>77</v>
      </c>
      <c r="B99" s="35">
        <v>1208</v>
      </c>
      <c r="C99" s="13">
        <v>1486</v>
      </c>
      <c r="D99" s="12">
        <v>2694</v>
      </c>
    </row>
    <row r="100" spans="1:4" ht="18" customHeight="1" x14ac:dyDescent="0.2">
      <c r="A100" s="8">
        <v>78</v>
      </c>
      <c r="B100" s="35">
        <v>1503</v>
      </c>
      <c r="C100" s="13">
        <v>1941</v>
      </c>
      <c r="D100" s="12">
        <v>3444</v>
      </c>
    </row>
    <row r="101" spans="1:4" ht="18" customHeight="1" x14ac:dyDescent="0.2">
      <c r="A101" s="8">
        <v>79</v>
      </c>
      <c r="B101" s="35">
        <v>1708</v>
      </c>
      <c r="C101" s="13">
        <v>2338</v>
      </c>
      <c r="D101" s="12">
        <v>4046</v>
      </c>
    </row>
    <row r="102" spans="1:4" ht="18" customHeight="1" x14ac:dyDescent="0.2">
      <c r="A102" s="8" t="s">
        <v>8</v>
      </c>
      <c r="B102" s="35">
        <v>9080</v>
      </c>
      <c r="C102" s="13">
        <v>11596</v>
      </c>
      <c r="D102" s="12">
        <v>20676</v>
      </c>
    </row>
    <row r="103" spans="1:4" ht="18" customHeight="1" x14ac:dyDescent="0.2">
      <c r="A103" s="8">
        <v>80</v>
      </c>
      <c r="B103" s="35">
        <v>1532</v>
      </c>
      <c r="C103" s="13">
        <v>2055</v>
      </c>
      <c r="D103" s="12">
        <v>3587</v>
      </c>
    </row>
    <row r="104" spans="1:4" ht="18" customHeight="1" x14ac:dyDescent="0.2">
      <c r="A104" s="8">
        <v>81</v>
      </c>
      <c r="B104" s="35">
        <v>1582</v>
      </c>
      <c r="C104" s="13">
        <v>2291</v>
      </c>
      <c r="D104" s="12">
        <v>3873</v>
      </c>
    </row>
    <row r="105" spans="1:4" ht="18" customHeight="1" x14ac:dyDescent="0.2">
      <c r="A105" s="8">
        <v>82</v>
      </c>
      <c r="B105" s="35">
        <v>1346</v>
      </c>
      <c r="C105" s="13">
        <v>1838</v>
      </c>
      <c r="D105" s="12">
        <v>3184</v>
      </c>
    </row>
    <row r="106" spans="1:4" ht="18" customHeight="1" x14ac:dyDescent="0.2">
      <c r="A106" s="8">
        <v>83</v>
      </c>
      <c r="B106" s="35">
        <v>1167</v>
      </c>
      <c r="C106" s="13">
        <v>1677</v>
      </c>
      <c r="D106" s="12">
        <v>2844</v>
      </c>
    </row>
    <row r="107" spans="1:4" ht="18" customHeight="1" x14ac:dyDescent="0.2">
      <c r="A107" s="8">
        <v>84</v>
      </c>
      <c r="B107" s="35">
        <v>871</v>
      </c>
      <c r="C107" s="13">
        <v>1338</v>
      </c>
      <c r="D107" s="12">
        <v>2209</v>
      </c>
    </row>
    <row r="108" spans="1:4" ht="18" customHeight="1" x14ac:dyDescent="0.2">
      <c r="A108" s="8" t="s">
        <v>7</v>
      </c>
      <c r="B108" s="35">
        <v>6498</v>
      </c>
      <c r="C108" s="13">
        <v>9199</v>
      </c>
      <c r="D108" s="12">
        <v>15697</v>
      </c>
    </row>
    <row r="109" spans="1:4" ht="18" customHeight="1" x14ac:dyDescent="0.2">
      <c r="A109" s="8">
        <v>85</v>
      </c>
      <c r="B109" s="35">
        <v>877</v>
      </c>
      <c r="C109" s="13">
        <v>1443</v>
      </c>
      <c r="D109" s="12">
        <v>2320</v>
      </c>
    </row>
    <row r="110" spans="1:4" ht="18" customHeight="1" x14ac:dyDescent="0.2">
      <c r="A110" s="8">
        <v>86</v>
      </c>
      <c r="B110" s="35">
        <v>821</v>
      </c>
      <c r="C110" s="13">
        <v>1466</v>
      </c>
      <c r="D110" s="12">
        <v>2287</v>
      </c>
    </row>
    <row r="111" spans="1:4" ht="18" customHeight="1" x14ac:dyDescent="0.2">
      <c r="A111" s="8">
        <v>87</v>
      </c>
      <c r="B111" s="35">
        <v>761</v>
      </c>
      <c r="C111" s="13">
        <v>1580</v>
      </c>
      <c r="D111" s="12">
        <v>2341</v>
      </c>
    </row>
    <row r="112" spans="1:4" ht="18" customHeight="1" x14ac:dyDescent="0.2">
      <c r="A112" s="8">
        <v>88</v>
      </c>
      <c r="B112" s="35">
        <v>582</v>
      </c>
      <c r="C112" s="13">
        <v>1058</v>
      </c>
      <c r="D112" s="12">
        <v>1640</v>
      </c>
    </row>
    <row r="113" spans="1:4" ht="18" customHeight="1" x14ac:dyDescent="0.2">
      <c r="A113" s="8">
        <v>89</v>
      </c>
      <c r="B113" s="35">
        <v>536</v>
      </c>
      <c r="C113" s="13">
        <v>1138</v>
      </c>
      <c r="D113" s="12">
        <v>1674</v>
      </c>
    </row>
    <row r="114" spans="1:4" ht="18" customHeight="1" x14ac:dyDescent="0.2">
      <c r="A114" s="8" t="s">
        <v>6</v>
      </c>
      <c r="B114" s="35">
        <v>3577</v>
      </c>
      <c r="C114" s="13">
        <v>6685</v>
      </c>
      <c r="D114" s="12">
        <v>10262</v>
      </c>
    </row>
    <row r="115" spans="1:4" ht="18" customHeight="1" x14ac:dyDescent="0.2">
      <c r="A115" s="8">
        <v>90</v>
      </c>
      <c r="B115" s="35">
        <v>436</v>
      </c>
      <c r="C115" s="13">
        <v>1153</v>
      </c>
      <c r="D115" s="12">
        <v>1589</v>
      </c>
    </row>
    <row r="116" spans="1:4" ht="18" customHeight="1" x14ac:dyDescent="0.2">
      <c r="A116" s="8">
        <v>91</v>
      </c>
      <c r="B116" s="35">
        <v>317</v>
      </c>
      <c r="C116" s="13">
        <v>906</v>
      </c>
      <c r="D116" s="12">
        <v>1223</v>
      </c>
    </row>
    <row r="117" spans="1:4" ht="18" customHeight="1" x14ac:dyDescent="0.2">
      <c r="A117" s="8">
        <v>92</v>
      </c>
      <c r="B117" s="35">
        <v>262</v>
      </c>
      <c r="C117" s="13">
        <v>758</v>
      </c>
      <c r="D117" s="12">
        <v>1020</v>
      </c>
    </row>
    <row r="118" spans="1:4" ht="18" customHeight="1" x14ac:dyDescent="0.2">
      <c r="A118" s="8">
        <v>93</v>
      </c>
      <c r="B118" s="35">
        <v>199</v>
      </c>
      <c r="C118" s="13">
        <v>587</v>
      </c>
      <c r="D118" s="12">
        <v>786</v>
      </c>
    </row>
    <row r="119" spans="1:4" ht="18" customHeight="1" x14ac:dyDescent="0.2">
      <c r="A119" s="8">
        <v>94</v>
      </c>
      <c r="B119" s="35">
        <v>145</v>
      </c>
      <c r="C119" s="13">
        <v>545</v>
      </c>
      <c r="D119" s="12">
        <v>690</v>
      </c>
    </row>
    <row r="120" spans="1:4" ht="18" customHeight="1" x14ac:dyDescent="0.2">
      <c r="A120" s="8" t="s">
        <v>5</v>
      </c>
      <c r="B120" s="35">
        <v>1359</v>
      </c>
      <c r="C120" s="13">
        <v>3949</v>
      </c>
      <c r="D120" s="12">
        <v>5308</v>
      </c>
    </row>
    <row r="121" spans="1:4" ht="18" customHeight="1" x14ac:dyDescent="0.2">
      <c r="A121" s="8">
        <v>95</v>
      </c>
      <c r="B121" s="35">
        <v>109</v>
      </c>
      <c r="C121" s="13">
        <v>408</v>
      </c>
      <c r="D121" s="12">
        <v>517</v>
      </c>
    </row>
    <row r="122" spans="1:4" ht="18" customHeight="1" x14ac:dyDescent="0.2">
      <c r="A122" s="8">
        <v>96</v>
      </c>
      <c r="B122" s="35">
        <v>96</v>
      </c>
      <c r="C122" s="13">
        <v>315</v>
      </c>
      <c r="D122" s="12">
        <v>411</v>
      </c>
    </row>
    <row r="123" spans="1:4" ht="18" customHeight="1" x14ac:dyDescent="0.2">
      <c r="A123" s="8">
        <v>97</v>
      </c>
      <c r="B123" s="35">
        <v>61</v>
      </c>
      <c r="C123" s="13">
        <v>264</v>
      </c>
      <c r="D123" s="12">
        <v>325</v>
      </c>
    </row>
    <row r="124" spans="1:4" ht="18" customHeight="1" x14ac:dyDescent="0.2">
      <c r="A124" s="8">
        <v>98</v>
      </c>
      <c r="B124" s="35">
        <v>33</v>
      </c>
      <c r="C124" s="13">
        <v>189</v>
      </c>
      <c r="D124" s="12">
        <v>222</v>
      </c>
    </row>
    <row r="125" spans="1:4" ht="18" customHeight="1" x14ac:dyDescent="0.2">
      <c r="A125" s="8">
        <v>99</v>
      </c>
      <c r="B125" s="35">
        <v>18</v>
      </c>
      <c r="C125" s="13">
        <v>127</v>
      </c>
      <c r="D125" s="12">
        <v>145</v>
      </c>
    </row>
    <row r="126" spans="1:4" ht="18" customHeight="1" x14ac:dyDescent="0.2">
      <c r="A126" s="8" t="s">
        <v>4</v>
      </c>
      <c r="B126" s="35">
        <v>317</v>
      </c>
      <c r="C126" s="13">
        <v>1303</v>
      </c>
      <c r="D126" s="12">
        <v>1620</v>
      </c>
    </row>
    <row r="127" spans="1:4" ht="18" customHeight="1" x14ac:dyDescent="0.2">
      <c r="A127" s="8">
        <v>100</v>
      </c>
      <c r="B127" s="35">
        <v>18</v>
      </c>
      <c r="C127" s="13">
        <v>77</v>
      </c>
      <c r="D127" s="12">
        <v>95</v>
      </c>
    </row>
    <row r="128" spans="1:4" ht="18" customHeight="1" x14ac:dyDescent="0.2">
      <c r="A128" s="15" t="s">
        <v>3</v>
      </c>
      <c r="B128" s="35">
        <v>14</v>
      </c>
      <c r="C128" s="13">
        <v>147</v>
      </c>
      <c r="D128" s="12">
        <v>161</v>
      </c>
    </row>
    <row r="129" spans="1:4" ht="18" customHeight="1" x14ac:dyDescent="0.2">
      <c r="A129" s="8" t="s">
        <v>2</v>
      </c>
      <c r="B129" s="35">
        <v>32</v>
      </c>
      <c r="C129" s="13">
        <v>224</v>
      </c>
      <c r="D129" s="12">
        <v>256</v>
      </c>
    </row>
    <row r="130" spans="1:4" ht="18" customHeight="1" x14ac:dyDescent="0.2">
      <c r="A130" s="8" t="s">
        <v>1</v>
      </c>
      <c r="B130" s="28">
        <v>40092</v>
      </c>
      <c r="C130" s="6">
        <v>54429</v>
      </c>
      <c r="D130" s="5">
        <v>94521</v>
      </c>
    </row>
    <row r="131" spans="1:4" ht="18" customHeight="1" x14ac:dyDescent="0.2">
      <c r="A131" s="4" t="s">
        <v>0</v>
      </c>
      <c r="B131" s="27">
        <v>153965</v>
      </c>
      <c r="C131" s="2">
        <v>161810</v>
      </c>
      <c r="D131" s="1">
        <v>315775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F5EC6C4-C5E8-4FD5-BADD-9A63D416CE5E}">
  <sheetPr codeName="Sheet6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82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0</v>
      </c>
      <c r="C5" s="45">
        <v>0</v>
      </c>
      <c r="D5" s="44">
        <v>0</v>
      </c>
    </row>
    <row r="6" spans="1:4" ht="18" customHeight="1" x14ac:dyDescent="0.2">
      <c r="A6" s="8">
        <v>1</v>
      </c>
      <c r="B6" s="40">
        <v>1</v>
      </c>
      <c r="C6" s="13">
        <v>0</v>
      </c>
      <c r="D6" s="12">
        <v>1</v>
      </c>
    </row>
    <row r="7" spans="1:4" ht="18" customHeight="1" x14ac:dyDescent="0.2">
      <c r="A7" s="8">
        <v>2</v>
      </c>
      <c r="B7" s="40">
        <v>0</v>
      </c>
      <c r="C7" s="13">
        <v>0</v>
      </c>
      <c r="D7" s="12">
        <v>0</v>
      </c>
    </row>
    <row r="8" spans="1:4" ht="18" customHeight="1" x14ac:dyDescent="0.2">
      <c r="A8" s="8">
        <v>3</v>
      </c>
      <c r="B8" s="40">
        <v>0</v>
      </c>
      <c r="C8" s="13">
        <v>0</v>
      </c>
      <c r="D8" s="12">
        <v>0</v>
      </c>
    </row>
    <row r="9" spans="1:4" ht="18" customHeight="1" x14ac:dyDescent="0.2">
      <c r="A9" s="8">
        <v>4</v>
      </c>
      <c r="B9" s="43">
        <v>1</v>
      </c>
      <c r="C9" s="42">
        <v>0</v>
      </c>
      <c r="D9" s="41">
        <v>1</v>
      </c>
    </row>
    <row r="10" spans="1:4" ht="18" customHeight="1" x14ac:dyDescent="0.2">
      <c r="A10" s="8" t="s">
        <v>25</v>
      </c>
      <c r="B10" s="35">
        <v>2</v>
      </c>
      <c r="C10" s="13">
        <v>0</v>
      </c>
      <c r="D10" s="12">
        <v>2</v>
      </c>
    </row>
    <row r="11" spans="1:4" ht="18" customHeight="1" x14ac:dyDescent="0.2">
      <c r="A11" s="8">
        <v>5</v>
      </c>
      <c r="B11" s="40">
        <v>1</v>
      </c>
      <c r="C11" s="13">
        <v>0</v>
      </c>
      <c r="D11" s="12">
        <v>1</v>
      </c>
    </row>
    <row r="12" spans="1:4" ht="18" customHeight="1" x14ac:dyDescent="0.2">
      <c r="A12" s="8">
        <v>6</v>
      </c>
      <c r="B12" s="40">
        <v>1</v>
      </c>
      <c r="C12" s="13">
        <v>1</v>
      </c>
      <c r="D12" s="12">
        <v>2</v>
      </c>
    </row>
    <row r="13" spans="1:4" ht="18" customHeight="1" x14ac:dyDescent="0.2">
      <c r="A13" s="8">
        <v>7</v>
      </c>
      <c r="B13" s="40">
        <v>2</v>
      </c>
      <c r="C13" s="13">
        <v>0</v>
      </c>
      <c r="D13" s="12">
        <v>2</v>
      </c>
    </row>
    <row r="14" spans="1:4" ht="18" customHeight="1" x14ac:dyDescent="0.2">
      <c r="A14" s="8">
        <v>8</v>
      </c>
      <c r="B14" s="40">
        <v>2</v>
      </c>
      <c r="C14" s="13">
        <v>0</v>
      </c>
      <c r="D14" s="12">
        <v>2</v>
      </c>
    </row>
    <row r="15" spans="1:4" ht="18" customHeight="1" x14ac:dyDescent="0.2">
      <c r="A15" s="8">
        <v>9</v>
      </c>
      <c r="B15" s="40">
        <v>1</v>
      </c>
      <c r="C15" s="13">
        <v>1</v>
      </c>
      <c r="D15" s="12">
        <v>2</v>
      </c>
    </row>
    <row r="16" spans="1:4" ht="18" customHeight="1" x14ac:dyDescent="0.2">
      <c r="A16" s="8" t="s">
        <v>24</v>
      </c>
      <c r="B16" s="35">
        <v>7</v>
      </c>
      <c r="C16" s="13">
        <v>2</v>
      </c>
      <c r="D16" s="12">
        <v>9</v>
      </c>
    </row>
    <row r="17" spans="1:4" ht="18" customHeight="1" x14ac:dyDescent="0.2">
      <c r="A17" s="8">
        <v>10</v>
      </c>
      <c r="B17" s="35">
        <v>1</v>
      </c>
      <c r="C17" s="13">
        <v>1</v>
      </c>
      <c r="D17" s="12">
        <v>2</v>
      </c>
    </row>
    <row r="18" spans="1:4" ht="18" customHeight="1" x14ac:dyDescent="0.2">
      <c r="A18" s="8">
        <v>11</v>
      </c>
      <c r="B18" s="35">
        <v>1</v>
      </c>
      <c r="C18" s="13">
        <v>1</v>
      </c>
      <c r="D18" s="12">
        <v>2</v>
      </c>
    </row>
    <row r="19" spans="1:4" ht="18" customHeight="1" x14ac:dyDescent="0.2">
      <c r="A19" s="8">
        <v>12</v>
      </c>
      <c r="B19" s="35">
        <v>2</v>
      </c>
      <c r="C19" s="13">
        <v>0</v>
      </c>
      <c r="D19" s="12">
        <v>2</v>
      </c>
    </row>
    <row r="20" spans="1:4" ht="18" customHeight="1" x14ac:dyDescent="0.2">
      <c r="A20" s="8">
        <v>13</v>
      </c>
      <c r="B20" s="35">
        <v>1</v>
      </c>
      <c r="C20" s="13">
        <v>0</v>
      </c>
      <c r="D20" s="12">
        <v>1</v>
      </c>
    </row>
    <row r="21" spans="1:4" ht="18" customHeight="1" x14ac:dyDescent="0.2">
      <c r="A21" s="8">
        <v>14</v>
      </c>
      <c r="B21" s="35">
        <v>1</v>
      </c>
      <c r="C21" s="13">
        <v>2</v>
      </c>
      <c r="D21" s="12">
        <v>3</v>
      </c>
    </row>
    <row r="22" spans="1:4" ht="18" customHeight="1" x14ac:dyDescent="0.2">
      <c r="A22" s="8" t="s">
        <v>23</v>
      </c>
      <c r="B22" s="35">
        <v>6</v>
      </c>
      <c r="C22" s="13">
        <v>4</v>
      </c>
      <c r="D22" s="12">
        <v>10</v>
      </c>
    </row>
    <row r="23" spans="1:4" ht="18" customHeight="1" x14ac:dyDescent="0.2">
      <c r="A23" s="8" t="s">
        <v>22</v>
      </c>
      <c r="B23" s="35">
        <v>15</v>
      </c>
      <c r="C23" s="13">
        <v>6</v>
      </c>
      <c r="D23" s="12">
        <v>21</v>
      </c>
    </row>
    <row r="24" spans="1:4" ht="18" customHeight="1" x14ac:dyDescent="0.2">
      <c r="A24" s="8">
        <v>15</v>
      </c>
      <c r="B24" s="35">
        <v>0</v>
      </c>
      <c r="C24" s="13">
        <v>0</v>
      </c>
      <c r="D24" s="12">
        <v>0</v>
      </c>
    </row>
    <row r="25" spans="1:4" ht="18" customHeight="1" x14ac:dyDescent="0.2">
      <c r="A25" s="8">
        <v>16</v>
      </c>
      <c r="B25" s="35">
        <v>0</v>
      </c>
      <c r="C25" s="13">
        <v>0</v>
      </c>
      <c r="D25" s="12">
        <v>0</v>
      </c>
    </row>
    <row r="26" spans="1:4" ht="18" customHeight="1" x14ac:dyDescent="0.2">
      <c r="A26" s="8">
        <v>17</v>
      </c>
      <c r="B26" s="35">
        <v>1</v>
      </c>
      <c r="C26" s="13">
        <v>2</v>
      </c>
      <c r="D26" s="12">
        <v>3</v>
      </c>
    </row>
    <row r="27" spans="1:4" ht="18" customHeight="1" x14ac:dyDescent="0.2">
      <c r="A27" s="8">
        <v>18</v>
      </c>
      <c r="B27" s="35">
        <v>1</v>
      </c>
      <c r="C27" s="13">
        <v>0</v>
      </c>
      <c r="D27" s="12">
        <v>1</v>
      </c>
    </row>
    <row r="28" spans="1:4" ht="18" customHeight="1" x14ac:dyDescent="0.2">
      <c r="A28" s="8">
        <v>19</v>
      </c>
      <c r="B28" s="35">
        <v>0</v>
      </c>
      <c r="C28" s="13">
        <v>0</v>
      </c>
      <c r="D28" s="12">
        <v>0</v>
      </c>
    </row>
    <row r="29" spans="1:4" ht="18" customHeight="1" x14ac:dyDescent="0.2">
      <c r="A29" s="8" t="s">
        <v>21</v>
      </c>
      <c r="B29" s="35">
        <v>2</v>
      </c>
      <c r="C29" s="13">
        <v>2</v>
      </c>
      <c r="D29" s="12">
        <v>4</v>
      </c>
    </row>
    <row r="30" spans="1:4" ht="18" customHeight="1" x14ac:dyDescent="0.2">
      <c r="A30" s="8">
        <v>20</v>
      </c>
      <c r="B30" s="35">
        <v>1</v>
      </c>
      <c r="C30" s="13">
        <v>3</v>
      </c>
      <c r="D30" s="12">
        <v>4</v>
      </c>
    </row>
    <row r="31" spans="1:4" ht="18" customHeight="1" x14ac:dyDescent="0.2">
      <c r="A31" s="8">
        <v>21</v>
      </c>
      <c r="B31" s="35">
        <v>2</v>
      </c>
      <c r="C31" s="13">
        <v>1</v>
      </c>
      <c r="D31" s="12">
        <v>3</v>
      </c>
    </row>
    <row r="32" spans="1:4" ht="18" customHeight="1" x14ac:dyDescent="0.2">
      <c r="A32" s="8">
        <v>22</v>
      </c>
      <c r="B32" s="35">
        <v>2</v>
      </c>
      <c r="C32" s="13">
        <v>0</v>
      </c>
      <c r="D32" s="12">
        <v>2</v>
      </c>
    </row>
    <row r="33" spans="1:4" ht="18" customHeight="1" x14ac:dyDescent="0.2">
      <c r="A33" s="8">
        <v>23</v>
      </c>
      <c r="B33" s="35">
        <v>0</v>
      </c>
      <c r="C33" s="13">
        <v>2</v>
      </c>
      <c r="D33" s="12">
        <v>2</v>
      </c>
    </row>
    <row r="34" spans="1:4" ht="18" customHeight="1" x14ac:dyDescent="0.2">
      <c r="A34" s="8">
        <v>24</v>
      </c>
      <c r="B34" s="35">
        <v>0</v>
      </c>
      <c r="C34" s="13">
        <v>0</v>
      </c>
      <c r="D34" s="12">
        <v>0</v>
      </c>
    </row>
    <row r="35" spans="1:4" ht="18" customHeight="1" x14ac:dyDescent="0.2">
      <c r="A35" s="8" t="s">
        <v>20</v>
      </c>
      <c r="B35" s="35">
        <v>5</v>
      </c>
      <c r="C35" s="13">
        <v>6</v>
      </c>
      <c r="D35" s="12">
        <v>11</v>
      </c>
    </row>
    <row r="36" spans="1:4" ht="18" customHeight="1" x14ac:dyDescent="0.2">
      <c r="A36" s="8">
        <v>25</v>
      </c>
      <c r="B36" s="35">
        <v>1</v>
      </c>
      <c r="C36" s="13">
        <v>0</v>
      </c>
      <c r="D36" s="12">
        <v>1</v>
      </c>
    </row>
    <row r="37" spans="1:4" ht="18" customHeight="1" x14ac:dyDescent="0.2">
      <c r="A37" s="8">
        <v>26</v>
      </c>
      <c r="B37" s="35">
        <v>3</v>
      </c>
      <c r="C37" s="13">
        <v>0</v>
      </c>
      <c r="D37" s="12">
        <v>3</v>
      </c>
    </row>
    <row r="38" spans="1:4" ht="18" customHeight="1" x14ac:dyDescent="0.2">
      <c r="A38" s="8">
        <v>27</v>
      </c>
      <c r="B38" s="35">
        <v>0</v>
      </c>
      <c r="C38" s="13">
        <v>0</v>
      </c>
      <c r="D38" s="12">
        <v>0</v>
      </c>
    </row>
    <row r="39" spans="1:4" ht="18" customHeight="1" x14ac:dyDescent="0.2">
      <c r="A39" s="8">
        <v>28</v>
      </c>
      <c r="B39" s="35">
        <v>0</v>
      </c>
      <c r="C39" s="13">
        <v>2</v>
      </c>
      <c r="D39" s="12">
        <v>2</v>
      </c>
    </row>
    <row r="40" spans="1:4" ht="18" customHeight="1" x14ac:dyDescent="0.2">
      <c r="A40" s="8">
        <v>29</v>
      </c>
      <c r="B40" s="35">
        <v>1</v>
      </c>
      <c r="C40" s="13">
        <v>0</v>
      </c>
      <c r="D40" s="12">
        <v>1</v>
      </c>
    </row>
    <row r="41" spans="1:4" ht="18" customHeight="1" x14ac:dyDescent="0.2">
      <c r="A41" s="8" t="s">
        <v>19</v>
      </c>
      <c r="B41" s="35">
        <v>5</v>
      </c>
      <c r="C41" s="13">
        <v>2</v>
      </c>
      <c r="D41" s="12">
        <v>7</v>
      </c>
    </row>
    <row r="42" spans="1:4" ht="18" customHeight="1" x14ac:dyDescent="0.2">
      <c r="A42" s="8">
        <v>30</v>
      </c>
      <c r="B42" s="35">
        <v>2</v>
      </c>
      <c r="C42" s="13">
        <v>1</v>
      </c>
      <c r="D42" s="12">
        <v>3</v>
      </c>
    </row>
    <row r="43" spans="1:4" ht="18" customHeight="1" x14ac:dyDescent="0.2">
      <c r="A43" s="8">
        <v>31</v>
      </c>
      <c r="B43" s="35">
        <v>0</v>
      </c>
      <c r="C43" s="13">
        <v>0</v>
      </c>
      <c r="D43" s="12">
        <v>0</v>
      </c>
    </row>
    <row r="44" spans="1:4" ht="18" customHeight="1" x14ac:dyDescent="0.2">
      <c r="A44" s="8">
        <v>32</v>
      </c>
      <c r="B44" s="35">
        <v>1</v>
      </c>
      <c r="C44" s="13">
        <v>0</v>
      </c>
      <c r="D44" s="12">
        <v>1</v>
      </c>
    </row>
    <row r="45" spans="1:4" ht="18" customHeight="1" x14ac:dyDescent="0.2">
      <c r="A45" s="8">
        <v>33</v>
      </c>
      <c r="B45" s="35">
        <v>1</v>
      </c>
      <c r="C45" s="13">
        <v>0</v>
      </c>
      <c r="D45" s="12">
        <v>1</v>
      </c>
    </row>
    <row r="46" spans="1:4" ht="18" customHeight="1" x14ac:dyDescent="0.2">
      <c r="A46" s="8">
        <v>34</v>
      </c>
      <c r="B46" s="35">
        <v>0</v>
      </c>
      <c r="C46" s="13">
        <v>0</v>
      </c>
      <c r="D46" s="12">
        <v>0</v>
      </c>
    </row>
    <row r="47" spans="1:4" ht="18" customHeight="1" x14ac:dyDescent="0.2">
      <c r="A47" s="8" t="s">
        <v>18</v>
      </c>
      <c r="B47" s="35">
        <v>4</v>
      </c>
      <c r="C47" s="13">
        <v>1</v>
      </c>
      <c r="D47" s="12">
        <v>5</v>
      </c>
    </row>
    <row r="48" spans="1:4" ht="18" customHeight="1" x14ac:dyDescent="0.2">
      <c r="A48" s="8">
        <v>35</v>
      </c>
      <c r="B48" s="35">
        <v>0</v>
      </c>
      <c r="C48" s="13">
        <v>1</v>
      </c>
      <c r="D48" s="12">
        <v>1</v>
      </c>
    </row>
    <row r="49" spans="1:4" ht="18" customHeight="1" x14ac:dyDescent="0.2">
      <c r="A49" s="8">
        <v>36</v>
      </c>
      <c r="B49" s="35">
        <v>0</v>
      </c>
      <c r="C49" s="13">
        <v>1</v>
      </c>
      <c r="D49" s="12">
        <v>1</v>
      </c>
    </row>
    <row r="50" spans="1:4" ht="18" customHeight="1" x14ac:dyDescent="0.2">
      <c r="A50" s="8">
        <v>37</v>
      </c>
      <c r="B50" s="35">
        <v>1</v>
      </c>
      <c r="C50" s="13">
        <v>1</v>
      </c>
      <c r="D50" s="12">
        <v>2</v>
      </c>
    </row>
    <row r="51" spans="1:4" ht="18" customHeight="1" x14ac:dyDescent="0.2">
      <c r="A51" s="8">
        <v>38</v>
      </c>
      <c r="B51" s="35">
        <v>2</v>
      </c>
      <c r="C51" s="13">
        <v>1</v>
      </c>
      <c r="D51" s="12">
        <v>3</v>
      </c>
    </row>
    <row r="52" spans="1:4" ht="18" customHeight="1" x14ac:dyDescent="0.2">
      <c r="A52" s="8">
        <v>39</v>
      </c>
      <c r="B52" s="35">
        <v>3</v>
      </c>
      <c r="C52" s="13">
        <v>0</v>
      </c>
      <c r="D52" s="12">
        <v>3</v>
      </c>
    </row>
    <row r="53" spans="1:4" ht="18" customHeight="1" x14ac:dyDescent="0.2">
      <c r="A53" s="8" t="s">
        <v>17</v>
      </c>
      <c r="B53" s="35">
        <v>6</v>
      </c>
      <c r="C53" s="13">
        <v>4</v>
      </c>
      <c r="D53" s="12">
        <v>10</v>
      </c>
    </row>
    <row r="54" spans="1:4" ht="18" customHeight="1" x14ac:dyDescent="0.2">
      <c r="A54" s="8">
        <v>40</v>
      </c>
      <c r="B54" s="35">
        <v>1</v>
      </c>
      <c r="C54" s="13">
        <v>1</v>
      </c>
      <c r="D54" s="12">
        <v>2</v>
      </c>
    </row>
    <row r="55" spans="1:4" ht="18" customHeight="1" x14ac:dyDescent="0.2">
      <c r="A55" s="8">
        <v>41</v>
      </c>
      <c r="B55" s="35">
        <v>1</v>
      </c>
      <c r="C55" s="13">
        <v>2</v>
      </c>
      <c r="D55" s="12">
        <v>3</v>
      </c>
    </row>
    <row r="56" spans="1:4" ht="18" customHeight="1" x14ac:dyDescent="0.2">
      <c r="A56" s="8">
        <v>42</v>
      </c>
      <c r="B56" s="35">
        <v>1</v>
      </c>
      <c r="C56" s="13">
        <v>2</v>
      </c>
      <c r="D56" s="12">
        <v>3</v>
      </c>
    </row>
    <row r="57" spans="1:4" ht="18" customHeight="1" x14ac:dyDescent="0.2">
      <c r="A57" s="8">
        <v>43</v>
      </c>
      <c r="B57" s="35">
        <v>1</v>
      </c>
      <c r="C57" s="13">
        <v>0</v>
      </c>
      <c r="D57" s="12">
        <v>1</v>
      </c>
    </row>
    <row r="58" spans="1:4" ht="18" customHeight="1" x14ac:dyDescent="0.2">
      <c r="A58" s="8">
        <v>44</v>
      </c>
      <c r="B58" s="35">
        <v>1</v>
      </c>
      <c r="C58" s="13">
        <v>1</v>
      </c>
      <c r="D58" s="12">
        <v>2</v>
      </c>
    </row>
    <row r="59" spans="1:4" ht="18" customHeight="1" x14ac:dyDescent="0.2">
      <c r="A59" s="8" t="s">
        <v>16</v>
      </c>
      <c r="B59" s="35">
        <v>5</v>
      </c>
      <c r="C59" s="13">
        <v>6</v>
      </c>
      <c r="D59" s="12">
        <v>11</v>
      </c>
    </row>
    <row r="60" spans="1:4" ht="18" customHeight="1" x14ac:dyDescent="0.2">
      <c r="A60" s="8">
        <v>45</v>
      </c>
      <c r="B60" s="35">
        <v>1</v>
      </c>
      <c r="C60" s="13">
        <v>2</v>
      </c>
      <c r="D60" s="12">
        <v>3</v>
      </c>
    </row>
    <row r="61" spans="1:4" ht="18" customHeight="1" x14ac:dyDescent="0.2">
      <c r="A61" s="8">
        <v>46</v>
      </c>
      <c r="B61" s="35">
        <v>3</v>
      </c>
      <c r="C61" s="13">
        <v>4</v>
      </c>
      <c r="D61" s="12">
        <v>7</v>
      </c>
    </row>
    <row r="62" spans="1:4" ht="18" customHeight="1" x14ac:dyDescent="0.2">
      <c r="A62" s="8">
        <v>47</v>
      </c>
      <c r="B62" s="35">
        <v>3</v>
      </c>
      <c r="C62" s="13">
        <v>1</v>
      </c>
      <c r="D62" s="12">
        <v>4</v>
      </c>
    </row>
    <row r="63" spans="1:4" ht="18" customHeight="1" x14ac:dyDescent="0.2">
      <c r="A63" s="8">
        <v>48</v>
      </c>
      <c r="B63" s="35">
        <v>2</v>
      </c>
      <c r="C63" s="13">
        <v>1</v>
      </c>
      <c r="D63" s="12">
        <v>3</v>
      </c>
    </row>
    <row r="64" spans="1:4" ht="18" customHeight="1" x14ac:dyDescent="0.2">
      <c r="A64" s="8">
        <v>49</v>
      </c>
      <c r="B64" s="35">
        <v>1</v>
      </c>
      <c r="C64" s="13">
        <v>1</v>
      </c>
      <c r="D64" s="12">
        <v>2</v>
      </c>
    </row>
    <row r="65" spans="1:4" ht="18" customHeight="1" x14ac:dyDescent="0.2">
      <c r="A65" s="8" t="s">
        <v>15</v>
      </c>
      <c r="B65" s="35">
        <v>10</v>
      </c>
      <c r="C65" s="13">
        <v>9</v>
      </c>
      <c r="D65" s="12">
        <v>19</v>
      </c>
    </row>
    <row r="66" spans="1:4" ht="18" customHeight="1" x14ac:dyDescent="0.2">
      <c r="A66" s="8">
        <v>50</v>
      </c>
      <c r="B66" s="35">
        <v>1</v>
      </c>
      <c r="C66" s="13">
        <v>0</v>
      </c>
      <c r="D66" s="12">
        <v>1</v>
      </c>
    </row>
    <row r="67" spans="1:4" ht="18" customHeight="1" x14ac:dyDescent="0.2">
      <c r="A67" s="8">
        <v>51</v>
      </c>
      <c r="B67" s="35">
        <v>2</v>
      </c>
      <c r="C67" s="13">
        <v>0</v>
      </c>
      <c r="D67" s="12">
        <v>2</v>
      </c>
    </row>
    <row r="68" spans="1:4" ht="18" customHeight="1" x14ac:dyDescent="0.2">
      <c r="A68" s="8">
        <v>52</v>
      </c>
      <c r="B68" s="35">
        <v>0</v>
      </c>
      <c r="C68" s="13">
        <v>1</v>
      </c>
      <c r="D68" s="12">
        <v>1</v>
      </c>
    </row>
    <row r="69" spans="1:4" ht="18" customHeight="1" x14ac:dyDescent="0.2">
      <c r="A69" s="8">
        <v>53</v>
      </c>
      <c r="B69" s="35">
        <v>0</v>
      </c>
      <c r="C69" s="13">
        <v>2</v>
      </c>
      <c r="D69" s="12">
        <v>2</v>
      </c>
    </row>
    <row r="70" spans="1:4" ht="18" customHeight="1" x14ac:dyDescent="0.2">
      <c r="A70" s="8">
        <v>54</v>
      </c>
      <c r="B70" s="35">
        <v>3</v>
      </c>
      <c r="C70" s="13">
        <v>0</v>
      </c>
      <c r="D70" s="12">
        <v>3</v>
      </c>
    </row>
    <row r="71" spans="1:4" ht="18" customHeight="1" x14ac:dyDescent="0.2">
      <c r="A71" s="8" t="s">
        <v>14</v>
      </c>
      <c r="B71" s="35">
        <v>6</v>
      </c>
      <c r="C71" s="13">
        <v>3</v>
      </c>
      <c r="D71" s="12">
        <v>9</v>
      </c>
    </row>
    <row r="72" spans="1:4" ht="18" customHeight="1" x14ac:dyDescent="0.2">
      <c r="A72" s="8">
        <v>55</v>
      </c>
      <c r="B72" s="35">
        <v>1</v>
      </c>
      <c r="C72" s="13">
        <v>2</v>
      </c>
      <c r="D72" s="12">
        <v>3</v>
      </c>
    </row>
    <row r="73" spans="1:4" ht="18" customHeight="1" x14ac:dyDescent="0.2">
      <c r="A73" s="8">
        <v>56</v>
      </c>
      <c r="B73" s="35">
        <v>2</v>
      </c>
      <c r="C73" s="13">
        <v>0</v>
      </c>
      <c r="D73" s="12">
        <v>2</v>
      </c>
    </row>
    <row r="74" spans="1:4" ht="18" customHeight="1" x14ac:dyDescent="0.2">
      <c r="A74" s="8">
        <v>57</v>
      </c>
      <c r="B74" s="35">
        <v>2</v>
      </c>
      <c r="C74" s="13">
        <v>2</v>
      </c>
      <c r="D74" s="12">
        <v>4</v>
      </c>
    </row>
    <row r="75" spans="1:4" ht="18" customHeight="1" x14ac:dyDescent="0.2">
      <c r="A75" s="8">
        <v>58</v>
      </c>
      <c r="B75" s="35">
        <v>1</v>
      </c>
      <c r="C75" s="13">
        <v>3</v>
      </c>
      <c r="D75" s="12">
        <v>4</v>
      </c>
    </row>
    <row r="76" spans="1:4" ht="18" customHeight="1" x14ac:dyDescent="0.2">
      <c r="A76" s="8">
        <v>59</v>
      </c>
      <c r="B76" s="35">
        <v>1</v>
      </c>
      <c r="C76" s="13">
        <v>1</v>
      </c>
      <c r="D76" s="12">
        <v>2</v>
      </c>
    </row>
    <row r="77" spans="1:4" ht="18" customHeight="1" x14ac:dyDescent="0.2">
      <c r="A77" s="8" t="s">
        <v>13</v>
      </c>
      <c r="B77" s="35">
        <v>7</v>
      </c>
      <c r="C77" s="13">
        <v>8</v>
      </c>
      <c r="D77" s="12">
        <v>15</v>
      </c>
    </row>
    <row r="78" spans="1:4" ht="18" customHeight="1" x14ac:dyDescent="0.2">
      <c r="A78" s="8">
        <v>60</v>
      </c>
      <c r="B78" s="35">
        <v>4</v>
      </c>
      <c r="C78" s="13">
        <v>1</v>
      </c>
      <c r="D78" s="12">
        <v>5</v>
      </c>
    </row>
    <row r="79" spans="1:4" ht="18" customHeight="1" x14ac:dyDescent="0.2">
      <c r="A79" s="8">
        <v>61</v>
      </c>
      <c r="B79" s="35">
        <v>3</v>
      </c>
      <c r="C79" s="13">
        <v>2</v>
      </c>
      <c r="D79" s="12">
        <v>5</v>
      </c>
    </row>
    <row r="80" spans="1:4" ht="18" customHeight="1" x14ac:dyDescent="0.2">
      <c r="A80" s="8">
        <v>62</v>
      </c>
      <c r="B80" s="35">
        <v>2</v>
      </c>
      <c r="C80" s="13">
        <v>3</v>
      </c>
      <c r="D80" s="12">
        <v>5</v>
      </c>
    </row>
    <row r="81" spans="1:4" ht="18" customHeight="1" x14ac:dyDescent="0.2">
      <c r="A81" s="8">
        <v>63</v>
      </c>
      <c r="B81" s="35">
        <v>3</v>
      </c>
      <c r="C81" s="13">
        <v>0</v>
      </c>
      <c r="D81" s="12">
        <v>3</v>
      </c>
    </row>
    <row r="82" spans="1:4" ht="18" customHeight="1" x14ac:dyDescent="0.2">
      <c r="A82" s="8">
        <v>64</v>
      </c>
      <c r="B82" s="35">
        <v>2</v>
      </c>
      <c r="C82" s="13">
        <v>1</v>
      </c>
      <c r="D82" s="12">
        <v>3</v>
      </c>
    </row>
    <row r="83" spans="1:4" ht="18" customHeight="1" x14ac:dyDescent="0.2">
      <c r="A83" s="8" t="s">
        <v>12</v>
      </c>
      <c r="B83" s="35">
        <v>14</v>
      </c>
      <c r="C83" s="13">
        <v>7</v>
      </c>
      <c r="D83" s="12">
        <v>21</v>
      </c>
    </row>
    <row r="84" spans="1:4" ht="18" customHeight="1" x14ac:dyDescent="0.2">
      <c r="A84" s="8" t="s">
        <v>11</v>
      </c>
      <c r="B84" s="35">
        <v>64</v>
      </c>
      <c r="C84" s="13">
        <v>48</v>
      </c>
      <c r="D84" s="12">
        <v>112</v>
      </c>
    </row>
    <row r="85" spans="1:4" ht="18" customHeight="1" x14ac:dyDescent="0.2">
      <c r="A85" s="8">
        <v>65</v>
      </c>
      <c r="B85" s="35">
        <v>2</v>
      </c>
      <c r="C85" s="13">
        <v>1</v>
      </c>
      <c r="D85" s="12">
        <v>3</v>
      </c>
    </row>
    <row r="86" spans="1:4" ht="18" customHeight="1" x14ac:dyDescent="0.2">
      <c r="A86" s="8">
        <v>66</v>
      </c>
      <c r="B86" s="35">
        <v>0</v>
      </c>
      <c r="C86" s="13">
        <v>0</v>
      </c>
      <c r="D86" s="12">
        <v>0</v>
      </c>
    </row>
    <row r="87" spans="1:4" ht="18" customHeight="1" x14ac:dyDescent="0.2">
      <c r="A87" s="8">
        <v>67</v>
      </c>
      <c r="B87" s="35">
        <v>0</v>
      </c>
      <c r="C87" s="13">
        <v>3</v>
      </c>
      <c r="D87" s="12">
        <v>3</v>
      </c>
    </row>
    <row r="88" spans="1:4" ht="18" customHeight="1" x14ac:dyDescent="0.2">
      <c r="A88" s="8">
        <v>68</v>
      </c>
      <c r="B88" s="35">
        <v>3</v>
      </c>
      <c r="C88" s="13">
        <v>4</v>
      </c>
      <c r="D88" s="12">
        <v>7</v>
      </c>
    </row>
    <row r="89" spans="1:4" ht="18" customHeight="1" x14ac:dyDescent="0.2">
      <c r="A89" s="8">
        <v>69</v>
      </c>
      <c r="B89" s="35">
        <v>4</v>
      </c>
      <c r="C89" s="13">
        <v>1</v>
      </c>
      <c r="D89" s="12">
        <v>5</v>
      </c>
    </row>
    <row r="90" spans="1:4" ht="18" customHeight="1" x14ac:dyDescent="0.2">
      <c r="A90" s="8" t="s">
        <v>10</v>
      </c>
      <c r="B90" s="35">
        <v>9</v>
      </c>
      <c r="C90" s="13">
        <v>9</v>
      </c>
      <c r="D90" s="12">
        <v>18</v>
      </c>
    </row>
    <row r="91" spans="1:4" ht="18" customHeight="1" x14ac:dyDescent="0.2">
      <c r="A91" s="8">
        <v>70</v>
      </c>
      <c r="B91" s="35">
        <v>1</v>
      </c>
      <c r="C91" s="13">
        <v>6</v>
      </c>
      <c r="D91" s="12">
        <v>7</v>
      </c>
    </row>
    <row r="92" spans="1:4" ht="18" customHeight="1" x14ac:dyDescent="0.2">
      <c r="A92" s="8">
        <v>71</v>
      </c>
      <c r="B92" s="35">
        <v>3</v>
      </c>
      <c r="C92" s="13">
        <v>3</v>
      </c>
      <c r="D92" s="12">
        <v>6</v>
      </c>
    </row>
    <row r="93" spans="1:4" ht="18" customHeight="1" x14ac:dyDescent="0.2">
      <c r="A93" s="8">
        <v>72</v>
      </c>
      <c r="B93" s="35">
        <v>4</v>
      </c>
      <c r="C93" s="13">
        <v>1</v>
      </c>
      <c r="D93" s="12">
        <v>5</v>
      </c>
    </row>
    <row r="94" spans="1:4" ht="18" customHeight="1" x14ac:dyDescent="0.2">
      <c r="A94" s="8">
        <v>73</v>
      </c>
      <c r="B94" s="35">
        <v>2</v>
      </c>
      <c r="C94" s="13">
        <v>4</v>
      </c>
      <c r="D94" s="12">
        <v>6</v>
      </c>
    </row>
    <row r="95" spans="1:4" ht="18" customHeight="1" x14ac:dyDescent="0.2">
      <c r="A95" s="8">
        <v>74</v>
      </c>
      <c r="B95" s="35">
        <v>4</v>
      </c>
      <c r="C95" s="13">
        <v>3</v>
      </c>
      <c r="D95" s="12">
        <v>7</v>
      </c>
    </row>
    <row r="96" spans="1:4" ht="18" customHeight="1" x14ac:dyDescent="0.2">
      <c r="A96" s="8" t="s">
        <v>9</v>
      </c>
      <c r="B96" s="35">
        <v>14</v>
      </c>
      <c r="C96" s="13">
        <v>17</v>
      </c>
      <c r="D96" s="12">
        <v>31</v>
      </c>
    </row>
    <row r="97" spans="1:4" ht="18" customHeight="1" x14ac:dyDescent="0.2">
      <c r="A97" s="8">
        <v>75</v>
      </c>
      <c r="B97" s="35">
        <v>5</v>
      </c>
      <c r="C97" s="13">
        <v>7</v>
      </c>
      <c r="D97" s="12">
        <v>12</v>
      </c>
    </row>
    <row r="98" spans="1:4" ht="18" customHeight="1" x14ac:dyDescent="0.2">
      <c r="A98" s="8">
        <v>76</v>
      </c>
      <c r="B98" s="35">
        <v>5</v>
      </c>
      <c r="C98" s="13">
        <v>4</v>
      </c>
      <c r="D98" s="12">
        <v>9</v>
      </c>
    </row>
    <row r="99" spans="1:4" ht="18" customHeight="1" x14ac:dyDescent="0.2">
      <c r="A99" s="8">
        <v>77</v>
      </c>
      <c r="B99" s="35">
        <v>1</v>
      </c>
      <c r="C99" s="13">
        <v>2</v>
      </c>
      <c r="D99" s="12">
        <v>3</v>
      </c>
    </row>
    <row r="100" spans="1:4" ht="18" customHeight="1" x14ac:dyDescent="0.2">
      <c r="A100" s="8">
        <v>78</v>
      </c>
      <c r="B100" s="35">
        <v>2</v>
      </c>
      <c r="C100" s="13">
        <v>3</v>
      </c>
      <c r="D100" s="12">
        <v>5</v>
      </c>
    </row>
    <row r="101" spans="1:4" ht="18" customHeight="1" x14ac:dyDescent="0.2">
      <c r="A101" s="8">
        <v>79</v>
      </c>
      <c r="B101" s="35">
        <v>2</v>
      </c>
      <c r="C101" s="13">
        <v>3</v>
      </c>
      <c r="D101" s="12">
        <v>5</v>
      </c>
    </row>
    <row r="102" spans="1:4" ht="18" customHeight="1" x14ac:dyDescent="0.2">
      <c r="A102" s="8" t="s">
        <v>8</v>
      </c>
      <c r="B102" s="35">
        <v>15</v>
      </c>
      <c r="C102" s="13">
        <v>19</v>
      </c>
      <c r="D102" s="12">
        <v>34</v>
      </c>
    </row>
    <row r="103" spans="1:4" ht="18" customHeight="1" x14ac:dyDescent="0.2">
      <c r="A103" s="8">
        <v>80</v>
      </c>
      <c r="B103" s="35">
        <v>0</v>
      </c>
      <c r="C103" s="13">
        <v>2</v>
      </c>
      <c r="D103" s="12">
        <v>2</v>
      </c>
    </row>
    <row r="104" spans="1:4" ht="18" customHeight="1" x14ac:dyDescent="0.2">
      <c r="A104" s="8">
        <v>81</v>
      </c>
      <c r="B104" s="35">
        <v>4</v>
      </c>
      <c r="C104" s="13">
        <v>3</v>
      </c>
      <c r="D104" s="12">
        <v>7</v>
      </c>
    </row>
    <row r="105" spans="1:4" ht="18" customHeight="1" x14ac:dyDescent="0.2">
      <c r="A105" s="8">
        <v>82</v>
      </c>
      <c r="B105" s="35">
        <v>2</v>
      </c>
      <c r="C105" s="13">
        <v>3</v>
      </c>
      <c r="D105" s="12">
        <v>5</v>
      </c>
    </row>
    <row r="106" spans="1:4" ht="18" customHeight="1" x14ac:dyDescent="0.2">
      <c r="A106" s="8">
        <v>83</v>
      </c>
      <c r="B106" s="35">
        <v>1</v>
      </c>
      <c r="C106" s="13">
        <v>2</v>
      </c>
      <c r="D106" s="12">
        <v>3</v>
      </c>
    </row>
    <row r="107" spans="1:4" ht="18" customHeight="1" x14ac:dyDescent="0.2">
      <c r="A107" s="8">
        <v>84</v>
      </c>
      <c r="B107" s="35">
        <v>2</v>
      </c>
      <c r="C107" s="13">
        <v>0</v>
      </c>
      <c r="D107" s="12">
        <v>2</v>
      </c>
    </row>
    <row r="108" spans="1:4" ht="18" customHeight="1" x14ac:dyDescent="0.2">
      <c r="A108" s="8" t="s">
        <v>7</v>
      </c>
      <c r="B108" s="35">
        <v>9</v>
      </c>
      <c r="C108" s="13">
        <v>10</v>
      </c>
      <c r="D108" s="12">
        <v>19</v>
      </c>
    </row>
    <row r="109" spans="1:4" ht="18" customHeight="1" x14ac:dyDescent="0.2">
      <c r="A109" s="8">
        <v>85</v>
      </c>
      <c r="B109" s="35">
        <v>0</v>
      </c>
      <c r="C109" s="13">
        <v>4</v>
      </c>
      <c r="D109" s="12">
        <v>4</v>
      </c>
    </row>
    <row r="110" spans="1:4" ht="18" customHeight="1" x14ac:dyDescent="0.2">
      <c r="A110" s="8">
        <v>86</v>
      </c>
      <c r="B110" s="35">
        <v>2</v>
      </c>
      <c r="C110" s="13">
        <v>7</v>
      </c>
      <c r="D110" s="12">
        <v>9</v>
      </c>
    </row>
    <row r="111" spans="1:4" ht="18" customHeight="1" x14ac:dyDescent="0.2">
      <c r="A111" s="8">
        <v>87</v>
      </c>
      <c r="B111" s="35">
        <v>3</v>
      </c>
      <c r="C111" s="13">
        <v>6</v>
      </c>
      <c r="D111" s="12">
        <v>9</v>
      </c>
    </row>
    <row r="112" spans="1:4" ht="18" customHeight="1" x14ac:dyDescent="0.2">
      <c r="A112" s="8">
        <v>88</v>
      </c>
      <c r="B112" s="35">
        <v>3</v>
      </c>
      <c r="C112" s="13">
        <v>3</v>
      </c>
      <c r="D112" s="12">
        <v>6</v>
      </c>
    </row>
    <row r="113" spans="1:4" ht="18" customHeight="1" x14ac:dyDescent="0.2">
      <c r="A113" s="8">
        <v>89</v>
      </c>
      <c r="B113" s="35">
        <v>0</v>
      </c>
      <c r="C113" s="13">
        <v>3</v>
      </c>
      <c r="D113" s="12">
        <v>3</v>
      </c>
    </row>
    <row r="114" spans="1:4" ht="18" customHeight="1" x14ac:dyDescent="0.2">
      <c r="A114" s="8" t="s">
        <v>6</v>
      </c>
      <c r="B114" s="35">
        <v>8</v>
      </c>
      <c r="C114" s="13">
        <v>23</v>
      </c>
      <c r="D114" s="12">
        <v>31</v>
      </c>
    </row>
    <row r="115" spans="1:4" ht="18" customHeight="1" x14ac:dyDescent="0.2">
      <c r="A115" s="8">
        <v>90</v>
      </c>
      <c r="B115" s="35">
        <v>2</v>
      </c>
      <c r="C115" s="13">
        <v>4</v>
      </c>
      <c r="D115" s="12">
        <v>6</v>
      </c>
    </row>
    <row r="116" spans="1:4" ht="18" customHeight="1" x14ac:dyDescent="0.2">
      <c r="A116" s="8">
        <v>91</v>
      </c>
      <c r="B116" s="35">
        <v>1</v>
      </c>
      <c r="C116" s="13">
        <v>2</v>
      </c>
      <c r="D116" s="12">
        <v>3</v>
      </c>
    </row>
    <row r="117" spans="1:4" ht="18" customHeight="1" x14ac:dyDescent="0.2">
      <c r="A117" s="8">
        <v>92</v>
      </c>
      <c r="B117" s="35">
        <v>0</v>
      </c>
      <c r="C117" s="13">
        <v>1</v>
      </c>
      <c r="D117" s="12">
        <v>1</v>
      </c>
    </row>
    <row r="118" spans="1:4" ht="18" customHeight="1" x14ac:dyDescent="0.2">
      <c r="A118" s="8">
        <v>93</v>
      </c>
      <c r="B118" s="35">
        <v>2</v>
      </c>
      <c r="C118" s="13">
        <v>3</v>
      </c>
      <c r="D118" s="12">
        <v>5</v>
      </c>
    </row>
    <row r="119" spans="1:4" ht="18" customHeight="1" x14ac:dyDescent="0.2">
      <c r="A119" s="8">
        <v>94</v>
      </c>
      <c r="B119" s="35">
        <v>0</v>
      </c>
      <c r="C119" s="13">
        <v>3</v>
      </c>
      <c r="D119" s="12">
        <v>3</v>
      </c>
    </row>
    <row r="120" spans="1:4" ht="18" customHeight="1" x14ac:dyDescent="0.2">
      <c r="A120" s="8" t="s">
        <v>5</v>
      </c>
      <c r="B120" s="35">
        <v>5</v>
      </c>
      <c r="C120" s="13">
        <v>13</v>
      </c>
      <c r="D120" s="12">
        <v>18</v>
      </c>
    </row>
    <row r="121" spans="1:4" ht="18" customHeight="1" x14ac:dyDescent="0.2">
      <c r="A121" s="8">
        <v>95</v>
      </c>
      <c r="B121" s="35">
        <v>0</v>
      </c>
      <c r="C121" s="13">
        <v>0</v>
      </c>
      <c r="D121" s="12">
        <v>0</v>
      </c>
    </row>
    <row r="122" spans="1:4" ht="18" customHeight="1" x14ac:dyDescent="0.2">
      <c r="A122" s="8">
        <v>96</v>
      </c>
      <c r="B122" s="35">
        <v>0</v>
      </c>
      <c r="C122" s="13">
        <v>0</v>
      </c>
      <c r="D122" s="12">
        <v>0</v>
      </c>
    </row>
    <row r="123" spans="1:4" ht="18" customHeight="1" x14ac:dyDescent="0.2">
      <c r="A123" s="8">
        <v>97</v>
      </c>
      <c r="B123" s="35">
        <v>0</v>
      </c>
      <c r="C123" s="13">
        <v>0</v>
      </c>
      <c r="D123" s="12">
        <v>0</v>
      </c>
    </row>
    <row r="124" spans="1:4" ht="18" customHeight="1" x14ac:dyDescent="0.2">
      <c r="A124" s="8">
        <v>98</v>
      </c>
      <c r="B124" s="35">
        <v>0</v>
      </c>
      <c r="C124" s="13">
        <v>0</v>
      </c>
      <c r="D124" s="12">
        <v>0</v>
      </c>
    </row>
    <row r="125" spans="1:4" ht="18" customHeight="1" x14ac:dyDescent="0.2">
      <c r="A125" s="8">
        <v>99</v>
      </c>
      <c r="B125" s="35">
        <v>0</v>
      </c>
      <c r="C125" s="13">
        <v>0</v>
      </c>
      <c r="D125" s="12">
        <v>0</v>
      </c>
    </row>
    <row r="126" spans="1:4" ht="18" customHeight="1" x14ac:dyDescent="0.2">
      <c r="A126" s="8" t="s">
        <v>4</v>
      </c>
      <c r="B126" s="35">
        <v>0</v>
      </c>
      <c r="C126" s="13">
        <v>0</v>
      </c>
      <c r="D126" s="12">
        <v>0</v>
      </c>
    </row>
    <row r="127" spans="1:4" ht="18" customHeight="1" x14ac:dyDescent="0.2">
      <c r="A127" s="8">
        <v>100</v>
      </c>
      <c r="B127" s="35">
        <v>0</v>
      </c>
      <c r="C127" s="13">
        <v>0</v>
      </c>
      <c r="D127" s="12">
        <v>0</v>
      </c>
    </row>
    <row r="128" spans="1:4" ht="18" customHeight="1" x14ac:dyDescent="0.2">
      <c r="A128" s="15" t="s">
        <v>3</v>
      </c>
      <c r="B128" s="35">
        <v>0</v>
      </c>
      <c r="C128" s="13">
        <v>1</v>
      </c>
      <c r="D128" s="12">
        <v>1</v>
      </c>
    </row>
    <row r="129" spans="1:4" ht="18" customHeight="1" x14ac:dyDescent="0.2">
      <c r="A129" s="8" t="s">
        <v>2</v>
      </c>
      <c r="B129" s="35">
        <v>0</v>
      </c>
      <c r="C129" s="13">
        <v>1</v>
      </c>
      <c r="D129" s="12">
        <v>1</v>
      </c>
    </row>
    <row r="130" spans="1:4" ht="18" customHeight="1" x14ac:dyDescent="0.2">
      <c r="A130" s="8" t="s">
        <v>1</v>
      </c>
      <c r="B130" s="28">
        <v>60</v>
      </c>
      <c r="C130" s="6">
        <v>92</v>
      </c>
      <c r="D130" s="5">
        <v>152</v>
      </c>
    </row>
    <row r="131" spans="1:4" ht="18" customHeight="1" x14ac:dyDescent="0.2">
      <c r="A131" s="4" t="s">
        <v>0</v>
      </c>
      <c r="B131" s="27">
        <v>139</v>
      </c>
      <c r="C131" s="2">
        <v>146</v>
      </c>
      <c r="D131" s="1">
        <v>285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r:id="rId1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1091B26-F64A-4010-A481-EF7E91B7CD79}">
  <sheetPr codeName="Sheet6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83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0</v>
      </c>
      <c r="C5" s="45">
        <v>1</v>
      </c>
      <c r="D5" s="44">
        <v>1</v>
      </c>
    </row>
    <row r="6" spans="1:4" ht="18" customHeight="1" x14ac:dyDescent="0.2">
      <c r="A6" s="8">
        <v>1</v>
      </c>
      <c r="B6" s="40">
        <v>1</v>
      </c>
      <c r="C6" s="13">
        <v>0</v>
      </c>
      <c r="D6" s="12">
        <v>1</v>
      </c>
    </row>
    <row r="7" spans="1:4" ht="18" customHeight="1" x14ac:dyDescent="0.2">
      <c r="A7" s="8">
        <v>2</v>
      </c>
      <c r="B7" s="40">
        <v>2</v>
      </c>
      <c r="C7" s="13">
        <v>0</v>
      </c>
      <c r="D7" s="12">
        <v>2</v>
      </c>
    </row>
    <row r="8" spans="1:4" ht="18" customHeight="1" x14ac:dyDescent="0.2">
      <c r="A8" s="8">
        <v>3</v>
      </c>
      <c r="B8" s="40">
        <v>0</v>
      </c>
      <c r="C8" s="13">
        <v>0</v>
      </c>
      <c r="D8" s="12">
        <v>0</v>
      </c>
    </row>
    <row r="9" spans="1:4" ht="18" customHeight="1" x14ac:dyDescent="0.2">
      <c r="A9" s="8">
        <v>4</v>
      </c>
      <c r="B9" s="43">
        <v>2</v>
      </c>
      <c r="C9" s="42">
        <v>2</v>
      </c>
      <c r="D9" s="41">
        <v>4</v>
      </c>
    </row>
    <row r="10" spans="1:4" ht="18" customHeight="1" x14ac:dyDescent="0.2">
      <c r="A10" s="8" t="s">
        <v>25</v>
      </c>
      <c r="B10" s="35">
        <v>5</v>
      </c>
      <c r="C10" s="13">
        <v>3</v>
      </c>
      <c r="D10" s="12">
        <v>8</v>
      </c>
    </row>
    <row r="11" spans="1:4" ht="18" customHeight="1" x14ac:dyDescent="0.2">
      <c r="A11" s="8">
        <v>5</v>
      </c>
      <c r="B11" s="40">
        <v>0</v>
      </c>
      <c r="C11" s="13">
        <v>1</v>
      </c>
      <c r="D11" s="12">
        <v>1</v>
      </c>
    </row>
    <row r="12" spans="1:4" ht="18" customHeight="1" x14ac:dyDescent="0.2">
      <c r="A12" s="8">
        <v>6</v>
      </c>
      <c r="B12" s="40">
        <v>0</v>
      </c>
      <c r="C12" s="13">
        <v>0</v>
      </c>
      <c r="D12" s="12">
        <v>0</v>
      </c>
    </row>
    <row r="13" spans="1:4" ht="18" customHeight="1" x14ac:dyDescent="0.2">
      <c r="A13" s="8">
        <v>7</v>
      </c>
      <c r="B13" s="40">
        <v>2</v>
      </c>
      <c r="C13" s="13">
        <v>0</v>
      </c>
      <c r="D13" s="12">
        <v>2</v>
      </c>
    </row>
    <row r="14" spans="1:4" ht="18" customHeight="1" x14ac:dyDescent="0.2">
      <c r="A14" s="8">
        <v>8</v>
      </c>
      <c r="B14" s="40">
        <v>1</v>
      </c>
      <c r="C14" s="13">
        <v>1</v>
      </c>
      <c r="D14" s="12">
        <v>2</v>
      </c>
    </row>
    <row r="15" spans="1:4" ht="18" customHeight="1" x14ac:dyDescent="0.2">
      <c r="A15" s="8">
        <v>9</v>
      </c>
      <c r="B15" s="40">
        <v>0</v>
      </c>
      <c r="C15" s="13">
        <v>1</v>
      </c>
      <c r="D15" s="12">
        <v>1</v>
      </c>
    </row>
    <row r="16" spans="1:4" ht="18" customHeight="1" x14ac:dyDescent="0.2">
      <c r="A16" s="8" t="s">
        <v>24</v>
      </c>
      <c r="B16" s="35">
        <v>3</v>
      </c>
      <c r="C16" s="13">
        <v>3</v>
      </c>
      <c r="D16" s="12">
        <v>6</v>
      </c>
    </row>
    <row r="17" spans="1:4" ht="18" customHeight="1" x14ac:dyDescent="0.2">
      <c r="A17" s="8">
        <v>10</v>
      </c>
      <c r="B17" s="35">
        <v>1</v>
      </c>
      <c r="C17" s="13">
        <v>0</v>
      </c>
      <c r="D17" s="12">
        <v>1</v>
      </c>
    </row>
    <row r="18" spans="1:4" ht="18" customHeight="1" x14ac:dyDescent="0.2">
      <c r="A18" s="8">
        <v>11</v>
      </c>
      <c r="B18" s="35">
        <v>0</v>
      </c>
      <c r="C18" s="13">
        <v>1</v>
      </c>
      <c r="D18" s="12">
        <v>1</v>
      </c>
    </row>
    <row r="19" spans="1:4" ht="18" customHeight="1" x14ac:dyDescent="0.2">
      <c r="A19" s="8">
        <v>12</v>
      </c>
      <c r="B19" s="35">
        <v>2</v>
      </c>
      <c r="C19" s="13">
        <v>0</v>
      </c>
      <c r="D19" s="12">
        <v>2</v>
      </c>
    </row>
    <row r="20" spans="1:4" ht="18" customHeight="1" x14ac:dyDescent="0.2">
      <c r="A20" s="8">
        <v>13</v>
      </c>
      <c r="B20" s="35">
        <v>3</v>
      </c>
      <c r="C20" s="13">
        <v>0</v>
      </c>
      <c r="D20" s="12">
        <v>3</v>
      </c>
    </row>
    <row r="21" spans="1:4" ht="18" customHeight="1" x14ac:dyDescent="0.2">
      <c r="A21" s="8">
        <v>14</v>
      </c>
      <c r="B21" s="35">
        <v>0</v>
      </c>
      <c r="C21" s="13">
        <v>2</v>
      </c>
      <c r="D21" s="12">
        <v>2</v>
      </c>
    </row>
    <row r="22" spans="1:4" ht="18" customHeight="1" x14ac:dyDescent="0.2">
      <c r="A22" s="8" t="s">
        <v>23</v>
      </c>
      <c r="B22" s="35">
        <v>6</v>
      </c>
      <c r="C22" s="13">
        <v>3</v>
      </c>
      <c r="D22" s="12">
        <v>9</v>
      </c>
    </row>
    <row r="23" spans="1:4" ht="18" customHeight="1" x14ac:dyDescent="0.2">
      <c r="A23" s="8" t="s">
        <v>22</v>
      </c>
      <c r="B23" s="35">
        <v>14</v>
      </c>
      <c r="C23" s="13">
        <v>9</v>
      </c>
      <c r="D23" s="12">
        <v>23</v>
      </c>
    </row>
    <row r="24" spans="1:4" ht="18" customHeight="1" x14ac:dyDescent="0.2">
      <c r="A24" s="8">
        <v>15</v>
      </c>
      <c r="B24" s="35">
        <v>1</v>
      </c>
      <c r="C24" s="13">
        <v>3</v>
      </c>
      <c r="D24" s="12">
        <v>4</v>
      </c>
    </row>
    <row r="25" spans="1:4" ht="18" customHeight="1" x14ac:dyDescent="0.2">
      <c r="A25" s="8">
        <v>16</v>
      </c>
      <c r="B25" s="35">
        <v>0</v>
      </c>
      <c r="C25" s="13">
        <v>1</v>
      </c>
      <c r="D25" s="12">
        <v>1</v>
      </c>
    </row>
    <row r="26" spans="1:4" ht="18" customHeight="1" x14ac:dyDescent="0.2">
      <c r="A26" s="8">
        <v>17</v>
      </c>
      <c r="B26" s="35">
        <v>1</v>
      </c>
      <c r="C26" s="13">
        <v>1</v>
      </c>
      <c r="D26" s="12">
        <v>2</v>
      </c>
    </row>
    <row r="27" spans="1:4" ht="18" customHeight="1" x14ac:dyDescent="0.2">
      <c r="A27" s="8">
        <v>18</v>
      </c>
      <c r="B27" s="35">
        <v>1</v>
      </c>
      <c r="C27" s="13">
        <v>1</v>
      </c>
      <c r="D27" s="12">
        <v>2</v>
      </c>
    </row>
    <row r="28" spans="1:4" ht="18" customHeight="1" x14ac:dyDescent="0.2">
      <c r="A28" s="8">
        <v>19</v>
      </c>
      <c r="B28" s="35">
        <v>1</v>
      </c>
      <c r="C28" s="13">
        <v>0</v>
      </c>
      <c r="D28" s="12">
        <v>1</v>
      </c>
    </row>
    <row r="29" spans="1:4" ht="18" customHeight="1" x14ac:dyDescent="0.2">
      <c r="A29" s="8" t="s">
        <v>21</v>
      </c>
      <c r="B29" s="35">
        <v>4</v>
      </c>
      <c r="C29" s="13">
        <v>6</v>
      </c>
      <c r="D29" s="12">
        <v>10</v>
      </c>
    </row>
    <row r="30" spans="1:4" ht="18" customHeight="1" x14ac:dyDescent="0.2">
      <c r="A30" s="8">
        <v>20</v>
      </c>
      <c r="B30" s="35">
        <v>0</v>
      </c>
      <c r="C30" s="13">
        <v>0</v>
      </c>
      <c r="D30" s="12">
        <v>0</v>
      </c>
    </row>
    <row r="31" spans="1:4" ht="18" customHeight="1" x14ac:dyDescent="0.2">
      <c r="A31" s="8">
        <v>21</v>
      </c>
      <c r="B31" s="35">
        <v>0</v>
      </c>
      <c r="C31" s="13">
        <v>1</v>
      </c>
      <c r="D31" s="12">
        <v>1</v>
      </c>
    </row>
    <row r="32" spans="1:4" ht="18" customHeight="1" x14ac:dyDescent="0.2">
      <c r="A32" s="8">
        <v>22</v>
      </c>
      <c r="B32" s="35">
        <v>0</v>
      </c>
      <c r="C32" s="13">
        <v>0</v>
      </c>
      <c r="D32" s="12">
        <v>0</v>
      </c>
    </row>
    <row r="33" spans="1:4" ht="18" customHeight="1" x14ac:dyDescent="0.2">
      <c r="A33" s="8">
        <v>23</v>
      </c>
      <c r="B33" s="35">
        <v>0</v>
      </c>
      <c r="C33" s="13">
        <v>1</v>
      </c>
      <c r="D33" s="12">
        <v>1</v>
      </c>
    </row>
    <row r="34" spans="1:4" ht="18" customHeight="1" x14ac:dyDescent="0.2">
      <c r="A34" s="8">
        <v>24</v>
      </c>
      <c r="B34" s="35">
        <v>0</v>
      </c>
      <c r="C34" s="13">
        <v>1</v>
      </c>
      <c r="D34" s="12">
        <v>1</v>
      </c>
    </row>
    <row r="35" spans="1:4" ht="18" customHeight="1" x14ac:dyDescent="0.2">
      <c r="A35" s="8" t="s">
        <v>20</v>
      </c>
      <c r="B35" s="35">
        <v>0</v>
      </c>
      <c r="C35" s="13">
        <v>3</v>
      </c>
      <c r="D35" s="12">
        <v>3</v>
      </c>
    </row>
    <row r="36" spans="1:4" ht="18" customHeight="1" x14ac:dyDescent="0.2">
      <c r="A36" s="8">
        <v>25</v>
      </c>
      <c r="B36" s="35">
        <v>1</v>
      </c>
      <c r="C36" s="13">
        <v>1</v>
      </c>
      <c r="D36" s="12">
        <v>2</v>
      </c>
    </row>
    <row r="37" spans="1:4" ht="18" customHeight="1" x14ac:dyDescent="0.2">
      <c r="A37" s="8">
        <v>26</v>
      </c>
      <c r="B37" s="35">
        <v>2</v>
      </c>
      <c r="C37" s="13">
        <v>0</v>
      </c>
      <c r="D37" s="12">
        <v>2</v>
      </c>
    </row>
    <row r="38" spans="1:4" ht="18" customHeight="1" x14ac:dyDescent="0.2">
      <c r="A38" s="8">
        <v>27</v>
      </c>
      <c r="B38" s="35">
        <v>2</v>
      </c>
      <c r="C38" s="13">
        <v>0</v>
      </c>
      <c r="D38" s="12">
        <v>2</v>
      </c>
    </row>
    <row r="39" spans="1:4" ht="18" customHeight="1" x14ac:dyDescent="0.2">
      <c r="A39" s="8">
        <v>28</v>
      </c>
      <c r="B39" s="35">
        <v>2</v>
      </c>
      <c r="C39" s="13">
        <v>0</v>
      </c>
      <c r="D39" s="12">
        <v>2</v>
      </c>
    </row>
    <row r="40" spans="1:4" ht="18" customHeight="1" x14ac:dyDescent="0.2">
      <c r="A40" s="8">
        <v>29</v>
      </c>
      <c r="B40" s="35">
        <v>2</v>
      </c>
      <c r="C40" s="13">
        <v>1</v>
      </c>
      <c r="D40" s="12">
        <v>3</v>
      </c>
    </row>
    <row r="41" spans="1:4" ht="18" customHeight="1" x14ac:dyDescent="0.2">
      <c r="A41" s="8" t="s">
        <v>19</v>
      </c>
      <c r="B41" s="35">
        <v>9</v>
      </c>
      <c r="C41" s="13">
        <v>2</v>
      </c>
      <c r="D41" s="12">
        <v>11</v>
      </c>
    </row>
    <row r="42" spans="1:4" ht="18" customHeight="1" x14ac:dyDescent="0.2">
      <c r="A42" s="8">
        <v>30</v>
      </c>
      <c r="B42" s="35">
        <v>0</v>
      </c>
      <c r="C42" s="13">
        <v>0</v>
      </c>
      <c r="D42" s="12">
        <v>0</v>
      </c>
    </row>
    <row r="43" spans="1:4" ht="18" customHeight="1" x14ac:dyDescent="0.2">
      <c r="A43" s="8">
        <v>31</v>
      </c>
      <c r="B43" s="35">
        <v>2</v>
      </c>
      <c r="C43" s="13">
        <v>1</v>
      </c>
      <c r="D43" s="12">
        <v>3</v>
      </c>
    </row>
    <row r="44" spans="1:4" ht="18" customHeight="1" x14ac:dyDescent="0.2">
      <c r="A44" s="8">
        <v>32</v>
      </c>
      <c r="B44" s="35">
        <v>0</v>
      </c>
      <c r="C44" s="13">
        <v>1</v>
      </c>
      <c r="D44" s="12">
        <v>1</v>
      </c>
    </row>
    <row r="45" spans="1:4" ht="18" customHeight="1" x14ac:dyDescent="0.2">
      <c r="A45" s="8">
        <v>33</v>
      </c>
      <c r="B45" s="35">
        <v>0</v>
      </c>
      <c r="C45" s="13">
        <v>1</v>
      </c>
      <c r="D45" s="12">
        <v>1</v>
      </c>
    </row>
    <row r="46" spans="1:4" ht="18" customHeight="1" x14ac:dyDescent="0.2">
      <c r="A46" s="8">
        <v>34</v>
      </c>
      <c r="B46" s="35">
        <v>5</v>
      </c>
      <c r="C46" s="13">
        <v>2</v>
      </c>
      <c r="D46" s="12">
        <v>7</v>
      </c>
    </row>
    <row r="47" spans="1:4" ht="18" customHeight="1" x14ac:dyDescent="0.2">
      <c r="A47" s="8" t="s">
        <v>18</v>
      </c>
      <c r="B47" s="35">
        <v>7</v>
      </c>
      <c r="C47" s="13">
        <v>5</v>
      </c>
      <c r="D47" s="12">
        <v>12</v>
      </c>
    </row>
    <row r="48" spans="1:4" ht="18" customHeight="1" x14ac:dyDescent="0.2">
      <c r="A48" s="8">
        <v>35</v>
      </c>
      <c r="B48" s="35">
        <v>2</v>
      </c>
      <c r="C48" s="13">
        <v>2</v>
      </c>
      <c r="D48" s="12">
        <v>4</v>
      </c>
    </row>
    <row r="49" spans="1:4" ht="18" customHeight="1" x14ac:dyDescent="0.2">
      <c r="A49" s="8">
        <v>36</v>
      </c>
      <c r="B49" s="35">
        <v>1</v>
      </c>
      <c r="C49" s="13">
        <v>0</v>
      </c>
      <c r="D49" s="12">
        <v>1</v>
      </c>
    </row>
    <row r="50" spans="1:4" ht="18" customHeight="1" x14ac:dyDescent="0.2">
      <c r="A50" s="8">
        <v>37</v>
      </c>
      <c r="B50" s="35">
        <v>3</v>
      </c>
      <c r="C50" s="13">
        <v>4</v>
      </c>
      <c r="D50" s="12">
        <v>7</v>
      </c>
    </row>
    <row r="51" spans="1:4" ht="18" customHeight="1" x14ac:dyDescent="0.2">
      <c r="A51" s="8">
        <v>38</v>
      </c>
      <c r="B51" s="35">
        <v>0</v>
      </c>
      <c r="C51" s="13">
        <v>0</v>
      </c>
      <c r="D51" s="12">
        <v>0</v>
      </c>
    </row>
    <row r="52" spans="1:4" ht="18" customHeight="1" x14ac:dyDescent="0.2">
      <c r="A52" s="8">
        <v>39</v>
      </c>
      <c r="B52" s="35">
        <v>1</v>
      </c>
      <c r="C52" s="13">
        <v>2</v>
      </c>
      <c r="D52" s="12">
        <v>3</v>
      </c>
    </row>
    <row r="53" spans="1:4" ht="18" customHeight="1" x14ac:dyDescent="0.2">
      <c r="A53" s="8" t="s">
        <v>17</v>
      </c>
      <c r="B53" s="35">
        <v>7</v>
      </c>
      <c r="C53" s="13">
        <v>8</v>
      </c>
      <c r="D53" s="12">
        <v>15</v>
      </c>
    </row>
    <row r="54" spans="1:4" ht="18" customHeight="1" x14ac:dyDescent="0.2">
      <c r="A54" s="8">
        <v>40</v>
      </c>
      <c r="B54" s="35">
        <v>0</v>
      </c>
      <c r="C54" s="13">
        <v>1</v>
      </c>
      <c r="D54" s="12">
        <v>1</v>
      </c>
    </row>
    <row r="55" spans="1:4" ht="18" customHeight="1" x14ac:dyDescent="0.2">
      <c r="A55" s="8">
        <v>41</v>
      </c>
      <c r="B55" s="35">
        <v>2</v>
      </c>
      <c r="C55" s="13">
        <v>0</v>
      </c>
      <c r="D55" s="12">
        <v>2</v>
      </c>
    </row>
    <row r="56" spans="1:4" ht="18" customHeight="1" x14ac:dyDescent="0.2">
      <c r="A56" s="8">
        <v>42</v>
      </c>
      <c r="B56" s="35">
        <v>1</v>
      </c>
      <c r="C56" s="13">
        <v>0</v>
      </c>
      <c r="D56" s="12">
        <v>1</v>
      </c>
    </row>
    <row r="57" spans="1:4" ht="18" customHeight="1" x14ac:dyDescent="0.2">
      <c r="A57" s="8">
        <v>43</v>
      </c>
      <c r="B57" s="35">
        <v>3</v>
      </c>
      <c r="C57" s="13">
        <v>2</v>
      </c>
      <c r="D57" s="12">
        <v>5</v>
      </c>
    </row>
    <row r="58" spans="1:4" ht="18" customHeight="1" x14ac:dyDescent="0.2">
      <c r="A58" s="8">
        <v>44</v>
      </c>
      <c r="B58" s="35">
        <v>2</v>
      </c>
      <c r="C58" s="13">
        <v>0</v>
      </c>
      <c r="D58" s="12">
        <v>2</v>
      </c>
    </row>
    <row r="59" spans="1:4" ht="18" customHeight="1" x14ac:dyDescent="0.2">
      <c r="A59" s="8" t="s">
        <v>16</v>
      </c>
      <c r="B59" s="35">
        <v>8</v>
      </c>
      <c r="C59" s="13">
        <v>3</v>
      </c>
      <c r="D59" s="12">
        <v>11</v>
      </c>
    </row>
    <row r="60" spans="1:4" ht="18" customHeight="1" x14ac:dyDescent="0.2">
      <c r="A60" s="8">
        <v>45</v>
      </c>
      <c r="B60" s="35">
        <v>0</v>
      </c>
      <c r="C60" s="13">
        <v>1</v>
      </c>
      <c r="D60" s="12">
        <v>1</v>
      </c>
    </row>
    <row r="61" spans="1:4" ht="18" customHeight="1" x14ac:dyDescent="0.2">
      <c r="A61" s="8">
        <v>46</v>
      </c>
      <c r="B61" s="35">
        <v>1</v>
      </c>
      <c r="C61" s="13">
        <v>2</v>
      </c>
      <c r="D61" s="12">
        <v>3</v>
      </c>
    </row>
    <row r="62" spans="1:4" ht="18" customHeight="1" x14ac:dyDescent="0.2">
      <c r="A62" s="8">
        <v>47</v>
      </c>
      <c r="B62" s="35">
        <v>1</v>
      </c>
      <c r="C62" s="13">
        <v>2</v>
      </c>
      <c r="D62" s="12">
        <v>3</v>
      </c>
    </row>
    <row r="63" spans="1:4" ht="18" customHeight="1" x14ac:dyDescent="0.2">
      <c r="A63" s="8">
        <v>48</v>
      </c>
      <c r="B63" s="35">
        <v>1</v>
      </c>
      <c r="C63" s="13">
        <v>0</v>
      </c>
      <c r="D63" s="12">
        <v>1</v>
      </c>
    </row>
    <row r="64" spans="1:4" ht="18" customHeight="1" x14ac:dyDescent="0.2">
      <c r="A64" s="8">
        <v>49</v>
      </c>
      <c r="B64" s="35">
        <v>2</v>
      </c>
      <c r="C64" s="13">
        <v>1</v>
      </c>
      <c r="D64" s="12">
        <v>3</v>
      </c>
    </row>
    <row r="65" spans="1:4" ht="18" customHeight="1" x14ac:dyDescent="0.2">
      <c r="A65" s="8" t="s">
        <v>15</v>
      </c>
      <c r="B65" s="35">
        <v>5</v>
      </c>
      <c r="C65" s="13">
        <v>6</v>
      </c>
      <c r="D65" s="12">
        <v>11</v>
      </c>
    </row>
    <row r="66" spans="1:4" ht="18" customHeight="1" x14ac:dyDescent="0.2">
      <c r="A66" s="8">
        <v>50</v>
      </c>
      <c r="B66" s="35">
        <v>1</v>
      </c>
      <c r="C66" s="13">
        <v>2</v>
      </c>
      <c r="D66" s="12">
        <v>3</v>
      </c>
    </row>
    <row r="67" spans="1:4" ht="18" customHeight="1" x14ac:dyDescent="0.2">
      <c r="A67" s="8">
        <v>51</v>
      </c>
      <c r="B67" s="35">
        <v>0</v>
      </c>
      <c r="C67" s="13">
        <v>1</v>
      </c>
      <c r="D67" s="12">
        <v>1</v>
      </c>
    </row>
    <row r="68" spans="1:4" ht="18" customHeight="1" x14ac:dyDescent="0.2">
      <c r="A68" s="8">
        <v>52</v>
      </c>
      <c r="B68" s="35">
        <v>2</v>
      </c>
      <c r="C68" s="13">
        <v>2</v>
      </c>
      <c r="D68" s="12">
        <v>4</v>
      </c>
    </row>
    <row r="69" spans="1:4" ht="18" customHeight="1" x14ac:dyDescent="0.2">
      <c r="A69" s="8">
        <v>53</v>
      </c>
      <c r="B69" s="35">
        <v>2</v>
      </c>
      <c r="C69" s="13">
        <v>0</v>
      </c>
      <c r="D69" s="12">
        <v>2</v>
      </c>
    </row>
    <row r="70" spans="1:4" ht="18" customHeight="1" x14ac:dyDescent="0.2">
      <c r="A70" s="8">
        <v>54</v>
      </c>
      <c r="B70" s="35">
        <v>0</v>
      </c>
      <c r="C70" s="13">
        <v>1</v>
      </c>
      <c r="D70" s="12">
        <v>1</v>
      </c>
    </row>
    <row r="71" spans="1:4" ht="18" customHeight="1" x14ac:dyDescent="0.2">
      <c r="A71" s="8" t="s">
        <v>14</v>
      </c>
      <c r="B71" s="35">
        <v>5</v>
      </c>
      <c r="C71" s="13">
        <v>6</v>
      </c>
      <c r="D71" s="12">
        <v>11</v>
      </c>
    </row>
    <row r="72" spans="1:4" ht="18" customHeight="1" x14ac:dyDescent="0.2">
      <c r="A72" s="8">
        <v>55</v>
      </c>
      <c r="B72" s="35">
        <v>0</v>
      </c>
      <c r="C72" s="13">
        <v>3</v>
      </c>
      <c r="D72" s="12">
        <v>3</v>
      </c>
    </row>
    <row r="73" spans="1:4" ht="18" customHeight="1" x14ac:dyDescent="0.2">
      <c r="A73" s="8">
        <v>56</v>
      </c>
      <c r="B73" s="35">
        <v>0</v>
      </c>
      <c r="C73" s="13">
        <v>0</v>
      </c>
      <c r="D73" s="12">
        <v>0</v>
      </c>
    </row>
    <row r="74" spans="1:4" ht="18" customHeight="1" x14ac:dyDescent="0.2">
      <c r="A74" s="8">
        <v>57</v>
      </c>
      <c r="B74" s="35">
        <v>0</v>
      </c>
      <c r="C74" s="13">
        <v>1</v>
      </c>
      <c r="D74" s="12">
        <v>1</v>
      </c>
    </row>
    <row r="75" spans="1:4" ht="18" customHeight="1" x14ac:dyDescent="0.2">
      <c r="A75" s="8">
        <v>58</v>
      </c>
      <c r="B75" s="35">
        <v>1</v>
      </c>
      <c r="C75" s="13">
        <v>1</v>
      </c>
      <c r="D75" s="12">
        <v>2</v>
      </c>
    </row>
    <row r="76" spans="1:4" ht="18" customHeight="1" x14ac:dyDescent="0.2">
      <c r="A76" s="8">
        <v>59</v>
      </c>
      <c r="B76" s="35">
        <v>2</v>
      </c>
      <c r="C76" s="13">
        <v>1</v>
      </c>
      <c r="D76" s="12">
        <v>3</v>
      </c>
    </row>
    <row r="77" spans="1:4" ht="18" customHeight="1" x14ac:dyDescent="0.2">
      <c r="A77" s="8" t="s">
        <v>13</v>
      </c>
      <c r="B77" s="35">
        <v>3</v>
      </c>
      <c r="C77" s="13">
        <v>6</v>
      </c>
      <c r="D77" s="12">
        <v>9</v>
      </c>
    </row>
    <row r="78" spans="1:4" ht="18" customHeight="1" x14ac:dyDescent="0.2">
      <c r="A78" s="8">
        <v>60</v>
      </c>
      <c r="B78" s="35">
        <v>1</v>
      </c>
      <c r="C78" s="13">
        <v>2</v>
      </c>
      <c r="D78" s="12">
        <v>3</v>
      </c>
    </row>
    <row r="79" spans="1:4" ht="18" customHeight="1" x14ac:dyDescent="0.2">
      <c r="A79" s="8">
        <v>61</v>
      </c>
      <c r="B79" s="35">
        <v>4</v>
      </c>
      <c r="C79" s="13">
        <v>4</v>
      </c>
      <c r="D79" s="12">
        <v>8</v>
      </c>
    </row>
    <row r="80" spans="1:4" ht="18" customHeight="1" x14ac:dyDescent="0.2">
      <c r="A80" s="8">
        <v>62</v>
      </c>
      <c r="B80" s="35">
        <v>2</v>
      </c>
      <c r="C80" s="13">
        <v>1</v>
      </c>
      <c r="D80" s="12">
        <v>3</v>
      </c>
    </row>
    <row r="81" spans="1:4" ht="18" customHeight="1" x14ac:dyDescent="0.2">
      <c r="A81" s="8">
        <v>63</v>
      </c>
      <c r="B81" s="35">
        <v>4</v>
      </c>
      <c r="C81" s="13">
        <v>3</v>
      </c>
      <c r="D81" s="12">
        <v>7</v>
      </c>
    </row>
    <row r="82" spans="1:4" ht="18" customHeight="1" x14ac:dyDescent="0.2">
      <c r="A82" s="8">
        <v>64</v>
      </c>
      <c r="B82" s="35">
        <v>4</v>
      </c>
      <c r="C82" s="13">
        <v>4</v>
      </c>
      <c r="D82" s="12">
        <v>8</v>
      </c>
    </row>
    <row r="83" spans="1:4" ht="18" customHeight="1" x14ac:dyDescent="0.2">
      <c r="A83" s="8" t="s">
        <v>12</v>
      </c>
      <c r="B83" s="35">
        <v>15</v>
      </c>
      <c r="C83" s="13">
        <v>14</v>
      </c>
      <c r="D83" s="12">
        <v>29</v>
      </c>
    </row>
    <row r="84" spans="1:4" ht="18" customHeight="1" x14ac:dyDescent="0.2">
      <c r="A84" s="8" t="s">
        <v>11</v>
      </c>
      <c r="B84" s="35">
        <v>63</v>
      </c>
      <c r="C84" s="13">
        <v>59</v>
      </c>
      <c r="D84" s="12">
        <v>122</v>
      </c>
    </row>
    <row r="85" spans="1:4" ht="18" customHeight="1" x14ac:dyDescent="0.2">
      <c r="A85" s="8">
        <v>65</v>
      </c>
      <c r="B85" s="35">
        <v>0</v>
      </c>
      <c r="C85" s="13">
        <v>0</v>
      </c>
      <c r="D85" s="12">
        <v>0</v>
      </c>
    </row>
    <row r="86" spans="1:4" ht="18" customHeight="1" x14ac:dyDescent="0.2">
      <c r="A86" s="8">
        <v>66</v>
      </c>
      <c r="B86" s="35">
        <v>5</v>
      </c>
      <c r="C86" s="13">
        <v>0</v>
      </c>
      <c r="D86" s="12">
        <v>5</v>
      </c>
    </row>
    <row r="87" spans="1:4" ht="18" customHeight="1" x14ac:dyDescent="0.2">
      <c r="A87" s="8">
        <v>67</v>
      </c>
      <c r="B87" s="35">
        <v>0</v>
      </c>
      <c r="C87" s="13">
        <v>1</v>
      </c>
      <c r="D87" s="12">
        <v>1</v>
      </c>
    </row>
    <row r="88" spans="1:4" ht="18" customHeight="1" x14ac:dyDescent="0.2">
      <c r="A88" s="8">
        <v>68</v>
      </c>
      <c r="B88" s="35">
        <v>0</v>
      </c>
      <c r="C88" s="13">
        <v>5</v>
      </c>
      <c r="D88" s="12">
        <v>5</v>
      </c>
    </row>
    <row r="89" spans="1:4" ht="18" customHeight="1" x14ac:dyDescent="0.2">
      <c r="A89" s="8">
        <v>69</v>
      </c>
      <c r="B89" s="35">
        <v>3</v>
      </c>
      <c r="C89" s="13">
        <v>3</v>
      </c>
      <c r="D89" s="12">
        <v>6</v>
      </c>
    </row>
    <row r="90" spans="1:4" ht="18" customHeight="1" x14ac:dyDescent="0.2">
      <c r="A90" s="8" t="s">
        <v>10</v>
      </c>
      <c r="B90" s="35">
        <v>8</v>
      </c>
      <c r="C90" s="13">
        <v>9</v>
      </c>
      <c r="D90" s="12">
        <v>17</v>
      </c>
    </row>
    <row r="91" spans="1:4" ht="18" customHeight="1" x14ac:dyDescent="0.2">
      <c r="A91" s="8">
        <v>70</v>
      </c>
      <c r="B91" s="35">
        <v>4</v>
      </c>
      <c r="C91" s="13">
        <v>1</v>
      </c>
      <c r="D91" s="12">
        <v>5</v>
      </c>
    </row>
    <row r="92" spans="1:4" ht="18" customHeight="1" x14ac:dyDescent="0.2">
      <c r="A92" s="8">
        <v>71</v>
      </c>
      <c r="B92" s="35">
        <v>1</v>
      </c>
      <c r="C92" s="13">
        <v>1</v>
      </c>
      <c r="D92" s="12">
        <v>2</v>
      </c>
    </row>
    <row r="93" spans="1:4" ht="18" customHeight="1" x14ac:dyDescent="0.2">
      <c r="A93" s="8">
        <v>72</v>
      </c>
      <c r="B93" s="35">
        <v>2</v>
      </c>
      <c r="C93" s="13">
        <v>2</v>
      </c>
      <c r="D93" s="12">
        <v>4</v>
      </c>
    </row>
    <row r="94" spans="1:4" ht="18" customHeight="1" x14ac:dyDescent="0.2">
      <c r="A94" s="8">
        <v>73</v>
      </c>
      <c r="B94" s="35">
        <v>4</v>
      </c>
      <c r="C94" s="13">
        <v>3</v>
      </c>
      <c r="D94" s="12">
        <v>7</v>
      </c>
    </row>
    <row r="95" spans="1:4" ht="18" customHeight="1" x14ac:dyDescent="0.2">
      <c r="A95" s="8">
        <v>74</v>
      </c>
      <c r="B95" s="35">
        <v>4</v>
      </c>
      <c r="C95" s="13">
        <v>0</v>
      </c>
      <c r="D95" s="12">
        <v>4</v>
      </c>
    </row>
    <row r="96" spans="1:4" ht="18" customHeight="1" x14ac:dyDescent="0.2">
      <c r="A96" s="8" t="s">
        <v>9</v>
      </c>
      <c r="B96" s="35">
        <v>15</v>
      </c>
      <c r="C96" s="13">
        <v>7</v>
      </c>
      <c r="D96" s="12">
        <v>22</v>
      </c>
    </row>
    <row r="97" spans="1:4" ht="18" customHeight="1" x14ac:dyDescent="0.2">
      <c r="A97" s="8">
        <v>75</v>
      </c>
      <c r="B97" s="35">
        <v>4</v>
      </c>
      <c r="C97" s="13">
        <v>1</v>
      </c>
      <c r="D97" s="12">
        <v>5</v>
      </c>
    </row>
    <row r="98" spans="1:4" ht="18" customHeight="1" x14ac:dyDescent="0.2">
      <c r="A98" s="8">
        <v>76</v>
      </c>
      <c r="B98" s="35">
        <v>3</v>
      </c>
      <c r="C98" s="13">
        <v>3</v>
      </c>
      <c r="D98" s="12">
        <v>6</v>
      </c>
    </row>
    <row r="99" spans="1:4" ht="18" customHeight="1" x14ac:dyDescent="0.2">
      <c r="A99" s="8">
        <v>77</v>
      </c>
      <c r="B99" s="35">
        <v>1</v>
      </c>
      <c r="C99" s="13">
        <v>0</v>
      </c>
      <c r="D99" s="12">
        <v>1</v>
      </c>
    </row>
    <row r="100" spans="1:4" ht="18" customHeight="1" x14ac:dyDescent="0.2">
      <c r="A100" s="8">
        <v>78</v>
      </c>
      <c r="B100" s="35">
        <v>1</v>
      </c>
      <c r="C100" s="13">
        <v>1</v>
      </c>
      <c r="D100" s="12">
        <v>2</v>
      </c>
    </row>
    <row r="101" spans="1:4" ht="18" customHeight="1" x14ac:dyDescent="0.2">
      <c r="A101" s="8">
        <v>79</v>
      </c>
      <c r="B101" s="35">
        <v>0</v>
      </c>
      <c r="C101" s="13">
        <v>2</v>
      </c>
      <c r="D101" s="12">
        <v>2</v>
      </c>
    </row>
    <row r="102" spans="1:4" ht="18" customHeight="1" x14ac:dyDescent="0.2">
      <c r="A102" s="8" t="s">
        <v>8</v>
      </c>
      <c r="B102" s="35">
        <v>9</v>
      </c>
      <c r="C102" s="13">
        <v>7</v>
      </c>
      <c r="D102" s="12">
        <v>16</v>
      </c>
    </row>
    <row r="103" spans="1:4" ht="18" customHeight="1" x14ac:dyDescent="0.2">
      <c r="A103" s="8">
        <v>80</v>
      </c>
      <c r="B103" s="35">
        <v>2</v>
      </c>
      <c r="C103" s="13">
        <v>5</v>
      </c>
      <c r="D103" s="12">
        <v>7</v>
      </c>
    </row>
    <row r="104" spans="1:4" ht="18" customHeight="1" x14ac:dyDescent="0.2">
      <c r="A104" s="8">
        <v>81</v>
      </c>
      <c r="B104" s="35">
        <v>2</v>
      </c>
      <c r="C104" s="13">
        <v>1</v>
      </c>
      <c r="D104" s="12">
        <v>3</v>
      </c>
    </row>
    <row r="105" spans="1:4" ht="18" customHeight="1" x14ac:dyDescent="0.2">
      <c r="A105" s="8">
        <v>82</v>
      </c>
      <c r="B105" s="35">
        <v>1</v>
      </c>
      <c r="C105" s="13">
        <v>1</v>
      </c>
      <c r="D105" s="12">
        <v>2</v>
      </c>
    </row>
    <row r="106" spans="1:4" ht="18" customHeight="1" x14ac:dyDescent="0.2">
      <c r="A106" s="8">
        <v>83</v>
      </c>
      <c r="B106" s="35">
        <v>0</v>
      </c>
      <c r="C106" s="13">
        <v>1</v>
      </c>
      <c r="D106" s="12">
        <v>1</v>
      </c>
    </row>
    <row r="107" spans="1:4" ht="18" customHeight="1" x14ac:dyDescent="0.2">
      <c r="A107" s="8">
        <v>84</v>
      </c>
      <c r="B107" s="35">
        <v>2</v>
      </c>
      <c r="C107" s="13">
        <v>3</v>
      </c>
      <c r="D107" s="12">
        <v>5</v>
      </c>
    </row>
    <row r="108" spans="1:4" ht="18" customHeight="1" x14ac:dyDescent="0.2">
      <c r="A108" s="8" t="s">
        <v>7</v>
      </c>
      <c r="B108" s="35">
        <v>7</v>
      </c>
      <c r="C108" s="13">
        <v>11</v>
      </c>
      <c r="D108" s="12">
        <v>18</v>
      </c>
    </row>
    <row r="109" spans="1:4" ht="18" customHeight="1" x14ac:dyDescent="0.2">
      <c r="A109" s="8">
        <v>85</v>
      </c>
      <c r="B109" s="35">
        <v>0</v>
      </c>
      <c r="C109" s="13">
        <v>4</v>
      </c>
      <c r="D109" s="12">
        <v>4</v>
      </c>
    </row>
    <row r="110" spans="1:4" ht="18" customHeight="1" x14ac:dyDescent="0.2">
      <c r="A110" s="8">
        <v>86</v>
      </c>
      <c r="B110" s="35">
        <v>1</v>
      </c>
      <c r="C110" s="13">
        <v>1</v>
      </c>
      <c r="D110" s="12">
        <v>2</v>
      </c>
    </row>
    <row r="111" spans="1:4" ht="18" customHeight="1" x14ac:dyDescent="0.2">
      <c r="A111" s="8">
        <v>87</v>
      </c>
      <c r="B111" s="35">
        <v>1</v>
      </c>
      <c r="C111" s="13">
        <v>3</v>
      </c>
      <c r="D111" s="12">
        <v>4</v>
      </c>
    </row>
    <row r="112" spans="1:4" ht="18" customHeight="1" x14ac:dyDescent="0.2">
      <c r="A112" s="8">
        <v>88</v>
      </c>
      <c r="B112" s="35">
        <v>0</v>
      </c>
      <c r="C112" s="13">
        <v>1</v>
      </c>
      <c r="D112" s="12">
        <v>1</v>
      </c>
    </row>
    <row r="113" spans="1:4" ht="18" customHeight="1" x14ac:dyDescent="0.2">
      <c r="A113" s="8">
        <v>89</v>
      </c>
      <c r="B113" s="35">
        <v>0</v>
      </c>
      <c r="C113" s="13">
        <v>1</v>
      </c>
      <c r="D113" s="12">
        <v>1</v>
      </c>
    </row>
    <row r="114" spans="1:4" ht="18" customHeight="1" x14ac:dyDescent="0.2">
      <c r="A114" s="8" t="s">
        <v>6</v>
      </c>
      <c r="B114" s="35">
        <v>2</v>
      </c>
      <c r="C114" s="13">
        <v>10</v>
      </c>
      <c r="D114" s="12">
        <v>12</v>
      </c>
    </row>
    <row r="115" spans="1:4" ht="18" customHeight="1" x14ac:dyDescent="0.2">
      <c r="A115" s="8">
        <v>90</v>
      </c>
      <c r="B115" s="35">
        <v>0</v>
      </c>
      <c r="C115" s="13">
        <v>0</v>
      </c>
      <c r="D115" s="12">
        <v>0</v>
      </c>
    </row>
    <row r="116" spans="1:4" ht="18" customHeight="1" x14ac:dyDescent="0.2">
      <c r="A116" s="8">
        <v>91</v>
      </c>
      <c r="B116" s="35">
        <v>0</v>
      </c>
      <c r="C116" s="13">
        <v>0</v>
      </c>
      <c r="D116" s="12">
        <v>0</v>
      </c>
    </row>
    <row r="117" spans="1:4" ht="18" customHeight="1" x14ac:dyDescent="0.2">
      <c r="A117" s="8">
        <v>92</v>
      </c>
      <c r="B117" s="35">
        <v>2</v>
      </c>
      <c r="C117" s="13">
        <v>3</v>
      </c>
      <c r="D117" s="12">
        <v>5</v>
      </c>
    </row>
    <row r="118" spans="1:4" ht="18" customHeight="1" x14ac:dyDescent="0.2">
      <c r="A118" s="8">
        <v>93</v>
      </c>
      <c r="B118" s="35">
        <v>1</v>
      </c>
      <c r="C118" s="13">
        <v>4</v>
      </c>
      <c r="D118" s="12">
        <v>5</v>
      </c>
    </row>
    <row r="119" spans="1:4" ht="18" customHeight="1" x14ac:dyDescent="0.2">
      <c r="A119" s="8">
        <v>94</v>
      </c>
      <c r="B119" s="35">
        <v>1</v>
      </c>
      <c r="C119" s="13">
        <v>4</v>
      </c>
      <c r="D119" s="12">
        <v>5</v>
      </c>
    </row>
    <row r="120" spans="1:4" ht="18" customHeight="1" x14ac:dyDescent="0.2">
      <c r="A120" s="8" t="s">
        <v>5</v>
      </c>
      <c r="B120" s="35">
        <v>4</v>
      </c>
      <c r="C120" s="13">
        <v>11</v>
      </c>
      <c r="D120" s="12">
        <v>15</v>
      </c>
    </row>
    <row r="121" spans="1:4" ht="18" customHeight="1" x14ac:dyDescent="0.2">
      <c r="A121" s="8">
        <v>95</v>
      </c>
      <c r="B121" s="35">
        <v>0</v>
      </c>
      <c r="C121" s="13">
        <v>1</v>
      </c>
      <c r="D121" s="12">
        <v>1</v>
      </c>
    </row>
    <row r="122" spans="1:4" ht="18" customHeight="1" x14ac:dyDescent="0.2">
      <c r="A122" s="8">
        <v>96</v>
      </c>
      <c r="B122" s="35">
        <v>0</v>
      </c>
      <c r="C122" s="13">
        <v>0</v>
      </c>
      <c r="D122" s="12">
        <v>0</v>
      </c>
    </row>
    <row r="123" spans="1:4" ht="18" customHeight="1" x14ac:dyDescent="0.2">
      <c r="A123" s="8">
        <v>97</v>
      </c>
      <c r="B123" s="35">
        <v>0</v>
      </c>
      <c r="C123" s="13">
        <v>0</v>
      </c>
      <c r="D123" s="12">
        <v>0</v>
      </c>
    </row>
    <row r="124" spans="1:4" ht="18" customHeight="1" x14ac:dyDescent="0.2">
      <c r="A124" s="8">
        <v>98</v>
      </c>
      <c r="B124" s="35">
        <v>1</v>
      </c>
      <c r="C124" s="13">
        <v>1</v>
      </c>
      <c r="D124" s="12">
        <v>2</v>
      </c>
    </row>
    <row r="125" spans="1:4" ht="18" customHeight="1" x14ac:dyDescent="0.2">
      <c r="A125" s="8">
        <v>99</v>
      </c>
      <c r="B125" s="35">
        <v>0</v>
      </c>
      <c r="C125" s="13">
        <v>0</v>
      </c>
      <c r="D125" s="12">
        <v>0</v>
      </c>
    </row>
    <row r="126" spans="1:4" ht="18" customHeight="1" x14ac:dyDescent="0.2">
      <c r="A126" s="8" t="s">
        <v>4</v>
      </c>
      <c r="B126" s="35">
        <v>1</v>
      </c>
      <c r="C126" s="13">
        <v>2</v>
      </c>
      <c r="D126" s="12">
        <v>3</v>
      </c>
    </row>
    <row r="127" spans="1:4" ht="18" customHeight="1" x14ac:dyDescent="0.2">
      <c r="A127" s="8">
        <v>100</v>
      </c>
      <c r="B127" s="35">
        <v>0</v>
      </c>
      <c r="C127" s="13">
        <v>0</v>
      </c>
      <c r="D127" s="12">
        <v>0</v>
      </c>
    </row>
    <row r="128" spans="1:4" ht="18" customHeight="1" x14ac:dyDescent="0.2">
      <c r="A128" s="15" t="s">
        <v>3</v>
      </c>
      <c r="B128" s="35">
        <v>0</v>
      </c>
      <c r="C128" s="13">
        <v>0</v>
      </c>
      <c r="D128" s="12">
        <v>0</v>
      </c>
    </row>
    <row r="129" spans="1:4" ht="18" customHeight="1" x14ac:dyDescent="0.2">
      <c r="A129" s="8" t="s">
        <v>2</v>
      </c>
      <c r="B129" s="35">
        <v>0</v>
      </c>
      <c r="C129" s="13">
        <v>0</v>
      </c>
      <c r="D129" s="12">
        <v>0</v>
      </c>
    </row>
    <row r="130" spans="1:4" ht="18" customHeight="1" x14ac:dyDescent="0.2">
      <c r="A130" s="8" t="s">
        <v>1</v>
      </c>
      <c r="B130" s="28">
        <v>46</v>
      </c>
      <c r="C130" s="6">
        <v>57</v>
      </c>
      <c r="D130" s="5">
        <v>103</v>
      </c>
    </row>
    <row r="131" spans="1:4" ht="18" customHeight="1" x14ac:dyDescent="0.2">
      <c r="A131" s="4" t="s">
        <v>0</v>
      </c>
      <c r="B131" s="27">
        <v>123</v>
      </c>
      <c r="C131" s="2">
        <v>125</v>
      </c>
      <c r="D131" s="1">
        <v>248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320892C-DD01-48B7-B0B8-FA2FE2329C13}">
  <sheetPr codeName="Sheet6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84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6</v>
      </c>
      <c r="C5" s="45">
        <v>2</v>
      </c>
      <c r="D5" s="44">
        <v>8</v>
      </c>
    </row>
    <row r="6" spans="1:4" ht="18" customHeight="1" x14ac:dyDescent="0.2">
      <c r="A6" s="8">
        <v>1</v>
      </c>
      <c r="B6" s="40">
        <v>4</v>
      </c>
      <c r="C6" s="13">
        <v>4</v>
      </c>
      <c r="D6" s="12">
        <v>8</v>
      </c>
    </row>
    <row r="7" spans="1:4" ht="18" customHeight="1" x14ac:dyDescent="0.2">
      <c r="A7" s="8">
        <v>2</v>
      </c>
      <c r="B7" s="40">
        <v>0</v>
      </c>
      <c r="C7" s="13">
        <v>1</v>
      </c>
      <c r="D7" s="12">
        <v>1</v>
      </c>
    </row>
    <row r="8" spans="1:4" ht="18" customHeight="1" x14ac:dyDescent="0.2">
      <c r="A8" s="8">
        <v>3</v>
      </c>
      <c r="B8" s="40">
        <v>4</v>
      </c>
      <c r="C8" s="13">
        <v>4</v>
      </c>
      <c r="D8" s="12">
        <v>8</v>
      </c>
    </row>
    <row r="9" spans="1:4" ht="18" customHeight="1" x14ac:dyDescent="0.2">
      <c r="A9" s="8">
        <v>4</v>
      </c>
      <c r="B9" s="43">
        <v>3</v>
      </c>
      <c r="C9" s="42">
        <v>6</v>
      </c>
      <c r="D9" s="41">
        <v>9</v>
      </c>
    </row>
    <row r="10" spans="1:4" ht="18" customHeight="1" x14ac:dyDescent="0.2">
      <c r="A10" s="8" t="s">
        <v>25</v>
      </c>
      <c r="B10" s="35">
        <v>17</v>
      </c>
      <c r="C10" s="13">
        <v>17</v>
      </c>
      <c r="D10" s="12">
        <v>34</v>
      </c>
    </row>
    <row r="11" spans="1:4" ht="18" customHeight="1" x14ac:dyDescent="0.2">
      <c r="A11" s="8">
        <v>5</v>
      </c>
      <c r="B11" s="40">
        <v>3</v>
      </c>
      <c r="C11" s="13">
        <v>1</v>
      </c>
      <c r="D11" s="12">
        <v>4</v>
      </c>
    </row>
    <row r="12" spans="1:4" ht="18" customHeight="1" x14ac:dyDescent="0.2">
      <c r="A12" s="8">
        <v>6</v>
      </c>
      <c r="B12" s="40">
        <v>6</v>
      </c>
      <c r="C12" s="13">
        <v>5</v>
      </c>
      <c r="D12" s="12">
        <v>11</v>
      </c>
    </row>
    <row r="13" spans="1:4" ht="18" customHeight="1" x14ac:dyDescent="0.2">
      <c r="A13" s="8">
        <v>7</v>
      </c>
      <c r="B13" s="40">
        <v>7</v>
      </c>
      <c r="C13" s="13">
        <v>3</v>
      </c>
      <c r="D13" s="12">
        <v>10</v>
      </c>
    </row>
    <row r="14" spans="1:4" ht="18" customHeight="1" x14ac:dyDescent="0.2">
      <c r="A14" s="8">
        <v>8</v>
      </c>
      <c r="B14" s="40">
        <v>6</v>
      </c>
      <c r="C14" s="13">
        <v>3</v>
      </c>
      <c r="D14" s="12">
        <v>9</v>
      </c>
    </row>
    <row r="15" spans="1:4" ht="18" customHeight="1" x14ac:dyDescent="0.2">
      <c r="A15" s="8">
        <v>9</v>
      </c>
      <c r="B15" s="40">
        <v>3</v>
      </c>
      <c r="C15" s="13">
        <v>4</v>
      </c>
      <c r="D15" s="12">
        <v>7</v>
      </c>
    </row>
    <row r="16" spans="1:4" ht="18" customHeight="1" x14ac:dyDescent="0.2">
      <c r="A16" s="8" t="s">
        <v>24</v>
      </c>
      <c r="B16" s="35">
        <v>25</v>
      </c>
      <c r="C16" s="13">
        <v>16</v>
      </c>
      <c r="D16" s="12">
        <v>41</v>
      </c>
    </row>
    <row r="17" spans="1:4" ht="18" customHeight="1" x14ac:dyDescent="0.2">
      <c r="A17" s="8">
        <v>10</v>
      </c>
      <c r="B17" s="35">
        <v>0</v>
      </c>
      <c r="C17" s="13">
        <v>5</v>
      </c>
      <c r="D17" s="12">
        <v>5</v>
      </c>
    </row>
    <row r="18" spans="1:4" ht="18" customHeight="1" x14ac:dyDescent="0.2">
      <c r="A18" s="8">
        <v>11</v>
      </c>
      <c r="B18" s="35">
        <v>6</v>
      </c>
      <c r="C18" s="13">
        <v>5</v>
      </c>
      <c r="D18" s="12">
        <v>11</v>
      </c>
    </row>
    <row r="19" spans="1:4" ht="18" customHeight="1" x14ac:dyDescent="0.2">
      <c r="A19" s="8">
        <v>12</v>
      </c>
      <c r="B19" s="35">
        <v>6</v>
      </c>
      <c r="C19" s="13">
        <v>3</v>
      </c>
      <c r="D19" s="12">
        <v>9</v>
      </c>
    </row>
    <row r="20" spans="1:4" ht="18" customHeight="1" x14ac:dyDescent="0.2">
      <c r="A20" s="8">
        <v>13</v>
      </c>
      <c r="B20" s="35">
        <v>5</v>
      </c>
      <c r="C20" s="13">
        <v>5</v>
      </c>
      <c r="D20" s="12">
        <v>10</v>
      </c>
    </row>
    <row r="21" spans="1:4" ht="18" customHeight="1" x14ac:dyDescent="0.2">
      <c r="A21" s="8">
        <v>14</v>
      </c>
      <c r="B21" s="35">
        <v>6</v>
      </c>
      <c r="C21" s="13">
        <v>5</v>
      </c>
      <c r="D21" s="12">
        <v>11</v>
      </c>
    </row>
    <row r="22" spans="1:4" ht="18" customHeight="1" x14ac:dyDescent="0.2">
      <c r="A22" s="8" t="s">
        <v>23</v>
      </c>
      <c r="B22" s="35">
        <v>23</v>
      </c>
      <c r="C22" s="13">
        <v>23</v>
      </c>
      <c r="D22" s="12">
        <v>46</v>
      </c>
    </row>
    <row r="23" spans="1:4" ht="18" customHeight="1" x14ac:dyDescent="0.2">
      <c r="A23" s="8" t="s">
        <v>22</v>
      </c>
      <c r="B23" s="35">
        <v>65</v>
      </c>
      <c r="C23" s="13">
        <v>56</v>
      </c>
      <c r="D23" s="12">
        <v>121</v>
      </c>
    </row>
    <row r="24" spans="1:4" ht="18" customHeight="1" x14ac:dyDescent="0.2">
      <c r="A24" s="8">
        <v>15</v>
      </c>
      <c r="B24" s="35">
        <v>7</v>
      </c>
      <c r="C24" s="13">
        <v>8</v>
      </c>
      <c r="D24" s="12">
        <v>15</v>
      </c>
    </row>
    <row r="25" spans="1:4" ht="18" customHeight="1" x14ac:dyDescent="0.2">
      <c r="A25" s="8">
        <v>16</v>
      </c>
      <c r="B25" s="35">
        <v>7</v>
      </c>
      <c r="C25" s="13">
        <v>6</v>
      </c>
      <c r="D25" s="12">
        <v>13</v>
      </c>
    </row>
    <row r="26" spans="1:4" ht="18" customHeight="1" x14ac:dyDescent="0.2">
      <c r="A26" s="8">
        <v>17</v>
      </c>
      <c r="B26" s="35">
        <v>4</v>
      </c>
      <c r="C26" s="13">
        <v>8</v>
      </c>
      <c r="D26" s="12">
        <v>12</v>
      </c>
    </row>
    <row r="27" spans="1:4" ht="18" customHeight="1" x14ac:dyDescent="0.2">
      <c r="A27" s="8">
        <v>18</v>
      </c>
      <c r="B27" s="35">
        <v>7</v>
      </c>
      <c r="C27" s="13">
        <v>3</v>
      </c>
      <c r="D27" s="12">
        <v>10</v>
      </c>
    </row>
    <row r="28" spans="1:4" ht="18" customHeight="1" x14ac:dyDescent="0.2">
      <c r="A28" s="8">
        <v>19</v>
      </c>
      <c r="B28" s="35">
        <v>13</v>
      </c>
      <c r="C28" s="13">
        <v>9</v>
      </c>
      <c r="D28" s="12">
        <v>22</v>
      </c>
    </row>
    <row r="29" spans="1:4" ht="18" customHeight="1" x14ac:dyDescent="0.2">
      <c r="A29" s="8" t="s">
        <v>21</v>
      </c>
      <c r="B29" s="35">
        <v>38</v>
      </c>
      <c r="C29" s="13">
        <v>34</v>
      </c>
      <c r="D29" s="12">
        <v>72</v>
      </c>
    </row>
    <row r="30" spans="1:4" ht="18" customHeight="1" x14ac:dyDescent="0.2">
      <c r="A30" s="8">
        <v>20</v>
      </c>
      <c r="B30" s="35">
        <v>6</v>
      </c>
      <c r="C30" s="13">
        <v>3</v>
      </c>
      <c r="D30" s="12">
        <v>9</v>
      </c>
    </row>
    <row r="31" spans="1:4" ht="18" customHeight="1" x14ac:dyDescent="0.2">
      <c r="A31" s="8">
        <v>21</v>
      </c>
      <c r="B31" s="35">
        <v>7</v>
      </c>
      <c r="C31" s="13">
        <v>5</v>
      </c>
      <c r="D31" s="12">
        <v>12</v>
      </c>
    </row>
    <row r="32" spans="1:4" ht="18" customHeight="1" x14ac:dyDescent="0.2">
      <c r="A32" s="8">
        <v>22</v>
      </c>
      <c r="B32" s="35">
        <v>6</v>
      </c>
      <c r="C32" s="13">
        <v>6</v>
      </c>
      <c r="D32" s="12">
        <v>12</v>
      </c>
    </row>
    <row r="33" spans="1:4" ht="18" customHeight="1" x14ac:dyDescent="0.2">
      <c r="A33" s="8">
        <v>23</v>
      </c>
      <c r="B33" s="35">
        <v>5</v>
      </c>
      <c r="C33" s="13">
        <v>7</v>
      </c>
      <c r="D33" s="12">
        <v>12</v>
      </c>
    </row>
    <row r="34" spans="1:4" ht="18" customHeight="1" x14ac:dyDescent="0.2">
      <c r="A34" s="8">
        <v>24</v>
      </c>
      <c r="B34" s="35">
        <v>5</v>
      </c>
      <c r="C34" s="13">
        <v>6</v>
      </c>
      <c r="D34" s="12">
        <v>11</v>
      </c>
    </row>
    <row r="35" spans="1:4" ht="18" customHeight="1" x14ac:dyDescent="0.2">
      <c r="A35" s="8" t="s">
        <v>20</v>
      </c>
      <c r="B35" s="35">
        <v>29</v>
      </c>
      <c r="C35" s="13">
        <v>27</v>
      </c>
      <c r="D35" s="12">
        <v>56</v>
      </c>
    </row>
    <row r="36" spans="1:4" ht="18" customHeight="1" x14ac:dyDescent="0.2">
      <c r="A36" s="8">
        <v>25</v>
      </c>
      <c r="B36" s="35">
        <v>5</v>
      </c>
      <c r="C36" s="13">
        <v>4</v>
      </c>
      <c r="D36" s="12">
        <v>9</v>
      </c>
    </row>
    <row r="37" spans="1:4" ht="18" customHeight="1" x14ac:dyDescent="0.2">
      <c r="A37" s="8">
        <v>26</v>
      </c>
      <c r="B37" s="35">
        <v>8</v>
      </c>
      <c r="C37" s="13">
        <v>2</v>
      </c>
      <c r="D37" s="12">
        <v>10</v>
      </c>
    </row>
    <row r="38" spans="1:4" ht="18" customHeight="1" x14ac:dyDescent="0.2">
      <c r="A38" s="8">
        <v>27</v>
      </c>
      <c r="B38" s="35">
        <v>5</v>
      </c>
      <c r="C38" s="13">
        <v>2</v>
      </c>
      <c r="D38" s="12">
        <v>7</v>
      </c>
    </row>
    <row r="39" spans="1:4" ht="18" customHeight="1" x14ac:dyDescent="0.2">
      <c r="A39" s="8">
        <v>28</v>
      </c>
      <c r="B39" s="35">
        <v>5</v>
      </c>
      <c r="C39" s="13">
        <v>8</v>
      </c>
      <c r="D39" s="12">
        <v>13</v>
      </c>
    </row>
    <row r="40" spans="1:4" ht="18" customHeight="1" x14ac:dyDescent="0.2">
      <c r="A40" s="8">
        <v>29</v>
      </c>
      <c r="B40" s="35">
        <v>10</v>
      </c>
      <c r="C40" s="13">
        <v>5</v>
      </c>
      <c r="D40" s="12">
        <v>15</v>
      </c>
    </row>
    <row r="41" spans="1:4" ht="18" customHeight="1" x14ac:dyDescent="0.2">
      <c r="A41" s="8" t="s">
        <v>19</v>
      </c>
      <c r="B41" s="35">
        <v>33</v>
      </c>
      <c r="C41" s="13">
        <v>21</v>
      </c>
      <c r="D41" s="12">
        <v>54</v>
      </c>
    </row>
    <row r="42" spans="1:4" ht="18" customHeight="1" x14ac:dyDescent="0.2">
      <c r="A42" s="8">
        <v>30</v>
      </c>
      <c r="B42" s="35">
        <v>9</v>
      </c>
      <c r="C42" s="13">
        <v>4</v>
      </c>
      <c r="D42" s="12">
        <v>13</v>
      </c>
    </row>
    <row r="43" spans="1:4" ht="18" customHeight="1" x14ac:dyDescent="0.2">
      <c r="A43" s="8">
        <v>31</v>
      </c>
      <c r="B43" s="35">
        <v>9</v>
      </c>
      <c r="C43" s="13">
        <v>4</v>
      </c>
      <c r="D43" s="12">
        <v>13</v>
      </c>
    </row>
    <row r="44" spans="1:4" ht="18" customHeight="1" x14ac:dyDescent="0.2">
      <c r="A44" s="8">
        <v>32</v>
      </c>
      <c r="B44" s="35">
        <v>14</v>
      </c>
      <c r="C44" s="13">
        <v>8</v>
      </c>
      <c r="D44" s="12">
        <v>22</v>
      </c>
    </row>
    <row r="45" spans="1:4" ht="18" customHeight="1" x14ac:dyDescent="0.2">
      <c r="A45" s="8">
        <v>33</v>
      </c>
      <c r="B45" s="35">
        <v>7</v>
      </c>
      <c r="C45" s="13">
        <v>11</v>
      </c>
      <c r="D45" s="12">
        <v>18</v>
      </c>
    </row>
    <row r="46" spans="1:4" ht="18" customHeight="1" x14ac:dyDescent="0.2">
      <c r="A46" s="8">
        <v>34</v>
      </c>
      <c r="B46" s="35">
        <v>11</v>
      </c>
      <c r="C46" s="13">
        <v>9</v>
      </c>
      <c r="D46" s="12">
        <v>20</v>
      </c>
    </row>
    <row r="47" spans="1:4" ht="18" customHeight="1" x14ac:dyDescent="0.2">
      <c r="A47" s="8" t="s">
        <v>18</v>
      </c>
      <c r="B47" s="35">
        <v>50</v>
      </c>
      <c r="C47" s="13">
        <v>36</v>
      </c>
      <c r="D47" s="12">
        <v>86</v>
      </c>
    </row>
    <row r="48" spans="1:4" ht="18" customHeight="1" x14ac:dyDescent="0.2">
      <c r="A48" s="8">
        <v>35</v>
      </c>
      <c r="B48" s="35">
        <v>9</v>
      </c>
      <c r="C48" s="13">
        <v>9</v>
      </c>
      <c r="D48" s="12">
        <v>18</v>
      </c>
    </row>
    <row r="49" spans="1:4" ht="18" customHeight="1" x14ac:dyDescent="0.2">
      <c r="A49" s="8">
        <v>36</v>
      </c>
      <c r="B49" s="35">
        <v>5</v>
      </c>
      <c r="C49" s="13">
        <v>10</v>
      </c>
      <c r="D49" s="12">
        <v>15</v>
      </c>
    </row>
    <row r="50" spans="1:4" ht="18" customHeight="1" x14ac:dyDescent="0.2">
      <c r="A50" s="8">
        <v>37</v>
      </c>
      <c r="B50" s="35">
        <v>14</v>
      </c>
      <c r="C50" s="13">
        <v>11</v>
      </c>
      <c r="D50" s="12">
        <v>25</v>
      </c>
    </row>
    <row r="51" spans="1:4" ht="18" customHeight="1" x14ac:dyDescent="0.2">
      <c r="A51" s="8">
        <v>38</v>
      </c>
      <c r="B51" s="35">
        <v>13</v>
      </c>
      <c r="C51" s="13">
        <v>9</v>
      </c>
      <c r="D51" s="12">
        <v>22</v>
      </c>
    </row>
    <row r="52" spans="1:4" ht="18" customHeight="1" x14ac:dyDescent="0.2">
      <c r="A52" s="8">
        <v>39</v>
      </c>
      <c r="B52" s="35">
        <v>12</v>
      </c>
      <c r="C52" s="13">
        <v>6</v>
      </c>
      <c r="D52" s="12">
        <v>18</v>
      </c>
    </row>
    <row r="53" spans="1:4" ht="18" customHeight="1" x14ac:dyDescent="0.2">
      <c r="A53" s="8" t="s">
        <v>17</v>
      </c>
      <c r="B53" s="35">
        <v>53</v>
      </c>
      <c r="C53" s="13">
        <v>45</v>
      </c>
      <c r="D53" s="12">
        <v>98</v>
      </c>
    </row>
    <row r="54" spans="1:4" ht="18" customHeight="1" x14ac:dyDescent="0.2">
      <c r="A54" s="8">
        <v>40</v>
      </c>
      <c r="B54" s="35">
        <v>18</v>
      </c>
      <c r="C54" s="13">
        <v>9</v>
      </c>
      <c r="D54" s="12">
        <v>27</v>
      </c>
    </row>
    <row r="55" spans="1:4" ht="18" customHeight="1" x14ac:dyDescent="0.2">
      <c r="A55" s="8">
        <v>41</v>
      </c>
      <c r="B55" s="35">
        <v>15</v>
      </c>
      <c r="C55" s="13">
        <v>15</v>
      </c>
      <c r="D55" s="12">
        <v>30</v>
      </c>
    </row>
    <row r="56" spans="1:4" ht="18" customHeight="1" x14ac:dyDescent="0.2">
      <c r="A56" s="8">
        <v>42</v>
      </c>
      <c r="B56" s="35">
        <v>19</v>
      </c>
      <c r="C56" s="13">
        <v>11</v>
      </c>
      <c r="D56" s="12">
        <v>30</v>
      </c>
    </row>
    <row r="57" spans="1:4" ht="18" customHeight="1" x14ac:dyDescent="0.2">
      <c r="A57" s="8">
        <v>43</v>
      </c>
      <c r="B57" s="35">
        <v>9</v>
      </c>
      <c r="C57" s="13">
        <v>11</v>
      </c>
      <c r="D57" s="12">
        <v>20</v>
      </c>
    </row>
    <row r="58" spans="1:4" ht="18" customHeight="1" x14ac:dyDescent="0.2">
      <c r="A58" s="8">
        <v>44</v>
      </c>
      <c r="B58" s="35">
        <v>12</v>
      </c>
      <c r="C58" s="13">
        <v>8</v>
      </c>
      <c r="D58" s="12">
        <v>20</v>
      </c>
    </row>
    <row r="59" spans="1:4" ht="18" customHeight="1" x14ac:dyDescent="0.2">
      <c r="A59" s="8" t="s">
        <v>16</v>
      </c>
      <c r="B59" s="35">
        <v>73</v>
      </c>
      <c r="C59" s="13">
        <v>54</v>
      </c>
      <c r="D59" s="12">
        <v>127</v>
      </c>
    </row>
    <row r="60" spans="1:4" ht="18" customHeight="1" x14ac:dyDescent="0.2">
      <c r="A60" s="8">
        <v>45</v>
      </c>
      <c r="B60" s="35">
        <v>17</v>
      </c>
      <c r="C60" s="13">
        <v>15</v>
      </c>
      <c r="D60" s="12">
        <v>32</v>
      </c>
    </row>
    <row r="61" spans="1:4" ht="18" customHeight="1" x14ac:dyDescent="0.2">
      <c r="A61" s="8">
        <v>46</v>
      </c>
      <c r="B61" s="35">
        <v>10</v>
      </c>
      <c r="C61" s="13">
        <v>8</v>
      </c>
      <c r="D61" s="12">
        <v>18</v>
      </c>
    </row>
    <row r="62" spans="1:4" ht="18" customHeight="1" x14ac:dyDescent="0.2">
      <c r="A62" s="8">
        <v>47</v>
      </c>
      <c r="B62" s="35">
        <v>22</v>
      </c>
      <c r="C62" s="13">
        <v>17</v>
      </c>
      <c r="D62" s="12">
        <v>39</v>
      </c>
    </row>
    <row r="63" spans="1:4" ht="18" customHeight="1" x14ac:dyDescent="0.2">
      <c r="A63" s="8">
        <v>48</v>
      </c>
      <c r="B63" s="35">
        <v>19</v>
      </c>
      <c r="C63" s="13">
        <v>8</v>
      </c>
      <c r="D63" s="12">
        <v>27</v>
      </c>
    </row>
    <row r="64" spans="1:4" ht="18" customHeight="1" x14ac:dyDescent="0.2">
      <c r="A64" s="8">
        <v>49</v>
      </c>
      <c r="B64" s="35">
        <v>8</v>
      </c>
      <c r="C64" s="13">
        <v>11</v>
      </c>
      <c r="D64" s="12">
        <v>19</v>
      </c>
    </row>
    <row r="65" spans="1:4" ht="18" customHeight="1" x14ac:dyDescent="0.2">
      <c r="A65" s="8" t="s">
        <v>15</v>
      </c>
      <c r="B65" s="35">
        <v>76</v>
      </c>
      <c r="C65" s="13">
        <v>59</v>
      </c>
      <c r="D65" s="12">
        <v>135</v>
      </c>
    </row>
    <row r="66" spans="1:4" ht="18" customHeight="1" x14ac:dyDescent="0.2">
      <c r="A66" s="8">
        <v>50</v>
      </c>
      <c r="B66" s="35">
        <v>14</v>
      </c>
      <c r="C66" s="13">
        <v>4</v>
      </c>
      <c r="D66" s="12">
        <v>18</v>
      </c>
    </row>
    <row r="67" spans="1:4" ht="18" customHeight="1" x14ac:dyDescent="0.2">
      <c r="A67" s="8">
        <v>51</v>
      </c>
      <c r="B67" s="35">
        <v>14</v>
      </c>
      <c r="C67" s="13">
        <v>10</v>
      </c>
      <c r="D67" s="12">
        <v>24</v>
      </c>
    </row>
    <row r="68" spans="1:4" ht="18" customHeight="1" x14ac:dyDescent="0.2">
      <c r="A68" s="8">
        <v>52</v>
      </c>
      <c r="B68" s="35">
        <v>21</v>
      </c>
      <c r="C68" s="13">
        <v>16</v>
      </c>
      <c r="D68" s="12">
        <v>37</v>
      </c>
    </row>
    <row r="69" spans="1:4" ht="18" customHeight="1" x14ac:dyDescent="0.2">
      <c r="A69" s="8">
        <v>53</v>
      </c>
      <c r="B69" s="35">
        <v>9</v>
      </c>
      <c r="C69" s="13">
        <v>11</v>
      </c>
      <c r="D69" s="12">
        <v>20</v>
      </c>
    </row>
    <row r="70" spans="1:4" ht="18" customHeight="1" x14ac:dyDescent="0.2">
      <c r="A70" s="8">
        <v>54</v>
      </c>
      <c r="B70" s="35">
        <v>12</v>
      </c>
      <c r="C70" s="13">
        <v>8</v>
      </c>
      <c r="D70" s="12">
        <v>20</v>
      </c>
    </row>
    <row r="71" spans="1:4" ht="18" customHeight="1" x14ac:dyDescent="0.2">
      <c r="A71" s="8" t="s">
        <v>14</v>
      </c>
      <c r="B71" s="35">
        <v>70</v>
      </c>
      <c r="C71" s="13">
        <v>49</v>
      </c>
      <c r="D71" s="12">
        <v>119</v>
      </c>
    </row>
    <row r="72" spans="1:4" ht="18" customHeight="1" x14ac:dyDescent="0.2">
      <c r="A72" s="8">
        <v>55</v>
      </c>
      <c r="B72" s="35">
        <v>12</v>
      </c>
      <c r="C72" s="13">
        <v>12</v>
      </c>
      <c r="D72" s="12">
        <v>24</v>
      </c>
    </row>
    <row r="73" spans="1:4" ht="18" customHeight="1" x14ac:dyDescent="0.2">
      <c r="A73" s="8">
        <v>56</v>
      </c>
      <c r="B73" s="35">
        <v>14</v>
      </c>
      <c r="C73" s="13">
        <v>11</v>
      </c>
      <c r="D73" s="12">
        <v>25</v>
      </c>
    </row>
    <row r="74" spans="1:4" ht="18" customHeight="1" x14ac:dyDescent="0.2">
      <c r="A74" s="8">
        <v>57</v>
      </c>
      <c r="B74" s="35">
        <v>9</v>
      </c>
      <c r="C74" s="13">
        <v>9</v>
      </c>
      <c r="D74" s="12">
        <v>18</v>
      </c>
    </row>
    <row r="75" spans="1:4" ht="18" customHeight="1" x14ac:dyDescent="0.2">
      <c r="A75" s="8">
        <v>58</v>
      </c>
      <c r="B75" s="35">
        <v>16</v>
      </c>
      <c r="C75" s="13">
        <v>16</v>
      </c>
      <c r="D75" s="12">
        <v>32</v>
      </c>
    </row>
    <row r="76" spans="1:4" ht="18" customHeight="1" x14ac:dyDescent="0.2">
      <c r="A76" s="8">
        <v>59</v>
      </c>
      <c r="B76" s="35">
        <v>16</v>
      </c>
      <c r="C76" s="13">
        <v>10</v>
      </c>
      <c r="D76" s="12">
        <v>26</v>
      </c>
    </row>
    <row r="77" spans="1:4" ht="18" customHeight="1" x14ac:dyDescent="0.2">
      <c r="A77" s="8" t="s">
        <v>13</v>
      </c>
      <c r="B77" s="35">
        <v>67</v>
      </c>
      <c r="C77" s="13">
        <v>58</v>
      </c>
      <c r="D77" s="12">
        <v>125</v>
      </c>
    </row>
    <row r="78" spans="1:4" ht="18" customHeight="1" x14ac:dyDescent="0.2">
      <c r="A78" s="8">
        <v>60</v>
      </c>
      <c r="B78" s="35">
        <v>11</v>
      </c>
      <c r="C78" s="13">
        <v>14</v>
      </c>
      <c r="D78" s="12">
        <v>25</v>
      </c>
    </row>
    <row r="79" spans="1:4" ht="18" customHeight="1" x14ac:dyDescent="0.2">
      <c r="A79" s="8">
        <v>61</v>
      </c>
      <c r="B79" s="35">
        <v>12</v>
      </c>
      <c r="C79" s="13">
        <v>8</v>
      </c>
      <c r="D79" s="12">
        <v>20</v>
      </c>
    </row>
    <row r="80" spans="1:4" ht="18" customHeight="1" x14ac:dyDescent="0.2">
      <c r="A80" s="8">
        <v>62</v>
      </c>
      <c r="B80" s="35">
        <v>12</v>
      </c>
      <c r="C80" s="13">
        <v>17</v>
      </c>
      <c r="D80" s="12">
        <v>29</v>
      </c>
    </row>
    <row r="81" spans="1:4" ht="18" customHeight="1" x14ac:dyDescent="0.2">
      <c r="A81" s="8">
        <v>63</v>
      </c>
      <c r="B81" s="35">
        <v>10</v>
      </c>
      <c r="C81" s="13">
        <v>16</v>
      </c>
      <c r="D81" s="12">
        <v>26</v>
      </c>
    </row>
    <row r="82" spans="1:4" ht="18" customHeight="1" x14ac:dyDescent="0.2">
      <c r="A82" s="8">
        <v>64</v>
      </c>
      <c r="B82" s="35">
        <v>12</v>
      </c>
      <c r="C82" s="13">
        <v>24</v>
      </c>
      <c r="D82" s="12">
        <v>36</v>
      </c>
    </row>
    <row r="83" spans="1:4" ht="18" customHeight="1" x14ac:dyDescent="0.2">
      <c r="A83" s="8" t="s">
        <v>12</v>
      </c>
      <c r="B83" s="35">
        <v>57</v>
      </c>
      <c r="C83" s="13">
        <v>79</v>
      </c>
      <c r="D83" s="12">
        <v>136</v>
      </c>
    </row>
    <row r="84" spans="1:4" ht="18" customHeight="1" x14ac:dyDescent="0.2">
      <c r="A84" s="8" t="s">
        <v>11</v>
      </c>
      <c r="B84" s="35">
        <v>546</v>
      </c>
      <c r="C84" s="13">
        <v>462</v>
      </c>
      <c r="D84" s="12">
        <v>1008</v>
      </c>
    </row>
    <row r="85" spans="1:4" ht="18" customHeight="1" x14ac:dyDescent="0.2">
      <c r="A85" s="8">
        <v>65</v>
      </c>
      <c r="B85" s="35">
        <v>19</v>
      </c>
      <c r="C85" s="13">
        <v>18</v>
      </c>
      <c r="D85" s="12">
        <v>37</v>
      </c>
    </row>
    <row r="86" spans="1:4" ht="18" customHeight="1" x14ac:dyDescent="0.2">
      <c r="A86" s="8">
        <v>66</v>
      </c>
      <c r="B86" s="35">
        <v>25</v>
      </c>
      <c r="C86" s="13">
        <v>25</v>
      </c>
      <c r="D86" s="12">
        <v>50</v>
      </c>
    </row>
    <row r="87" spans="1:4" ht="18" customHeight="1" x14ac:dyDescent="0.2">
      <c r="A87" s="8">
        <v>67</v>
      </c>
      <c r="B87" s="35">
        <v>17</v>
      </c>
      <c r="C87" s="13">
        <v>17</v>
      </c>
      <c r="D87" s="12">
        <v>34</v>
      </c>
    </row>
    <row r="88" spans="1:4" ht="18" customHeight="1" x14ac:dyDescent="0.2">
      <c r="A88" s="8">
        <v>68</v>
      </c>
      <c r="B88" s="35">
        <v>26</v>
      </c>
      <c r="C88" s="13">
        <v>18</v>
      </c>
      <c r="D88" s="12">
        <v>44</v>
      </c>
    </row>
    <row r="89" spans="1:4" ht="18" customHeight="1" x14ac:dyDescent="0.2">
      <c r="A89" s="8">
        <v>69</v>
      </c>
      <c r="B89" s="35">
        <v>29</v>
      </c>
      <c r="C89" s="13">
        <v>19</v>
      </c>
      <c r="D89" s="12">
        <v>48</v>
      </c>
    </row>
    <row r="90" spans="1:4" ht="18" customHeight="1" x14ac:dyDescent="0.2">
      <c r="A90" s="8" t="s">
        <v>10</v>
      </c>
      <c r="B90" s="35">
        <v>116</v>
      </c>
      <c r="C90" s="13">
        <v>97</v>
      </c>
      <c r="D90" s="12">
        <v>213</v>
      </c>
    </row>
    <row r="91" spans="1:4" ht="18" customHeight="1" x14ac:dyDescent="0.2">
      <c r="A91" s="8">
        <v>70</v>
      </c>
      <c r="B91" s="35">
        <v>24</v>
      </c>
      <c r="C91" s="13">
        <v>19</v>
      </c>
      <c r="D91" s="12">
        <v>43</v>
      </c>
    </row>
    <row r="92" spans="1:4" ht="18" customHeight="1" x14ac:dyDescent="0.2">
      <c r="A92" s="8">
        <v>71</v>
      </c>
      <c r="B92" s="35">
        <v>23</v>
      </c>
      <c r="C92" s="13">
        <v>12</v>
      </c>
      <c r="D92" s="12">
        <v>35</v>
      </c>
    </row>
    <row r="93" spans="1:4" ht="18" customHeight="1" x14ac:dyDescent="0.2">
      <c r="A93" s="8">
        <v>72</v>
      </c>
      <c r="B93" s="35">
        <v>25</v>
      </c>
      <c r="C93" s="13">
        <v>16</v>
      </c>
      <c r="D93" s="12">
        <v>41</v>
      </c>
    </row>
    <row r="94" spans="1:4" ht="18" customHeight="1" x14ac:dyDescent="0.2">
      <c r="A94" s="8">
        <v>73</v>
      </c>
      <c r="B94" s="35">
        <v>15</v>
      </c>
      <c r="C94" s="13">
        <v>23</v>
      </c>
      <c r="D94" s="12">
        <v>38</v>
      </c>
    </row>
    <row r="95" spans="1:4" ht="18" customHeight="1" x14ac:dyDescent="0.2">
      <c r="A95" s="8">
        <v>74</v>
      </c>
      <c r="B95" s="35">
        <v>19</v>
      </c>
      <c r="C95" s="13">
        <v>14</v>
      </c>
      <c r="D95" s="12">
        <v>33</v>
      </c>
    </row>
    <row r="96" spans="1:4" ht="18" customHeight="1" x14ac:dyDescent="0.2">
      <c r="A96" s="8" t="s">
        <v>9</v>
      </c>
      <c r="B96" s="35">
        <v>106</v>
      </c>
      <c r="C96" s="13">
        <v>84</v>
      </c>
      <c r="D96" s="12">
        <v>190</v>
      </c>
    </row>
    <row r="97" spans="1:4" ht="18" customHeight="1" x14ac:dyDescent="0.2">
      <c r="A97" s="8">
        <v>75</v>
      </c>
      <c r="B97" s="35">
        <v>18</v>
      </c>
      <c r="C97" s="13">
        <v>20</v>
      </c>
      <c r="D97" s="12">
        <v>38</v>
      </c>
    </row>
    <row r="98" spans="1:4" ht="18" customHeight="1" x14ac:dyDescent="0.2">
      <c r="A98" s="8">
        <v>76</v>
      </c>
      <c r="B98" s="35">
        <v>21</v>
      </c>
      <c r="C98" s="13">
        <v>21</v>
      </c>
      <c r="D98" s="12">
        <v>42</v>
      </c>
    </row>
    <row r="99" spans="1:4" ht="18" customHeight="1" x14ac:dyDescent="0.2">
      <c r="A99" s="8">
        <v>77</v>
      </c>
      <c r="B99" s="35">
        <v>8</v>
      </c>
      <c r="C99" s="13">
        <v>12</v>
      </c>
      <c r="D99" s="12">
        <v>20</v>
      </c>
    </row>
    <row r="100" spans="1:4" ht="18" customHeight="1" x14ac:dyDescent="0.2">
      <c r="A100" s="8">
        <v>78</v>
      </c>
      <c r="B100" s="35">
        <v>14</v>
      </c>
      <c r="C100" s="13">
        <v>14</v>
      </c>
      <c r="D100" s="12">
        <v>28</v>
      </c>
    </row>
    <row r="101" spans="1:4" ht="18" customHeight="1" x14ac:dyDescent="0.2">
      <c r="A101" s="8">
        <v>79</v>
      </c>
      <c r="B101" s="35">
        <v>7</v>
      </c>
      <c r="C101" s="13">
        <v>15</v>
      </c>
      <c r="D101" s="12">
        <v>22</v>
      </c>
    </row>
    <row r="102" spans="1:4" ht="18" customHeight="1" x14ac:dyDescent="0.2">
      <c r="A102" s="8" t="s">
        <v>8</v>
      </c>
      <c r="B102" s="35">
        <v>68</v>
      </c>
      <c r="C102" s="13">
        <v>82</v>
      </c>
      <c r="D102" s="12">
        <v>150</v>
      </c>
    </row>
    <row r="103" spans="1:4" ht="18" customHeight="1" x14ac:dyDescent="0.2">
      <c r="A103" s="8">
        <v>80</v>
      </c>
      <c r="B103" s="35">
        <v>8</v>
      </c>
      <c r="C103" s="13">
        <v>12</v>
      </c>
      <c r="D103" s="12">
        <v>20</v>
      </c>
    </row>
    <row r="104" spans="1:4" ht="18" customHeight="1" x14ac:dyDescent="0.2">
      <c r="A104" s="8">
        <v>81</v>
      </c>
      <c r="B104" s="35">
        <v>9</v>
      </c>
      <c r="C104" s="13">
        <v>16</v>
      </c>
      <c r="D104" s="12">
        <v>25</v>
      </c>
    </row>
    <row r="105" spans="1:4" ht="18" customHeight="1" x14ac:dyDescent="0.2">
      <c r="A105" s="8">
        <v>82</v>
      </c>
      <c r="B105" s="35">
        <v>6</v>
      </c>
      <c r="C105" s="13">
        <v>12</v>
      </c>
      <c r="D105" s="12">
        <v>18</v>
      </c>
    </row>
    <row r="106" spans="1:4" ht="18" customHeight="1" x14ac:dyDescent="0.2">
      <c r="A106" s="8">
        <v>83</v>
      </c>
      <c r="B106" s="35">
        <v>8</v>
      </c>
      <c r="C106" s="13">
        <v>7</v>
      </c>
      <c r="D106" s="12">
        <v>15</v>
      </c>
    </row>
    <row r="107" spans="1:4" ht="18" customHeight="1" x14ac:dyDescent="0.2">
      <c r="A107" s="8">
        <v>84</v>
      </c>
      <c r="B107" s="35">
        <v>8</v>
      </c>
      <c r="C107" s="13">
        <v>10</v>
      </c>
      <c r="D107" s="12">
        <v>18</v>
      </c>
    </row>
    <row r="108" spans="1:4" ht="18" customHeight="1" x14ac:dyDescent="0.2">
      <c r="A108" s="8" t="s">
        <v>7</v>
      </c>
      <c r="B108" s="35">
        <v>39</v>
      </c>
      <c r="C108" s="13">
        <v>57</v>
      </c>
      <c r="D108" s="12">
        <v>96</v>
      </c>
    </row>
    <row r="109" spans="1:4" ht="18" customHeight="1" x14ac:dyDescent="0.2">
      <c r="A109" s="8">
        <v>85</v>
      </c>
      <c r="B109" s="35">
        <v>8</v>
      </c>
      <c r="C109" s="13">
        <v>10</v>
      </c>
      <c r="D109" s="12">
        <v>18</v>
      </c>
    </row>
    <row r="110" spans="1:4" ht="18" customHeight="1" x14ac:dyDescent="0.2">
      <c r="A110" s="8">
        <v>86</v>
      </c>
      <c r="B110" s="35">
        <v>7</v>
      </c>
      <c r="C110" s="13">
        <v>17</v>
      </c>
      <c r="D110" s="12">
        <v>24</v>
      </c>
    </row>
    <row r="111" spans="1:4" ht="18" customHeight="1" x14ac:dyDescent="0.2">
      <c r="A111" s="8">
        <v>87</v>
      </c>
      <c r="B111" s="35">
        <v>3</v>
      </c>
      <c r="C111" s="13">
        <v>14</v>
      </c>
      <c r="D111" s="12">
        <v>17</v>
      </c>
    </row>
    <row r="112" spans="1:4" ht="18" customHeight="1" x14ac:dyDescent="0.2">
      <c r="A112" s="8">
        <v>88</v>
      </c>
      <c r="B112" s="35">
        <v>3</v>
      </c>
      <c r="C112" s="13">
        <v>13</v>
      </c>
      <c r="D112" s="12">
        <v>16</v>
      </c>
    </row>
    <row r="113" spans="1:4" ht="18" customHeight="1" x14ac:dyDescent="0.2">
      <c r="A113" s="8">
        <v>89</v>
      </c>
      <c r="B113" s="35">
        <v>6</v>
      </c>
      <c r="C113" s="13">
        <v>13</v>
      </c>
      <c r="D113" s="12">
        <v>19</v>
      </c>
    </row>
    <row r="114" spans="1:4" ht="18" customHeight="1" x14ac:dyDescent="0.2">
      <c r="A114" s="8" t="s">
        <v>6</v>
      </c>
      <c r="B114" s="35">
        <v>27</v>
      </c>
      <c r="C114" s="13">
        <v>67</v>
      </c>
      <c r="D114" s="12">
        <v>94</v>
      </c>
    </row>
    <row r="115" spans="1:4" ht="18" customHeight="1" x14ac:dyDescent="0.2">
      <c r="A115" s="8">
        <v>90</v>
      </c>
      <c r="B115" s="35">
        <v>0</v>
      </c>
      <c r="C115" s="13">
        <v>11</v>
      </c>
      <c r="D115" s="12">
        <v>11</v>
      </c>
    </row>
    <row r="116" spans="1:4" ht="18" customHeight="1" x14ac:dyDescent="0.2">
      <c r="A116" s="8">
        <v>91</v>
      </c>
      <c r="B116" s="35">
        <v>5</v>
      </c>
      <c r="C116" s="13">
        <v>13</v>
      </c>
      <c r="D116" s="12">
        <v>18</v>
      </c>
    </row>
    <row r="117" spans="1:4" ht="18" customHeight="1" x14ac:dyDescent="0.2">
      <c r="A117" s="8">
        <v>92</v>
      </c>
      <c r="B117" s="35">
        <v>3</v>
      </c>
      <c r="C117" s="13">
        <v>11</v>
      </c>
      <c r="D117" s="12">
        <v>14</v>
      </c>
    </row>
    <row r="118" spans="1:4" ht="18" customHeight="1" x14ac:dyDescent="0.2">
      <c r="A118" s="8">
        <v>93</v>
      </c>
      <c r="B118" s="35">
        <v>4</v>
      </c>
      <c r="C118" s="13">
        <v>7</v>
      </c>
      <c r="D118" s="12">
        <v>11</v>
      </c>
    </row>
    <row r="119" spans="1:4" ht="18" customHeight="1" x14ac:dyDescent="0.2">
      <c r="A119" s="8">
        <v>94</v>
      </c>
      <c r="B119" s="35">
        <v>2</v>
      </c>
      <c r="C119" s="13">
        <v>5</v>
      </c>
      <c r="D119" s="12">
        <v>7</v>
      </c>
    </row>
    <row r="120" spans="1:4" ht="18" customHeight="1" x14ac:dyDescent="0.2">
      <c r="A120" s="8" t="s">
        <v>5</v>
      </c>
      <c r="B120" s="35">
        <v>14</v>
      </c>
      <c r="C120" s="13">
        <v>47</v>
      </c>
      <c r="D120" s="12">
        <v>61</v>
      </c>
    </row>
    <row r="121" spans="1:4" ht="18" customHeight="1" x14ac:dyDescent="0.2">
      <c r="A121" s="8">
        <v>95</v>
      </c>
      <c r="B121" s="35">
        <v>1</v>
      </c>
      <c r="C121" s="13">
        <v>2</v>
      </c>
      <c r="D121" s="12">
        <v>3</v>
      </c>
    </row>
    <row r="122" spans="1:4" ht="18" customHeight="1" x14ac:dyDescent="0.2">
      <c r="A122" s="8">
        <v>96</v>
      </c>
      <c r="B122" s="35">
        <v>2</v>
      </c>
      <c r="C122" s="13">
        <v>5</v>
      </c>
      <c r="D122" s="12">
        <v>7</v>
      </c>
    </row>
    <row r="123" spans="1:4" ht="18" customHeight="1" x14ac:dyDescent="0.2">
      <c r="A123" s="8">
        <v>97</v>
      </c>
      <c r="B123" s="35">
        <v>0</v>
      </c>
      <c r="C123" s="13">
        <v>6</v>
      </c>
      <c r="D123" s="12">
        <v>6</v>
      </c>
    </row>
    <row r="124" spans="1:4" ht="18" customHeight="1" x14ac:dyDescent="0.2">
      <c r="A124" s="8">
        <v>98</v>
      </c>
      <c r="B124" s="35">
        <v>1</v>
      </c>
      <c r="C124" s="13">
        <v>1</v>
      </c>
      <c r="D124" s="12">
        <v>2</v>
      </c>
    </row>
    <row r="125" spans="1:4" ht="18" customHeight="1" x14ac:dyDescent="0.2">
      <c r="A125" s="8">
        <v>99</v>
      </c>
      <c r="B125" s="35">
        <v>0</v>
      </c>
      <c r="C125" s="13">
        <v>2</v>
      </c>
      <c r="D125" s="12">
        <v>2</v>
      </c>
    </row>
    <row r="126" spans="1:4" ht="18" customHeight="1" x14ac:dyDescent="0.2">
      <c r="A126" s="8" t="s">
        <v>4</v>
      </c>
      <c r="B126" s="35">
        <v>4</v>
      </c>
      <c r="C126" s="13">
        <v>16</v>
      </c>
      <c r="D126" s="12">
        <v>20</v>
      </c>
    </row>
    <row r="127" spans="1:4" ht="18" customHeight="1" x14ac:dyDescent="0.2">
      <c r="A127" s="8">
        <v>100</v>
      </c>
      <c r="B127" s="35">
        <v>1</v>
      </c>
      <c r="C127" s="13">
        <v>0</v>
      </c>
      <c r="D127" s="12">
        <v>1</v>
      </c>
    </row>
    <row r="128" spans="1:4" ht="18" customHeight="1" x14ac:dyDescent="0.2">
      <c r="A128" s="15" t="s">
        <v>3</v>
      </c>
      <c r="B128" s="35">
        <v>0</v>
      </c>
      <c r="C128" s="13">
        <v>1</v>
      </c>
      <c r="D128" s="12">
        <v>1</v>
      </c>
    </row>
    <row r="129" spans="1:4" ht="18" customHeight="1" x14ac:dyDescent="0.2">
      <c r="A129" s="8" t="s">
        <v>2</v>
      </c>
      <c r="B129" s="35">
        <v>1</v>
      </c>
      <c r="C129" s="13">
        <v>1</v>
      </c>
      <c r="D129" s="12">
        <v>2</v>
      </c>
    </row>
    <row r="130" spans="1:4" ht="18" customHeight="1" x14ac:dyDescent="0.2">
      <c r="A130" s="8" t="s">
        <v>1</v>
      </c>
      <c r="B130" s="28">
        <v>375</v>
      </c>
      <c r="C130" s="6">
        <v>451</v>
      </c>
      <c r="D130" s="5">
        <v>826</v>
      </c>
    </row>
    <row r="131" spans="1:4" ht="18" customHeight="1" x14ac:dyDescent="0.2">
      <c r="A131" s="4" t="s">
        <v>0</v>
      </c>
      <c r="B131" s="27">
        <v>986</v>
      </c>
      <c r="C131" s="2">
        <v>969</v>
      </c>
      <c r="D131" s="1">
        <v>1955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FCC5390-13CD-4B02-AF58-A12ECDA779D6}">
  <sheetPr codeName="Sheet6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85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20</v>
      </c>
      <c r="C5" s="45">
        <v>26</v>
      </c>
      <c r="D5" s="44">
        <v>46</v>
      </c>
    </row>
    <row r="6" spans="1:4" ht="18" customHeight="1" x14ac:dyDescent="0.2">
      <c r="A6" s="8">
        <v>1</v>
      </c>
      <c r="B6" s="40">
        <v>21</v>
      </c>
      <c r="C6" s="13">
        <v>20</v>
      </c>
      <c r="D6" s="12">
        <v>41</v>
      </c>
    </row>
    <row r="7" spans="1:4" ht="18" customHeight="1" x14ac:dyDescent="0.2">
      <c r="A7" s="8">
        <v>2</v>
      </c>
      <c r="B7" s="40">
        <v>22</v>
      </c>
      <c r="C7" s="13">
        <v>29</v>
      </c>
      <c r="D7" s="12">
        <v>51</v>
      </c>
    </row>
    <row r="8" spans="1:4" ht="18" customHeight="1" x14ac:dyDescent="0.2">
      <c r="A8" s="8">
        <v>3</v>
      </c>
      <c r="B8" s="40">
        <v>25</v>
      </c>
      <c r="C8" s="13">
        <v>16</v>
      </c>
      <c r="D8" s="12">
        <v>41</v>
      </c>
    </row>
    <row r="9" spans="1:4" ht="18" customHeight="1" x14ac:dyDescent="0.2">
      <c r="A9" s="8">
        <v>4</v>
      </c>
      <c r="B9" s="43">
        <v>39</v>
      </c>
      <c r="C9" s="42">
        <v>33</v>
      </c>
      <c r="D9" s="41">
        <v>72</v>
      </c>
    </row>
    <row r="10" spans="1:4" ht="18" customHeight="1" x14ac:dyDescent="0.2">
      <c r="A10" s="8" t="s">
        <v>25</v>
      </c>
      <c r="B10" s="35">
        <v>127</v>
      </c>
      <c r="C10" s="13">
        <v>124</v>
      </c>
      <c r="D10" s="12">
        <v>251</v>
      </c>
    </row>
    <row r="11" spans="1:4" ht="18" customHeight="1" x14ac:dyDescent="0.2">
      <c r="A11" s="8">
        <v>5</v>
      </c>
      <c r="B11" s="40">
        <v>32</v>
      </c>
      <c r="C11" s="13">
        <v>23</v>
      </c>
      <c r="D11" s="12">
        <v>55</v>
      </c>
    </row>
    <row r="12" spans="1:4" ht="18" customHeight="1" x14ac:dyDescent="0.2">
      <c r="A12" s="8">
        <v>6</v>
      </c>
      <c r="B12" s="40">
        <v>29</v>
      </c>
      <c r="C12" s="13">
        <v>37</v>
      </c>
      <c r="D12" s="12">
        <v>66</v>
      </c>
    </row>
    <row r="13" spans="1:4" ht="18" customHeight="1" x14ac:dyDescent="0.2">
      <c r="A13" s="8">
        <v>7</v>
      </c>
      <c r="B13" s="40">
        <v>37</v>
      </c>
      <c r="C13" s="13">
        <v>33</v>
      </c>
      <c r="D13" s="12">
        <v>70</v>
      </c>
    </row>
    <row r="14" spans="1:4" ht="18" customHeight="1" x14ac:dyDescent="0.2">
      <c r="A14" s="8">
        <v>8</v>
      </c>
      <c r="B14" s="40">
        <v>40</v>
      </c>
      <c r="C14" s="13">
        <v>27</v>
      </c>
      <c r="D14" s="12">
        <v>67</v>
      </c>
    </row>
    <row r="15" spans="1:4" ht="18" customHeight="1" x14ac:dyDescent="0.2">
      <c r="A15" s="8">
        <v>9</v>
      </c>
      <c r="B15" s="40">
        <v>28</v>
      </c>
      <c r="C15" s="13">
        <v>36</v>
      </c>
      <c r="D15" s="12">
        <v>64</v>
      </c>
    </row>
    <row r="16" spans="1:4" ht="18" customHeight="1" x14ac:dyDescent="0.2">
      <c r="A16" s="8" t="s">
        <v>24</v>
      </c>
      <c r="B16" s="35">
        <v>166</v>
      </c>
      <c r="C16" s="13">
        <v>156</v>
      </c>
      <c r="D16" s="12">
        <v>322</v>
      </c>
    </row>
    <row r="17" spans="1:4" ht="18" customHeight="1" x14ac:dyDescent="0.2">
      <c r="A17" s="8">
        <v>10</v>
      </c>
      <c r="B17" s="35">
        <v>38</v>
      </c>
      <c r="C17" s="13">
        <v>32</v>
      </c>
      <c r="D17" s="12">
        <v>70</v>
      </c>
    </row>
    <row r="18" spans="1:4" ht="18" customHeight="1" x14ac:dyDescent="0.2">
      <c r="A18" s="8">
        <v>11</v>
      </c>
      <c r="B18" s="35">
        <v>35</v>
      </c>
      <c r="C18" s="13">
        <v>42</v>
      </c>
      <c r="D18" s="12">
        <v>77</v>
      </c>
    </row>
    <row r="19" spans="1:4" ht="18" customHeight="1" x14ac:dyDescent="0.2">
      <c r="A19" s="8">
        <v>12</v>
      </c>
      <c r="B19" s="35">
        <v>55</v>
      </c>
      <c r="C19" s="13">
        <v>36</v>
      </c>
      <c r="D19" s="12">
        <v>91</v>
      </c>
    </row>
    <row r="20" spans="1:4" ht="18" customHeight="1" x14ac:dyDescent="0.2">
      <c r="A20" s="8">
        <v>13</v>
      </c>
      <c r="B20" s="35">
        <v>44</v>
      </c>
      <c r="C20" s="13">
        <v>41</v>
      </c>
      <c r="D20" s="12">
        <v>85</v>
      </c>
    </row>
    <row r="21" spans="1:4" ht="18" customHeight="1" x14ac:dyDescent="0.2">
      <c r="A21" s="8">
        <v>14</v>
      </c>
      <c r="B21" s="35">
        <v>49</v>
      </c>
      <c r="C21" s="13">
        <v>39</v>
      </c>
      <c r="D21" s="12">
        <v>88</v>
      </c>
    </row>
    <row r="22" spans="1:4" ht="18" customHeight="1" x14ac:dyDescent="0.2">
      <c r="A22" s="8" t="s">
        <v>23</v>
      </c>
      <c r="B22" s="35">
        <v>221</v>
      </c>
      <c r="C22" s="13">
        <v>190</v>
      </c>
      <c r="D22" s="12">
        <v>411</v>
      </c>
    </row>
    <row r="23" spans="1:4" ht="18" customHeight="1" x14ac:dyDescent="0.2">
      <c r="A23" s="8" t="s">
        <v>22</v>
      </c>
      <c r="B23" s="35">
        <v>514</v>
      </c>
      <c r="C23" s="13">
        <v>470</v>
      </c>
      <c r="D23" s="12">
        <v>984</v>
      </c>
    </row>
    <row r="24" spans="1:4" ht="18" customHeight="1" x14ac:dyDescent="0.2">
      <c r="A24" s="8">
        <v>15</v>
      </c>
      <c r="B24" s="35">
        <v>37</v>
      </c>
      <c r="C24" s="13">
        <v>43</v>
      </c>
      <c r="D24" s="12">
        <v>80</v>
      </c>
    </row>
    <row r="25" spans="1:4" ht="18" customHeight="1" x14ac:dyDescent="0.2">
      <c r="A25" s="8">
        <v>16</v>
      </c>
      <c r="B25" s="35">
        <v>32</v>
      </c>
      <c r="C25" s="13">
        <v>42</v>
      </c>
      <c r="D25" s="12">
        <v>74</v>
      </c>
    </row>
    <row r="26" spans="1:4" ht="18" customHeight="1" x14ac:dyDescent="0.2">
      <c r="A26" s="8">
        <v>17</v>
      </c>
      <c r="B26" s="35">
        <v>43</v>
      </c>
      <c r="C26" s="13">
        <v>53</v>
      </c>
      <c r="D26" s="12">
        <v>96</v>
      </c>
    </row>
    <row r="27" spans="1:4" ht="18" customHeight="1" x14ac:dyDescent="0.2">
      <c r="A27" s="8">
        <v>18</v>
      </c>
      <c r="B27" s="35">
        <v>54</v>
      </c>
      <c r="C27" s="13">
        <v>43</v>
      </c>
      <c r="D27" s="12">
        <v>97</v>
      </c>
    </row>
    <row r="28" spans="1:4" ht="18" customHeight="1" x14ac:dyDescent="0.2">
      <c r="A28" s="8">
        <v>19</v>
      </c>
      <c r="B28" s="35">
        <v>50</v>
      </c>
      <c r="C28" s="13">
        <v>45</v>
      </c>
      <c r="D28" s="12">
        <v>95</v>
      </c>
    </row>
    <row r="29" spans="1:4" ht="18" customHeight="1" x14ac:dyDescent="0.2">
      <c r="A29" s="8" t="s">
        <v>21</v>
      </c>
      <c r="B29" s="35">
        <v>216</v>
      </c>
      <c r="C29" s="13">
        <v>226</v>
      </c>
      <c r="D29" s="12">
        <v>442</v>
      </c>
    </row>
    <row r="30" spans="1:4" ht="18" customHeight="1" x14ac:dyDescent="0.2">
      <c r="A30" s="8">
        <v>20</v>
      </c>
      <c r="B30" s="35">
        <v>62</v>
      </c>
      <c r="C30" s="13">
        <v>47</v>
      </c>
      <c r="D30" s="12">
        <v>109</v>
      </c>
    </row>
    <row r="31" spans="1:4" ht="18" customHeight="1" x14ac:dyDescent="0.2">
      <c r="A31" s="8">
        <v>21</v>
      </c>
      <c r="B31" s="35">
        <v>69</v>
      </c>
      <c r="C31" s="13">
        <v>48</v>
      </c>
      <c r="D31" s="12">
        <v>117</v>
      </c>
    </row>
    <row r="32" spans="1:4" ht="18" customHeight="1" x14ac:dyDescent="0.2">
      <c r="A32" s="8">
        <v>22</v>
      </c>
      <c r="B32" s="35">
        <v>61</v>
      </c>
      <c r="C32" s="13">
        <v>61</v>
      </c>
      <c r="D32" s="12">
        <v>122</v>
      </c>
    </row>
    <row r="33" spans="1:4" ht="18" customHeight="1" x14ac:dyDescent="0.2">
      <c r="A33" s="8">
        <v>23</v>
      </c>
      <c r="B33" s="35">
        <v>59</v>
      </c>
      <c r="C33" s="13">
        <v>44</v>
      </c>
      <c r="D33" s="12">
        <v>103</v>
      </c>
    </row>
    <row r="34" spans="1:4" ht="18" customHeight="1" x14ac:dyDescent="0.2">
      <c r="A34" s="8">
        <v>24</v>
      </c>
      <c r="B34" s="35">
        <v>52</v>
      </c>
      <c r="C34" s="13">
        <v>58</v>
      </c>
      <c r="D34" s="12">
        <v>110</v>
      </c>
    </row>
    <row r="35" spans="1:4" ht="18" customHeight="1" x14ac:dyDescent="0.2">
      <c r="A35" s="8" t="s">
        <v>20</v>
      </c>
      <c r="B35" s="35">
        <v>303</v>
      </c>
      <c r="C35" s="13">
        <v>258</v>
      </c>
      <c r="D35" s="12">
        <v>561</v>
      </c>
    </row>
    <row r="36" spans="1:4" ht="18" customHeight="1" x14ac:dyDescent="0.2">
      <c r="A36" s="8">
        <v>25</v>
      </c>
      <c r="B36" s="35">
        <v>57</v>
      </c>
      <c r="C36" s="13">
        <v>42</v>
      </c>
      <c r="D36" s="12">
        <v>99</v>
      </c>
    </row>
    <row r="37" spans="1:4" ht="18" customHeight="1" x14ac:dyDescent="0.2">
      <c r="A37" s="8">
        <v>26</v>
      </c>
      <c r="B37" s="35">
        <v>48</v>
      </c>
      <c r="C37" s="13">
        <v>41</v>
      </c>
      <c r="D37" s="12">
        <v>89</v>
      </c>
    </row>
    <row r="38" spans="1:4" ht="18" customHeight="1" x14ac:dyDescent="0.2">
      <c r="A38" s="8">
        <v>27</v>
      </c>
      <c r="B38" s="35">
        <v>52</v>
      </c>
      <c r="C38" s="13">
        <v>40</v>
      </c>
      <c r="D38" s="12">
        <v>92</v>
      </c>
    </row>
    <row r="39" spans="1:4" ht="18" customHeight="1" x14ac:dyDescent="0.2">
      <c r="A39" s="8">
        <v>28</v>
      </c>
      <c r="B39" s="35">
        <v>70</v>
      </c>
      <c r="C39" s="13">
        <v>45</v>
      </c>
      <c r="D39" s="12">
        <v>115</v>
      </c>
    </row>
    <row r="40" spans="1:4" ht="18" customHeight="1" x14ac:dyDescent="0.2">
      <c r="A40" s="8">
        <v>29</v>
      </c>
      <c r="B40" s="35">
        <v>51</v>
      </c>
      <c r="C40" s="13">
        <v>43</v>
      </c>
      <c r="D40" s="12">
        <v>94</v>
      </c>
    </row>
    <row r="41" spans="1:4" ht="18" customHeight="1" x14ac:dyDescent="0.2">
      <c r="A41" s="8" t="s">
        <v>19</v>
      </c>
      <c r="B41" s="35">
        <v>278</v>
      </c>
      <c r="C41" s="13">
        <v>211</v>
      </c>
      <c r="D41" s="12">
        <v>489</v>
      </c>
    </row>
    <row r="42" spans="1:4" ht="18" customHeight="1" x14ac:dyDescent="0.2">
      <c r="A42" s="8">
        <v>30</v>
      </c>
      <c r="B42" s="35">
        <v>42</v>
      </c>
      <c r="C42" s="13">
        <v>41</v>
      </c>
      <c r="D42" s="12">
        <v>83</v>
      </c>
    </row>
    <row r="43" spans="1:4" ht="18" customHeight="1" x14ac:dyDescent="0.2">
      <c r="A43" s="8">
        <v>31</v>
      </c>
      <c r="B43" s="35">
        <v>50</v>
      </c>
      <c r="C43" s="13">
        <v>53</v>
      </c>
      <c r="D43" s="12">
        <v>103</v>
      </c>
    </row>
    <row r="44" spans="1:4" ht="18" customHeight="1" x14ac:dyDescent="0.2">
      <c r="A44" s="8">
        <v>32</v>
      </c>
      <c r="B44" s="35">
        <v>47</v>
      </c>
      <c r="C44" s="13">
        <v>34</v>
      </c>
      <c r="D44" s="12">
        <v>81</v>
      </c>
    </row>
    <row r="45" spans="1:4" ht="18" customHeight="1" x14ac:dyDescent="0.2">
      <c r="A45" s="8">
        <v>33</v>
      </c>
      <c r="B45" s="35">
        <v>48</v>
      </c>
      <c r="C45" s="13">
        <v>46</v>
      </c>
      <c r="D45" s="12">
        <v>94</v>
      </c>
    </row>
    <row r="46" spans="1:4" ht="18" customHeight="1" x14ac:dyDescent="0.2">
      <c r="A46" s="8">
        <v>34</v>
      </c>
      <c r="B46" s="35">
        <v>58</v>
      </c>
      <c r="C46" s="13">
        <v>31</v>
      </c>
      <c r="D46" s="12">
        <v>89</v>
      </c>
    </row>
    <row r="47" spans="1:4" ht="18" customHeight="1" x14ac:dyDescent="0.2">
      <c r="A47" s="8" t="s">
        <v>18</v>
      </c>
      <c r="B47" s="35">
        <v>245</v>
      </c>
      <c r="C47" s="13">
        <v>205</v>
      </c>
      <c r="D47" s="12">
        <v>450</v>
      </c>
    </row>
    <row r="48" spans="1:4" ht="18" customHeight="1" x14ac:dyDescent="0.2">
      <c r="A48" s="8">
        <v>35</v>
      </c>
      <c r="B48" s="35">
        <v>66</v>
      </c>
      <c r="C48" s="13">
        <v>56</v>
      </c>
      <c r="D48" s="12">
        <v>122</v>
      </c>
    </row>
    <row r="49" spans="1:4" ht="18" customHeight="1" x14ac:dyDescent="0.2">
      <c r="A49" s="8">
        <v>36</v>
      </c>
      <c r="B49" s="35">
        <v>51</v>
      </c>
      <c r="C49" s="13">
        <v>48</v>
      </c>
      <c r="D49" s="12">
        <v>99</v>
      </c>
    </row>
    <row r="50" spans="1:4" ht="18" customHeight="1" x14ac:dyDescent="0.2">
      <c r="A50" s="8">
        <v>37</v>
      </c>
      <c r="B50" s="35">
        <v>52</v>
      </c>
      <c r="C50" s="13">
        <v>58</v>
      </c>
      <c r="D50" s="12">
        <v>110</v>
      </c>
    </row>
    <row r="51" spans="1:4" ht="18" customHeight="1" x14ac:dyDescent="0.2">
      <c r="A51" s="8">
        <v>38</v>
      </c>
      <c r="B51" s="35">
        <v>59</v>
      </c>
      <c r="C51" s="13">
        <v>53</v>
      </c>
      <c r="D51" s="12">
        <v>112</v>
      </c>
    </row>
    <row r="52" spans="1:4" ht="18" customHeight="1" x14ac:dyDescent="0.2">
      <c r="A52" s="8">
        <v>39</v>
      </c>
      <c r="B52" s="35">
        <v>62</v>
      </c>
      <c r="C52" s="13">
        <v>49</v>
      </c>
      <c r="D52" s="12">
        <v>111</v>
      </c>
    </row>
    <row r="53" spans="1:4" ht="18" customHeight="1" x14ac:dyDescent="0.2">
      <c r="A53" s="8" t="s">
        <v>17</v>
      </c>
      <c r="B53" s="35">
        <v>290</v>
      </c>
      <c r="C53" s="13">
        <v>264</v>
      </c>
      <c r="D53" s="12">
        <v>554</v>
      </c>
    </row>
    <row r="54" spans="1:4" ht="18" customHeight="1" x14ac:dyDescent="0.2">
      <c r="A54" s="8">
        <v>40</v>
      </c>
      <c r="B54" s="35">
        <v>57</v>
      </c>
      <c r="C54" s="13">
        <v>35</v>
      </c>
      <c r="D54" s="12">
        <v>92</v>
      </c>
    </row>
    <row r="55" spans="1:4" ht="18" customHeight="1" x14ac:dyDescent="0.2">
      <c r="A55" s="8">
        <v>41</v>
      </c>
      <c r="B55" s="35">
        <v>61</v>
      </c>
      <c r="C55" s="13">
        <v>66</v>
      </c>
      <c r="D55" s="12">
        <v>127</v>
      </c>
    </row>
    <row r="56" spans="1:4" ht="18" customHeight="1" x14ac:dyDescent="0.2">
      <c r="A56" s="8">
        <v>42</v>
      </c>
      <c r="B56" s="35">
        <v>46</v>
      </c>
      <c r="C56" s="13">
        <v>53</v>
      </c>
      <c r="D56" s="12">
        <v>99</v>
      </c>
    </row>
    <row r="57" spans="1:4" ht="18" customHeight="1" x14ac:dyDescent="0.2">
      <c r="A57" s="8">
        <v>43</v>
      </c>
      <c r="B57" s="35">
        <v>71</v>
      </c>
      <c r="C57" s="13">
        <v>48</v>
      </c>
      <c r="D57" s="12">
        <v>119</v>
      </c>
    </row>
    <row r="58" spans="1:4" ht="18" customHeight="1" x14ac:dyDescent="0.2">
      <c r="A58" s="8">
        <v>44</v>
      </c>
      <c r="B58" s="35">
        <v>54</v>
      </c>
      <c r="C58" s="13">
        <v>65</v>
      </c>
      <c r="D58" s="12">
        <v>119</v>
      </c>
    </row>
    <row r="59" spans="1:4" ht="18" customHeight="1" x14ac:dyDescent="0.2">
      <c r="A59" s="8" t="s">
        <v>16</v>
      </c>
      <c r="B59" s="35">
        <v>289</v>
      </c>
      <c r="C59" s="13">
        <v>267</v>
      </c>
      <c r="D59" s="12">
        <v>556</v>
      </c>
    </row>
    <row r="60" spans="1:4" ht="18" customHeight="1" x14ac:dyDescent="0.2">
      <c r="A60" s="8">
        <v>45</v>
      </c>
      <c r="B60" s="35">
        <v>76</v>
      </c>
      <c r="C60" s="13">
        <v>60</v>
      </c>
      <c r="D60" s="12">
        <v>136</v>
      </c>
    </row>
    <row r="61" spans="1:4" ht="18" customHeight="1" x14ac:dyDescent="0.2">
      <c r="A61" s="8">
        <v>46</v>
      </c>
      <c r="B61" s="35">
        <v>73</v>
      </c>
      <c r="C61" s="13">
        <v>60</v>
      </c>
      <c r="D61" s="12">
        <v>133</v>
      </c>
    </row>
    <row r="62" spans="1:4" ht="18" customHeight="1" x14ac:dyDescent="0.2">
      <c r="A62" s="8">
        <v>47</v>
      </c>
      <c r="B62" s="35">
        <v>72</v>
      </c>
      <c r="C62" s="13">
        <v>68</v>
      </c>
      <c r="D62" s="12">
        <v>140</v>
      </c>
    </row>
    <row r="63" spans="1:4" ht="18" customHeight="1" x14ac:dyDescent="0.2">
      <c r="A63" s="8">
        <v>48</v>
      </c>
      <c r="B63" s="35">
        <v>78</v>
      </c>
      <c r="C63" s="13">
        <v>94</v>
      </c>
      <c r="D63" s="12">
        <v>172</v>
      </c>
    </row>
    <row r="64" spans="1:4" ht="18" customHeight="1" x14ac:dyDescent="0.2">
      <c r="A64" s="8">
        <v>49</v>
      </c>
      <c r="B64" s="35">
        <v>82</v>
      </c>
      <c r="C64" s="13">
        <v>64</v>
      </c>
      <c r="D64" s="12">
        <v>146</v>
      </c>
    </row>
    <row r="65" spans="1:4" ht="18" customHeight="1" x14ac:dyDescent="0.2">
      <c r="A65" s="8" t="s">
        <v>15</v>
      </c>
      <c r="B65" s="35">
        <v>381</v>
      </c>
      <c r="C65" s="13">
        <v>346</v>
      </c>
      <c r="D65" s="12">
        <v>727</v>
      </c>
    </row>
    <row r="66" spans="1:4" ht="18" customHeight="1" x14ac:dyDescent="0.2">
      <c r="A66" s="8">
        <v>50</v>
      </c>
      <c r="B66" s="35">
        <v>89</v>
      </c>
      <c r="C66" s="13">
        <v>90</v>
      </c>
      <c r="D66" s="12">
        <v>179</v>
      </c>
    </row>
    <row r="67" spans="1:4" ht="18" customHeight="1" x14ac:dyDescent="0.2">
      <c r="A67" s="8">
        <v>51</v>
      </c>
      <c r="B67" s="35">
        <v>99</v>
      </c>
      <c r="C67" s="13">
        <v>92</v>
      </c>
      <c r="D67" s="12">
        <v>191</v>
      </c>
    </row>
    <row r="68" spans="1:4" ht="18" customHeight="1" x14ac:dyDescent="0.2">
      <c r="A68" s="8">
        <v>52</v>
      </c>
      <c r="B68" s="35">
        <v>84</v>
      </c>
      <c r="C68" s="13">
        <v>97</v>
      </c>
      <c r="D68" s="12">
        <v>181</v>
      </c>
    </row>
    <row r="69" spans="1:4" ht="18" customHeight="1" x14ac:dyDescent="0.2">
      <c r="A69" s="8">
        <v>53</v>
      </c>
      <c r="B69" s="35">
        <v>70</v>
      </c>
      <c r="C69" s="13">
        <v>70</v>
      </c>
      <c r="D69" s="12">
        <v>140</v>
      </c>
    </row>
    <row r="70" spans="1:4" ht="18" customHeight="1" x14ac:dyDescent="0.2">
      <c r="A70" s="8">
        <v>54</v>
      </c>
      <c r="B70" s="35">
        <v>88</v>
      </c>
      <c r="C70" s="13">
        <v>91</v>
      </c>
      <c r="D70" s="12">
        <v>179</v>
      </c>
    </row>
    <row r="71" spans="1:4" ht="18" customHeight="1" x14ac:dyDescent="0.2">
      <c r="A71" s="8" t="s">
        <v>14</v>
      </c>
      <c r="B71" s="35">
        <v>430</v>
      </c>
      <c r="C71" s="13">
        <v>440</v>
      </c>
      <c r="D71" s="12">
        <v>870</v>
      </c>
    </row>
    <row r="72" spans="1:4" ht="18" customHeight="1" x14ac:dyDescent="0.2">
      <c r="A72" s="8">
        <v>55</v>
      </c>
      <c r="B72" s="35">
        <v>91</v>
      </c>
      <c r="C72" s="13">
        <v>72</v>
      </c>
      <c r="D72" s="12">
        <v>163</v>
      </c>
    </row>
    <row r="73" spans="1:4" ht="18" customHeight="1" x14ac:dyDescent="0.2">
      <c r="A73" s="8">
        <v>56</v>
      </c>
      <c r="B73" s="35">
        <v>83</v>
      </c>
      <c r="C73" s="13">
        <v>94</v>
      </c>
      <c r="D73" s="12">
        <v>177</v>
      </c>
    </row>
    <row r="74" spans="1:4" ht="18" customHeight="1" x14ac:dyDescent="0.2">
      <c r="A74" s="8">
        <v>57</v>
      </c>
      <c r="B74" s="35">
        <v>75</v>
      </c>
      <c r="C74" s="13">
        <v>73</v>
      </c>
      <c r="D74" s="12">
        <v>148</v>
      </c>
    </row>
    <row r="75" spans="1:4" ht="18" customHeight="1" x14ac:dyDescent="0.2">
      <c r="A75" s="8">
        <v>58</v>
      </c>
      <c r="B75" s="35">
        <v>66</v>
      </c>
      <c r="C75" s="13">
        <v>69</v>
      </c>
      <c r="D75" s="12">
        <v>135</v>
      </c>
    </row>
    <row r="76" spans="1:4" ht="18" customHeight="1" x14ac:dyDescent="0.2">
      <c r="A76" s="8">
        <v>59</v>
      </c>
      <c r="B76" s="35">
        <v>84</v>
      </c>
      <c r="C76" s="13">
        <v>71</v>
      </c>
      <c r="D76" s="12">
        <v>155</v>
      </c>
    </row>
    <row r="77" spans="1:4" ht="18" customHeight="1" x14ac:dyDescent="0.2">
      <c r="A77" s="8" t="s">
        <v>13</v>
      </c>
      <c r="B77" s="35">
        <v>399</v>
      </c>
      <c r="C77" s="13">
        <v>379</v>
      </c>
      <c r="D77" s="12">
        <v>778</v>
      </c>
    </row>
    <row r="78" spans="1:4" ht="18" customHeight="1" x14ac:dyDescent="0.2">
      <c r="A78" s="8">
        <v>60</v>
      </c>
      <c r="B78" s="35">
        <v>100</v>
      </c>
      <c r="C78" s="13">
        <v>78</v>
      </c>
      <c r="D78" s="12">
        <v>178</v>
      </c>
    </row>
    <row r="79" spans="1:4" ht="18" customHeight="1" x14ac:dyDescent="0.2">
      <c r="A79" s="8">
        <v>61</v>
      </c>
      <c r="B79" s="35">
        <v>64</v>
      </c>
      <c r="C79" s="13">
        <v>72</v>
      </c>
      <c r="D79" s="12">
        <v>136</v>
      </c>
    </row>
    <row r="80" spans="1:4" ht="18" customHeight="1" x14ac:dyDescent="0.2">
      <c r="A80" s="8">
        <v>62</v>
      </c>
      <c r="B80" s="35">
        <v>71</v>
      </c>
      <c r="C80" s="13">
        <v>96</v>
      </c>
      <c r="D80" s="12">
        <v>167</v>
      </c>
    </row>
    <row r="81" spans="1:4" ht="18" customHeight="1" x14ac:dyDescent="0.2">
      <c r="A81" s="8">
        <v>63</v>
      </c>
      <c r="B81" s="35">
        <v>78</v>
      </c>
      <c r="C81" s="13">
        <v>87</v>
      </c>
      <c r="D81" s="12">
        <v>165</v>
      </c>
    </row>
    <row r="82" spans="1:4" ht="18" customHeight="1" x14ac:dyDescent="0.2">
      <c r="A82" s="8">
        <v>64</v>
      </c>
      <c r="B82" s="35">
        <v>80</v>
      </c>
      <c r="C82" s="13">
        <v>72</v>
      </c>
      <c r="D82" s="12">
        <v>152</v>
      </c>
    </row>
    <row r="83" spans="1:4" ht="18" customHeight="1" x14ac:dyDescent="0.2">
      <c r="A83" s="8" t="s">
        <v>12</v>
      </c>
      <c r="B83" s="35">
        <v>393</v>
      </c>
      <c r="C83" s="13">
        <v>405</v>
      </c>
      <c r="D83" s="12">
        <v>798</v>
      </c>
    </row>
    <row r="84" spans="1:4" ht="18" customHeight="1" x14ac:dyDescent="0.2">
      <c r="A84" s="8" t="s">
        <v>11</v>
      </c>
      <c r="B84" s="35">
        <v>3224</v>
      </c>
      <c r="C84" s="13">
        <v>3001</v>
      </c>
      <c r="D84" s="12">
        <v>6225</v>
      </c>
    </row>
    <row r="85" spans="1:4" ht="18" customHeight="1" x14ac:dyDescent="0.2">
      <c r="A85" s="8">
        <v>65</v>
      </c>
      <c r="B85" s="35">
        <v>74</v>
      </c>
      <c r="C85" s="13">
        <v>83</v>
      </c>
      <c r="D85" s="12">
        <v>157</v>
      </c>
    </row>
    <row r="86" spans="1:4" ht="18" customHeight="1" x14ac:dyDescent="0.2">
      <c r="A86" s="8">
        <v>66</v>
      </c>
      <c r="B86" s="35">
        <v>74</v>
      </c>
      <c r="C86" s="13">
        <v>63</v>
      </c>
      <c r="D86" s="12">
        <v>137</v>
      </c>
    </row>
    <row r="87" spans="1:4" ht="18" customHeight="1" x14ac:dyDescent="0.2">
      <c r="A87" s="8">
        <v>67</v>
      </c>
      <c r="B87" s="35">
        <v>84</v>
      </c>
      <c r="C87" s="13">
        <v>78</v>
      </c>
      <c r="D87" s="12">
        <v>162</v>
      </c>
    </row>
    <row r="88" spans="1:4" ht="18" customHeight="1" x14ac:dyDescent="0.2">
      <c r="A88" s="8">
        <v>68</v>
      </c>
      <c r="B88" s="35">
        <v>71</v>
      </c>
      <c r="C88" s="13">
        <v>81</v>
      </c>
      <c r="D88" s="12">
        <v>152</v>
      </c>
    </row>
    <row r="89" spans="1:4" ht="18" customHeight="1" x14ac:dyDescent="0.2">
      <c r="A89" s="8">
        <v>69</v>
      </c>
      <c r="B89" s="35">
        <v>81</v>
      </c>
      <c r="C89" s="13">
        <v>77</v>
      </c>
      <c r="D89" s="12">
        <v>158</v>
      </c>
    </row>
    <row r="90" spans="1:4" ht="18" customHeight="1" x14ac:dyDescent="0.2">
      <c r="A90" s="8" t="s">
        <v>10</v>
      </c>
      <c r="B90" s="35">
        <v>384</v>
      </c>
      <c r="C90" s="13">
        <v>382</v>
      </c>
      <c r="D90" s="12">
        <v>766</v>
      </c>
    </row>
    <row r="91" spans="1:4" ht="18" customHeight="1" x14ac:dyDescent="0.2">
      <c r="A91" s="8">
        <v>70</v>
      </c>
      <c r="B91" s="35">
        <v>66</v>
      </c>
      <c r="C91" s="13">
        <v>94</v>
      </c>
      <c r="D91" s="12">
        <v>160</v>
      </c>
    </row>
    <row r="92" spans="1:4" ht="18" customHeight="1" x14ac:dyDescent="0.2">
      <c r="A92" s="8">
        <v>71</v>
      </c>
      <c r="B92" s="35">
        <v>70</v>
      </c>
      <c r="C92" s="13">
        <v>80</v>
      </c>
      <c r="D92" s="12">
        <v>150</v>
      </c>
    </row>
    <row r="93" spans="1:4" ht="18" customHeight="1" x14ac:dyDescent="0.2">
      <c r="A93" s="8">
        <v>72</v>
      </c>
      <c r="B93" s="35">
        <v>85</v>
      </c>
      <c r="C93" s="13">
        <v>84</v>
      </c>
      <c r="D93" s="12">
        <v>169</v>
      </c>
    </row>
    <row r="94" spans="1:4" ht="18" customHeight="1" x14ac:dyDescent="0.2">
      <c r="A94" s="8">
        <v>73</v>
      </c>
      <c r="B94" s="35">
        <v>78</v>
      </c>
      <c r="C94" s="13">
        <v>81</v>
      </c>
      <c r="D94" s="12">
        <v>159</v>
      </c>
    </row>
    <row r="95" spans="1:4" ht="18" customHeight="1" x14ac:dyDescent="0.2">
      <c r="A95" s="8">
        <v>74</v>
      </c>
      <c r="B95" s="35">
        <v>87</v>
      </c>
      <c r="C95" s="13">
        <v>99</v>
      </c>
      <c r="D95" s="12">
        <v>186</v>
      </c>
    </row>
    <row r="96" spans="1:4" ht="18" customHeight="1" x14ac:dyDescent="0.2">
      <c r="A96" s="8" t="s">
        <v>9</v>
      </c>
      <c r="B96" s="35">
        <v>386</v>
      </c>
      <c r="C96" s="13">
        <v>438</v>
      </c>
      <c r="D96" s="12">
        <v>824</v>
      </c>
    </row>
    <row r="97" spans="1:4" ht="18" customHeight="1" x14ac:dyDescent="0.2">
      <c r="A97" s="8">
        <v>75</v>
      </c>
      <c r="B97" s="35">
        <v>88</v>
      </c>
      <c r="C97" s="13">
        <v>114</v>
      </c>
      <c r="D97" s="12">
        <v>202</v>
      </c>
    </row>
    <row r="98" spans="1:4" ht="18" customHeight="1" x14ac:dyDescent="0.2">
      <c r="A98" s="8">
        <v>76</v>
      </c>
      <c r="B98" s="35">
        <v>83</v>
      </c>
      <c r="C98" s="13">
        <v>107</v>
      </c>
      <c r="D98" s="12">
        <v>190</v>
      </c>
    </row>
    <row r="99" spans="1:4" ht="18" customHeight="1" x14ac:dyDescent="0.2">
      <c r="A99" s="8">
        <v>77</v>
      </c>
      <c r="B99" s="35">
        <v>46</v>
      </c>
      <c r="C99" s="13">
        <v>53</v>
      </c>
      <c r="D99" s="12">
        <v>99</v>
      </c>
    </row>
    <row r="100" spans="1:4" ht="18" customHeight="1" x14ac:dyDescent="0.2">
      <c r="A100" s="8">
        <v>78</v>
      </c>
      <c r="B100" s="35">
        <v>48</v>
      </c>
      <c r="C100" s="13">
        <v>84</v>
      </c>
      <c r="D100" s="12">
        <v>132</v>
      </c>
    </row>
    <row r="101" spans="1:4" ht="18" customHeight="1" x14ac:dyDescent="0.2">
      <c r="A101" s="8">
        <v>79</v>
      </c>
      <c r="B101" s="35">
        <v>62</v>
      </c>
      <c r="C101" s="13">
        <v>91</v>
      </c>
      <c r="D101" s="12">
        <v>153</v>
      </c>
    </row>
    <row r="102" spans="1:4" ht="18" customHeight="1" x14ac:dyDescent="0.2">
      <c r="A102" s="8" t="s">
        <v>8</v>
      </c>
      <c r="B102" s="35">
        <v>327</v>
      </c>
      <c r="C102" s="13">
        <v>449</v>
      </c>
      <c r="D102" s="12">
        <v>776</v>
      </c>
    </row>
    <row r="103" spans="1:4" ht="18" customHeight="1" x14ac:dyDescent="0.2">
      <c r="A103" s="8">
        <v>80</v>
      </c>
      <c r="B103" s="35">
        <v>51</v>
      </c>
      <c r="C103" s="13">
        <v>91</v>
      </c>
      <c r="D103" s="12">
        <v>142</v>
      </c>
    </row>
    <row r="104" spans="1:4" ht="18" customHeight="1" x14ac:dyDescent="0.2">
      <c r="A104" s="8">
        <v>81</v>
      </c>
      <c r="B104" s="35">
        <v>71</v>
      </c>
      <c r="C104" s="13">
        <v>102</v>
      </c>
      <c r="D104" s="12">
        <v>173</v>
      </c>
    </row>
    <row r="105" spans="1:4" ht="18" customHeight="1" x14ac:dyDescent="0.2">
      <c r="A105" s="8">
        <v>82</v>
      </c>
      <c r="B105" s="35">
        <v>52</v>
      </c>
      <c r="C105" s="13">
        <v>82</v>
      </c>
      <c r="D105" s="12">
        <v>134</v>
      </c>
    </row>
    <row r="106" spans="1:4" ht="18" customHeight="1" x14ac:dyDescent="0.2">
      <c r="A106" s="8">
        <v>83</v>
      </c>
      <c r="B106" s="35">
        <v>45</v>
      </c>
      <c r="C106" s="13">
        <v>77</v>
      </c>
      <c r="D106" s="12">
        <v>122</v>
      </c>
    </row>
    <row r="107" spans="1:4" ht="18" customHeight="1" x14ac:dyDescent="0.2">
      <c r="A107" s="8">
        <v>84</v>
      </c>
      <c r="B107" s="35">
        <v>32</v>
      </c>
      <c r="C107" s="13">
        <v>53</v>
      </c>
      <c r="D107" s="12">
        <v>85</v>
      </c>
    </row>
    <row r="108" spans="1:4" ht="18" customHeight="1" x14ac:dyDescent="0.2">
      <c r="A108" s="8" t="s">
        <v>7</v>
      </c>
      <c r="B108" s="35">
        <v>251</v>
      </c>
      <c r="C108" s="13">
        <v>405</v>
      </c>
      <c r="D108" s="12">
        <v>656</v>
      </c>
    </row>
    <row r="109" spans="1:4" ht="18" customHeight="1" x14ac:dyDescent="0.2">
      <c r="A109" s="8">
        <v>85</v>
      </c>
      <c r="B109" s="35">
        <v>45</v>
      </c>
      <c r="C109" s="13">
        <v>48</v>
      </c>
      <c r="D109" s="12">
        <v>93</v>
      </c>
    </row>
    <row r="110" spans="1:4" ht="18" customHeight="1" x14ac:dyDescent="0.2">
      <c r="A110" s="8">
        <v>86</v>
      </c>
      <c r="B110" s="35">
        <v>35</v>
      </c>
      <c r="C110" s="13">
        <v>52</v>
      </c>
      <c r="D110" s="12">
        <v>87</v>
      </c>
    </row>
    <row r="111" spans="1:4" ht="18" customHeight="1" x14ac:dyDescent="0.2">
      <c r="A111" s="8">
        <v>87</v>
      </c>
      <c r="B111" s="35">
        <v>28</v>
      </c>
      <c r="C111" s="13">
        <v>62</v>
      </c>
      <c r="D111" s="12">
        <v>90</v>
      </c>
    </row>
    <row r="112" spans="1:4" ht="18" customHeight="1" x14ac:dyDescent="0.2">
      <c r="A112" s="8">
        <v>88</v>
      </c>
      <c r="B112" s="35">
        <v>26</v>
      </c>
      <c r="C112" s="13">
        <v>57</v>
      </c>
      <c r="D112" s="12">
        <v>83</v>
      </c>
    </row>
    <row r="113" spans="1:4" ht="18" customHeight="1" x14ac:dyDescent="0.2">
      <c r="A113" s="8">
        <v>89</v>
      </c>
      <c r="B113" s="35">
        <v>22</v>
      </c>
      <c r="C113" s="13">
        <v>56</v>
      </c>
      <c r="D113" s="12">
        <v>78</v>
      </c>
    </row>
    <row r="114" spans="1:4" ht="18" customHeight="1" x14ac:dyDescent="0.2">
      <c r="A114" s="8" t="s">
        <v>6</v>
      </c>
      <c r="B114" s="35">
        <v>156</v>
      </c>
      <c r="C114" s="13">
        <v>275</v>
      </c>
      <c r="D114" s="12">
        <v>431</v>
      </c>
    </row>
    <row r="115" spans="1:4" ht="18" customHeight="1" x14ac:dyDescent="0.2">
      <c r="A115" s="8">
        <v>90</v>
      </c>
      <c r="B115" s="35">
        <v>12</v>
      </c>
      <c r="C115" s="13">
        <v>35</v>
      </c>
      <c r="D115" s="12">
        <v>47</v>
      </c>
    </row>
    <row r="116" spans="1:4" ht="18" customHeight="1" x14ac:dyDescent="0.2">
      <c r="A116" s="8">
        <v>91</v>
      </c>
      <c r="B116" s="35">
        <v>17</v>
      </c>
      <c r="C116" s="13">
        <v>37</v>
      </c>
      <c r="D116" s="12">
        <v>54</v>
      </c>
    </row>
    <row r="117" spans="1:4" ht="18" customHeight="1" x14ac:dyDescent="0.2">
      <c r="A117" s="8">
        <v>92</v>
      </c>
      <c r="B117" s="35">
        <v>4</v>
      </c>
      <c r="C117" s="13">
        <v>43</v>
      </c>
      <c r="D117" s="12">
        <v>47</v>
      </c>
    </row>
    <row r="118" spans="1:4" ht="18" customHeight="1" x14ac:dyDescent="0.2">
      <c r="A118" s="8">
        <v>93</v>
      </c>
      <c r="B118" s="35">
        <v>6</v>
      </c>
      <c r="C118" s="13">
        <v>36</v>
      </c>
      <c r="D118" s="12">
        <v>42</v>
      </c>
    </row>
    <row r="119" spans="1:4" ht="18" customHeight="1" x14ac:dyDescent="0.2">
      <c r="A119" s="8">
        <v>94</v>
      </c>
      <c r="B119" s="35">
        <v>5</v>
      </c>
      <c r="C119" s="13">
        <v>21</v>
      </c>
      <c r="D119" s="12">
        <v>26</v>
      </c>
    </row>
    <row r="120" spans="1:4" ht="18" customHeight="1" x14ac:dyDescent="0.2">
      <c r="A120" s="8" t="s">
        <v>5</v>
      </c>
      <c r="B120" s="35">
        <v>44</v>
      </c>
      <c r="C120" s="13">
        <v>172</v>
      </c>
      <c r="D120" s="12">
        <v>216</v>
      </c>
    </row>
    <row r="121" spans="1:4" ht="18" customHeight="1" x14ac:dyDescent="0.2">
      <c r="A121" s="8">
        <v>95</v>
      </c>
      <c r="B121" s="35">
        <v>3</v>
      </c>
      <c r="C121" s="13">
        <v>11</v>
      </c>
      <c r="D121" s="12">
        <v>14</v>
      </c>
    </row>
    <row r="122" spans="1:4" ht="18" customHeight="1" x14ac:dyDescent="0.2">
      <c r="A122" s="8">
        <v>96</v>
      </c>
      <c r="B122" s="35">
        <v>2</v>
      </c>
      <c r="C122" s="13">
        <v>13</v>
      </c>
      <c r="D122" s="12">
        <v>15</v>
      </c>
    </row>
    <row r="123" spans="1:4" ht="18" customHeight="1" x14ac:dyDescent="0.2">
      <c r="A123" s="8">
        <v>97</v>
      </c>
      <c r="B123" s="35">
        <v>3</v>
      </c>
      <c r="C123" s="13">
        <v>6</v>
      </c>
      <c r="D123" s="12">
        <v>9</v>
      </c>
    </row>
    <row r="124" spans="1:4" ht="18" customHeight="1" x14ac:dyDescent="0.2">
      <c r="A124" s="8">
        <v>98</v>
      </c>
      <c r="B124" s="35">
        <v>2</v>
      </c>
      <c r="C124" s="13">
        <v>12</v>
      </c>
      <c r="D124" s="12">
        <v>14</v>
      </c>
    </row>
    <row r="125" spans="1:4" ht="18" customHeight="1" x14ac:dyDescent="0.2">
      <c r="A125" s="8">
        <v>99</v>
      </c>
      <c r="B125" s="35">
        <v>0</v>
      </c>
      <c r="C125" s="13">
        <v>4</v>
      </c>
      <c r="D125" s="12">
        <v>4</v>
      </c>
    </row>
    <row r="126" spans="1:4" ht="18" customHeight="1" x14ac:dyDescent="0.2">
      <c r="A126" s="8" t="s">
        <v>4</v>
      </c>
      <c r="B126" s="35">
        <v>10</v>
      </c>
      <c r="C126" s="13">
        <v>46</v>
      </c>
      <c r="D126" s="12">
        <v>56</v>
      </c>
    </row>
    <row r="127" spans="1:4" ht="18" customHeight="1" x14ac:dyDescent="0.2">
      <c r="A127" s="8">
        <v>100</v>
      </c>
      <c r="B127" s="35">
        <v>1</v>
      </c>
      <c r="C127" s="13">
        <v>2</v>
      </c>
      <c r="D127" s="12">
        <v>3</v>
      </c>
    </row>
    <row r="128" spans="1:4" ht="18" customHeight="1" x14ac:dyDescent="0.2">
      <c r="A128" s="15" t="s">
        <v>3</v>
      </c>
      <c r="B128" s="35">
        <v>1</v>
      </c>
      <c r="C128" s="13">
        <v>4</v>
      </c>
      <c r="D128" s="12">
        <v>5</v>
      </c>
    </row>
    <row r="129" spans="1:4" ht="18" customHeight="1" x14ac:dyDescent="0.2">
      <c r="A129" s="8" t="s">
        <v>2</v>
      </c>
      <c r="B129" s="35">
        <v>2</v>
      </c>
      <c r="C129" s="13">
        <v>6</v>
      </c>
      <c r="D129" s="12">
        <v>8</v>
      </c>
    </row>
    <row r="130" spans="1:4" ht="18" customHeight="1" x14ac:dyDescent="0.2">
      <c r="A130" s="8" t="s">
        <v>1</v>
      </c>
      <c r="B130" s="28">
        <v>1560</v>
      </c>
      <c r="C130" s="6">
        <v>2173</v>
      </c>
      <c r="D130" s="5">
        <v>3733</v>
      </c>
    </row>
    <row r="131" spans="1:4" ht="18" customHeight="1" x14ac:dyDescent="0.2">
      <c r="A131" s="4" t="s">
        <v>0</v>
      </c>
      <c r="B131" s="27">
        <v>5298</v>
      </c>
      <c r="C131" s="2">
        <v>5644</v>
      </c>
      <c r="D131" s="1">
        <v>10942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C276901-89DA-4094-9DC4-E7409FACC11A}">
  <sheetPr codeName="Sheet6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86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34</v>
      </c>
      <c r="C5" s="45">
        <v>36</v>
      </c>
      <c r="D5" s="44">
        <v>70</v>
      </c>
    </row>
    <row r="6" spans="1:4" ht="18" customHeight="1" x14ac:dyDescent="0.2">
      <c r="A6" s="8">
        <v>1</v>
      </c>
      <c r="B6" s="40">
        <v>44</v>
      </c>
      <c r="C6" s="13">
        <v>35</v>
      </c>
      <c r="D6" s="12">
        <v>79</v>
      </c>
    </row>
    <row r="7" spans="1:4" ht="18" customHeight="1" x14ac:dyDescent="0.2">
      <c r="A7" s="8">
        <v>2</v>
      </c>
      <c r="B7" s="40">
        <v>41</v>
      </c>
      <c r="C7" s="13">
        <v>40</v>
      </c>
      <c r="D7" s="12">
        <v>81</v>
      </c>
    </row>
    <row r="8" spans="1:4" ht="18" customHeight="1" x14ac:dyDescent="0.2">
      <c r="A8" s="8">
        <v>3</v>
      </c>
      <c r="B8" s="40">
        <v>43</v>
      </c>
      <c r="C8" s="13">
        <v>37</v>
      </c>
      <c r="D8" s="12">
        <v>80</v>
      </c>
    </row>
    <row r="9" spans="1:4" ht="18" customHeight="1" x14ac:dyDescent="0.2">
      <c r="A9" s="8">
        <v>4</v>
      </c>
      <c r="B9" s="43">
        <v>46</v>
      </c>
      <c r="C9" s="42">
        <v>47</v>
      </c>
      <c r="D9" s="41">
        <v>93</v>
      </c>
    </row>
    <row r="10" spans="1:4" ht="18" customHeight="1" x14ac:dyDescent="0.2">
      <c r="A10" s="8" t="s">
        <v>25</v>
      </c>
      <c r="B10" s="35">
        <v>208</v>
      </c>
      <c r="C10" s="13">
        <v>195</v>
      </c>
      <c r="D10" s="12">
        <v>403</v>
      </c>
    </row>
    <row r="11" spans="1:4" ht="18" customHeight="1" x14ac:dyDescent="0.2">
      <c r="A11" s="8">
        <v>5</v>
      </c>
      <c r="B11" s="40">
        <v>38</v>
      </c>
      <c r="C11" s="13">
        <v>45</v>
      </c>
      <c r="D11" s="12">
        <v>83</v>
      </c>
    </row>
    <row r="12" spans="1:4" ht="18" customHeight="1" x14ac:dyDescent="0.2">
      <c r="A12" s="8">
        <v>6</v>
      </c>
      <c r="B12" s="40">
        <v>58</v>
      </c>
      <c r="C12" s="13">
        <v>29</v>
      </c>
      <c r="D12" s="12">
        <v>87</v>
      </c>
    </row>
    <row r="13" spans="1:4" ht="18" customHeight="1" x14ac:dyDescent="0.2">
      <c r="A13" s="8">
        <v>7</v>
      </c>
      <c r="B13" s="40">
        <v>37</v>
      </c>
      <c r="C13" s="13">
        <v>46</v>
      </c>
      <c r="D13" s="12">
        <v>83</v>
      </c>
    </row>
    <row r="14" spans="1:4" ht="18" customHeight="1" x14ac:dyDescent="0.2">
      <c r="A14" s="8">
        <v>8</v>
      </c>
      <c r="B14" s="40">
        <v>36</v>
      </c>
      <c r="C14" s="13">
        <v>42</v>
      </c>
      <c r="D14" s="12">
        <v>78</v>
      </c>
    </row>
    <row r="15" spans="1:4" ht="18" customHeight="1" x14ac:dyDescent="0.2">
      <c r="A15" s="8">
        <v>9</v>
      </c>
      <c r="B15" s="40">
        <v>39</v>
      </c>
      <c r="C15" s="13">
        <v>34</v>
      </c>
      <c r="D15" s="12">
        <v>73</v>
      </c>
    </row>
    <row r="16" spans="1:4" ht="18" customHeight="1" x14ac:dyDescent="0.2">
      <c r="A16" s="8" t="s">
        <v>24</v>
      </c>
      <c r="B16" s="35">
        <v>208</v>
      </c>
      <c r="C16" s="13">
        <v>196</v>
      </c>
      <c r="D16" s="12">
        <v>404</v>
      </c>
    </row>
    <row r="17" spans="1:4" ht="18" customHeight="1" x14ac:dyDescent="0.2">
      <c r="A17" s="8">
        <v>10</v>
      </c>
      <c r="B17" s="35">
        <v>39</v>
      </c>
      <c r="C17" s="13">
        <v>35</v>
      </c>
      <c r="D17" s="12">
        <v>74</v>
      </c>
    </row>
    <row r="18" spans="1:4" ht="18" customHeight="1" x14ac:dyDescent="0.2">
      <c r="A18" s="8">
        <v>11</v>
      </c>
      <c r="B18" s="35">
        <v>36</v>
      </c>
      <c r="C18" s="13">
        <v>28</v>
      </c>
      <c r="D18" s="12">
        <v>64</v>
      </c>
    </row>
    <row r="19" spans="1:4" ht="18" customHeight="1" x14ac:dyDescent="0.2">
      <c r="A19" s="8">
        <v>12</v>
      </c>
      <c r="B19" s="35">
        <v>41</v>
      </c>
      <c r="C19" s="13">
        <v>35</v>
      </c>
      <c r="D19" s="12">
        <v>76</v>
      </c>
    </row>
    <row r="20" spans="1:4" ht="18" customHeight="1" x14ac:dyDescent="0.2">
      <c r="A20" s="8">
        <v>13</v>
      </c>
      <c r="B20" s="35">
        <v>39</v>
      </c>
      <c r="C20" s="13">
        <v>29</v>
      </c>
      <c r="D20" s="12">
        <v>68</v>
      </c>
    </row>
    <row r="21" spans="1:4" ht="18" customHeight="1" x14ac:dyDescent="0.2">
      <c r="A21" s="8">
        <v>14</v>
      </c>
      <c r="B21" s="35">
        <v>38</v>
      </c>
      <c r="C21" s="13">
        <v>38</v>
      </c>
      <c r="D21" s="12">
        <v>76</v>
      </c>
    </row>
    <row r="22" spans="1:4" ht="18" customHeight="1" x14ac:dyDescent="0.2">
      <c r="A22" s="8" t="s">
        <v>23</v>
      </c>
      <c r="B22" s="35">
        <v>193</v>
      </c>
      <c r="C22" s="13">
        <v>165</v>
      </c>
      <c r="D22" s="12">
        <v>358</v>
      </c>
    </row>
    <row r="23" spans="1:4" ht="18" customHeight="1" x14ac:dyDescent="0.2">
      <c r="A23" s="8" t="s">
        <v>22</v>
      </c>
      <c r="B23" s="35">
        <v>609</v>
      </c>
      <c r="C23" s="13">
        <v>556</v>
      </c>
      <c r="D23" s="12">
        <v>1165</v>
      </c>
    </row>
    <row r="24" spans="1:4" ht="18" customHeight="1" x14ac:dyDescent="0.2">
      <c r="A24" s="8">
        <v>15</v>
      </c>
      <c r="B24" s="35">
        <v>46</v>
      </c>
      <c r="C24" s="13">
        <v>33</v>
      </c>
      <c r="D24" s="12">
        <v>79</v>
      </c>
    </row>
    <row r="25" spans="1:4" ht="18" customHeight="1" x14ac:dyDescent="0.2">
      <c r="A25" s="8">
        <v>16</v>
      </c>
      <c r="B25" s="35">
        <v>34</v>
      </c>
      <c r="C25" s="13">
        <v>31</v>
      </c>
      <c r="D25" s="12">
        <v>65</v>
      </c>
    </row>
    <row r="26" spans="1:4" ht="18" customHeight="1" x14ac:dyDescent="0.2">
      <c r="A26" s="8">
        <v>17</v>
      </c>
      <c r="B26" s="35">
        <v>40</v>
      </c>
      <c r="C26" s="13">
        <v>35</v>
      </c>
      <c r="D26" s="12">
        <v>75</v>
      </c>
    </row>
    <row r="27" spans="1:4" ht="18" customHeight="1" x14ac:dyDescent="0.2">
      <c r="A27" s="8">
        <v>18</v>
      </c>
      <c r="B27" s="35">
        <v>39</v>
      </c>
      <c r="C27" s="13">
        <v>36</v>
      </c>
      <c r="D27" s="12">
        <v>75</v>
      </c>
    </row>
    <row r="28" spans="1:4" ht="18" customHeight="1" x14ac:dyDescent="0.2">
      <c r="A28" s="8">
        <v>19</v>
      </c>
      <c r="B28" s="35">
        <v>41</v>
      </c>
      <c r="C28" s="13">
        <v>35</v>
      </c>
      <c r="D28" s="12">
        <v>76</v>
      </c>
    </row>
    <row r="29" spans="1:4" ht="18" customHeight="1" x14ac:dyDescent="0.2">
      <c r="A29" s="8" t="s">
        <v>21</v>
      </c>
      <c r="B29" s="35">
        <v>200</v>
      </c>
      <c r="C29" s="13">
        <v>170</v>
      </c>
      <c r="D29" s="12">
        <v>370</v>
      </c>
    </row>
    <row r="30" spans="1:4" ht="18" customHeight="1" x14ac:dyDescent="0.2">
      <c r="A30" s="8">
        <v>20</v>
      </c>
      <c r="B30" s="35">
        <v>41</v>
      </c>
      <c r="C30" s="13">
        <v>36</v>
      </c>
      <c r="D30" s="12">
        <v>77</v>
      </c>
    </row>
    <row r="31" spans="1:4" ht="18" customHeight="1" x14ac:dyDescent="0.2">
      <c r="A31" s="8">
        <v>21</v>
      </c>
      <c r="B31" s="35">
        <v>45</v>
      </c>
      <c r="C31" s="13">
        <v>47</v>
      </c>
      <c r="D31" s="12">
        <v>92</v>
      </c>
    </row>
    <row r="32" spans="1:4" ht="18" customHeight="1" x14ac:dyDescent="0.2">
      <c r="A32" s="8">
        <v>22</v>
      </c>
      <c r="B32" s="35">
        <v>31</v>
      </c>
      <c r="C32" s="13">
        <v>46</v>
      </c>
      <c r="D32" s="12">
        <v>77</v>
      </c>
    </row>
    <row r="33" spans="1:4" ht="18" customHeight="1" x14ac:dyDescent="0.2">
      <c r="A33" s="8">
        <v>23</v>
      </c>
      <c r="B33" s="35">
        <v>34</v>
      </c>
      <c r="C33" s="13">
        <v>42</v>
      </c>
      <c r="D33" s="12">
        <v>76</v>
      </c>
    </row>
    <row r="34" spans="1:4" ht="18" customHeight="1" x14ac:dyDescent="0.2">
      <c r="A34" s="8">
        <v>24</v>
      </c>
      <c r="B34" s="35">
        <v>37</v>
      </c>
      <c r="C34" s="13">
        <v>30</v>
      </c>
      <c r="D34" s="12">
        <v>67</v>
      </c>
    </row>
    <row r="35" spans="1:4" ht="18" customHeight="1" x14ac:dyDescent="0.2">
      <c r="A35" s="8" t="s">
        <v>20</v>
      </c>
      <c r="B35" s="35">
        <v>188</v>
      </c>
      <c r="C35" s="13">
        <v>201</v>
      </c>
      <c r="D35" s="12">
        <v>389</v>
      </c>
    </row>
    <row r="36" spans="1:4" ht="18" customHeight="1" x14ac:dyDescent="0.2">
      <c r="A36" s="8">
        <v>25</v>
      </c>
      <c r="B36" s="35">
        <v>33</v>
      </c>
      <c r="C36" s="13">
        <v>25</v>
      </c>
      <c r="D36" s="12">
        <v>58</v>
      </c>
    </row>
    <row r="37" spans="1:4" ht="18" customHeight="1" x14ac:dyDescent="0.2">
      <c r="A37" s="8">
        <v>26</v>
      </c>
      <c r="B37" s="35">
        <v>33</v>
      </c>
      <c r="C37" s="13">
        <v>30</v>
      </c>
      <c r="D37" s="12">
        <v>63</v>
      </c>
    </row>
    <row r="38" spans="1:4" ht="18" customHeight="1" x14ac:dyDescent="0.2">
      <c r="A38" s="8">
        <v>27</v>
      </c>
      <c r="B38" s="35">
        <v>39</v>
      </c>
      <c r="C38" s="13">
        <v>32</v>
      </c>
      <c r="D38" s="12">
        <v>71</v>
      </c>
    </row>
    <row r="39" spans="1:4" ht="18" customHeight="1" x14ac:dyDescent="0.2">
      <c r="A39" s="8">
        <v>28</v>
      </c>
      <c r="B39" s="35">
        <v>53</v>
      </c>
      <c r="C39" s="13">
        <v>45</v>
      </c>
      <c r="D39" s="12">
        <v>98</v>
      </c>
    </row>
    <row r="40" spans="1:4" ht="18" customHeight="1" x14ac:dyDescent="0.2">
      <c r="A40" s="8">
        <v>29</v>
      </c>
      <c r="B40" s="35">
        <v>45</v>
      </c>
      <c r="C40" s="13">
        <v>44</v>
      </c>
      <c r="D40" s="12">
        <v>89</v>
      </c>
    </row>
    <row r="41" spans="1:4" ht="18" customHeight="1" x14ac:dyDescent="0.2">
      <c r="A41" s="8" t="s">
        <v>19</v>
      </c>
      <c r="B41" s="35">
        <v>203</v>
      </c>
      <c r="C41" s="13">
        <v>176</v>
      </c>
      <c r="D41" s="12">
        <v>379</v>
      </c>
    </row>
    <row r="42" spans="1:4" ht="18" customHeight="1" x14ac:dyDescent="0.2">
      <c r="A42" s="8">
        <v>30</v>
      </c>
      <c r="B42" s="35">
        <v>44</v>
      </c>
      <c r="C42" s="13">
        <v>45</v>
      </c>
      <c r="D42" s="12">
        <v>89</v>
      </c>
    </row>
    <row r="43" spans="1:4" ht="18" customHeight="1" x14ac:dyDescent="0.2">
      <c r="A43" s="8">
        <v>31</v>
      </c>
      <c r="B43" s="35">
        <v>53</v>
      </c>
      <c r="C43" s="13">
        <v>60</v>
      </c>
      <c r="D43" s="12">
        <v>113</v>
      </c>
    </row>
    <row r="44" spans="1:4" ht="18" customHeight="1" x14ac:dyDescent="0.2">
      <c r="A44" s="8">
        <v>32</v>
      </c>
      <c r="B44" s="35">
        <v>44</v>
      </c>
      <c r="C44" s="13">
        <v>41</v>
      </c>
      <c r="D44" s="12">
        <v>85</v>
      </c>
    </row>
    <row r="45" spans="1:4" ht="18" customHeight="1" x14ac:dyDescent="0.2">
      <c r="A45" s="8">
        <v>33</v>
      </c>
      <c r="B45" s="35">
        <v>46</v>
      </c>
      <c r="C45" s="13">
        <v>56</v>
      </c>
      <c r="D45" s="12">
        <v>102</v>
      </c>
    </row>
    <row r="46" spans="1:4" ht="18" customHeight="1" x14ac:dyDescent="0.2">
      <c r="A46" s="8">
        <v>34</v>
      </c>
      <c r="B46" s="35">
        <v>62</v>
      </c>
      <c r="C46" s="13">
        <v>45</v>
      </c>
      <c r="D46" s="12">
        <v>107</v>
      </c>
    </row>
    <row r="47" spans="1:4" ht="18" customHeight="1" x14ac:dyDescent="0.2">
      <c r="A47" s="8" t="s">
        <v>18</v>
      </c>
      <c r="B47" s="35">
        <v>249</v>
      </c>
      <c r="C47" s="13">
        <v>247</v>
      </c>
      <c r="D47" s="12">
        <v>496</v>
      </c>
    </row>
    <row r="48" spans="1:4" ht="18" customHeight="1" x14ac:dyDescent="0.2">
      <c r="A48" s="8">
        <v>35</v>
      </c>
      <c r="B48" s="35">
        <v>52</v>
      </c>
      <c r="C48" s="13">
        <v>47</v>
      </c>
      <c r="D48" s="12">
        <v>99</v>
      </c>
    </row>
    <row r="49" spans="1:4" ht="18" customHeight="1" x14ac:dyDescent="0.2">
      <c r="A49" s="8">
        <v>36</v>
      </c>
      <c r="B49" s="35">
        <v>53</v>
      </c>
      <c r="C49" s="13">
        <v>49</v>
      </c>
      <c r="D49" s="12">
        <v>102</v>
      </c>
    </row>
    <row r="50" spans="1:4" ht="18" customHeight="1" x14ac:dyDescent="0.2">
      <c r="A50" s="8">
        <v>37</v>
      </c>
      <c r="B50" s="35">
        <v>48</v>
      </c>
      <c r="C50" s="13">
        <v>48</v>
      </c>
      <c r="D50" s="12">
        <v>96</v>
      </c>
    </row>
    <row r="51" spans="1:4" ht="18" customHeight="1" x14ac:dyDescent="0.2">
      <c r="A51" s="8">
        <v>38</v>
      </c>
      <c r="B51" s="35">
        <v>62</v>
      </c>
      <c r="C51" s="13">
        <v>58</v>
      </c>
      <c r="D51" s="12">
        <v>120</v>
      </c>
    </row>
    <row r="52" spans="1:4" ht="18" customHeight="1" x14ac:dyDescent="0.2">
      <c r="A52" s="8">
        <v>39</v>
      </c>
      <c r="B52" s="35">
        <v>68</v>
      </c>
      <c r="C52" s="13">
        <v>45</v>
      </c>
      <c r="D52" s="12">
        <v>113</v>
      </c>
    </row>
    <row r="53" spans="1:4" ht="18" customHeight="1" x14ac:dyDescent="0.2">
      <c r="A53" s="8" t="s">
        <v>17</v>
      </c>
      <c r="B53" s="35">
        <v>283</v>
      </c>
      <c r="C53" s="13">
        <v>247</v>
      </c>
      <c r="D53" s="12">
        <v>530</v>
      </c>
    </row>
    <row r="54" spans="1:4" ht="18" customHeight="1" x14ac:dyDescent="0.2">
      <c r="A54" s="8">
        <v>40</v>
      </c>
      <c r="B54" s="35">
        <v>50</v>
      </c>
      <c r="C54" s="13">
        <v>42</v>
      </c>
      <c r="D54" s="12">
        <v>92</v>
      </c>
    </row>
    <row r="55" spans="1:4" ht="18" customHeight="1" x14ac:dyDescent="0.2">
      <c r="A55" s="8">
        <v>41</v>
      </c>
      <c r="B55" s="35">
        <v>56</v>
      </c>
      <c r="C55" s="13">
        <v>58</v>
      </c>
      <c r="D55" s="12">
        <v>114</v>
      </c>
    </row>
    <row r="56" spans="1:4" ht="18" customHeight="1" x14ac:dyDescent="0.2">
      <c r="A56" s="8">
        <v>42</v>
      </c>
      <c r="B56" s="35">
        <v>45</v>
      </c>
      <c r="C56" s="13">
        <v>46</v>
      </c>
      <c r="D56" s="12">
        <v>91</v>
      </c>
    </row>
    <row r="57" spans="1:4" ht="18" customHeight="1" x14ac:dyDescent="0.2">
      <c r="A57" s="8">
        <v>43</v>
      </c>
      <c r="B57" s="35">
        <v>56</v>
      </c>
      <c r="C57" s="13">
        <v>53</v>
      </c>
      <c r="D57" s="12">
        <v>109</v>
      </c>
    </row>
    <row r="58" spans="1:4" ht="18" customHeight="1" x14ac:dyDescent="0.2">
      <c r="A58" s="8">
        <v>44</v>
      </c>
      <c r="B58" s="35">
        <v>62</v>
      </c>
      <c r="C58" s="13">
        <v>56</v>
      </c>
      <c r="D58" s="12">
        <v>118</v>
      </c>
    </row>
    <row r="59" spans="1:4" ht="18" customHeight="1" x14ac:dyDescent="0.2">
      <c r="A59" s="8" t="s">
        <v>16</v>
      </c>
      <c r="B59" s="35">
        <v>269</v>
      </c>
      <c r="C59" s="13">
        <v>255</v>
      </c>
      <c r="D59" s="12">
        <v>524</v>
      </c>
    </row>
    <row r="60" spans="1:4" ht="18" customHeight="1" x14ac:dyDescent="0.2">
      <c r="A60" s="8">
        <v>45</v>
      </c>
      <c r="B60" s="35">
        <v>60</v>
      </c>
      <c r="C60" s="13">
        <v>54</v>
      </c>
      <c r="D60" s="12">
        <v>114</v>
      </c>
    </row>
    <row r="61" spans="1:4" ht="18" customHeight="1" x14ac:dyDescent="0.2">
      <c r="A61" s="8">
        <v>46</v>
      </c>
      <c r="B61" s="35">
        <v>48</v>
      </c>
      <c r="C61" s="13">
        <v>54</v>
      </c>
      <c r="D61" s="12">
        <v>102</v>
      </c>
    </row>
    <row r="62" spans="1:4" ht="18" customHeight="1" x14ac:dyDescent="0.2">
      <c r="A62" s="8">
        <v>47</v>
      </c>
      <c r="B62" s="35">
        <v>78</v>
      </c>
      <c r="C62" s="13">
        <v>48</v>
      </c>
      <c r="D62" s="12">
        <v>126</v>
      </c>
    </row>
    <row r="63" spans="1:4" ht="18" customHeight="1" x14ac:dyDescent="0.2">
      <c r="A63" s="8">
        <v>48</v>
      </c>
      <c r="B63" s="35">
        <v>58</v>
      </c>
      <c r="C63" s="13">
        <v>56</v>
      </c>
      <c r="D63" s="12">
        <v>114</v>
      </c>
    </row>
    <row r="64" spans="1:4" ht="18" customHeight="1" x14ac:dyDescent="0.2">
      <c r="A64" s="8">
        <v>49</v>
      </c>
      <c r="B64" s="35">
        <v>54</v>
      </c>
      <c r="C64" s="13">
        <v>73</v>
      </c>
      <c r="D64" s="12">
        <v>127</v>
      </c>
    </row>
    <row r="65" spans="1:4" ht="18" customHeight="1" x14ac:dyDescent="0.2">
      <c r="A65" s="8" t="s">
        <v>15</v>
      </c>
      <c r="B65" s="35">
        <v>298</v>
      </c>
      <c r="C65" s="13">
        <v>285</v>
      </c>
      <c r="D65" s="12">
        <v>583</v>
      </c>
    </row>
    <row r="66" spans="1:4" ht="18" customHeight="1" x14ac:dyDescent="0.2">
      <c r="A66" s="8">
        <v>50</v>
      </c>
      <c r="B66" s="35">
        <v>77</v>
      </c>
      <c r="C66" s="13">
        <v>52</v>
      </c>
      <c r="D66" s="12">
        <v>129</v>
      </c>
    </row>
    <row r="67" spans="1:4" ht="18" customHeight="1" x14ac:dyDescent="0.2">
      <c r="A67" s="8">
        <v>51</v>
      </c>
      <c r="B67" s="35">
        <v>57</v>
      </c>
      <c r="C67" s="13">
        <v>51</v>
      </c>
      <c r="D67" s="12">
        <v>108</v>
      </c>
    </row>
    <row r="68" spans="1:4" ht="18" customHeight="1" x14ac:dyDescent="0.2">
      <c r="A68" s="8">
        <v>52</v>
      </c>
      <c r="B68" s="35">
        <v>52</v>
      </c>
      <c r="C68" s="13">
        <v>52</v>
      </c>
      <c r="D68" s="12">
        <v>104</v>
      </c>
    </row>
    <row r="69" spans="1:4" ht="18" customHeight="1" x14ac:dyDescent="0.2">
      <c r="A69" s="8">
        <v>53</v>
      </c>
      <c r="B69" s="35">
        <v>43</v>
      </c>
      <c r="C69" s="13">
        <v>53</v>
      </c>
      <c r="D69" s="12">
        <v>96</v>
      </c>
    </row>
    <row r="70" spans="1:4" ht="18" customHeight="1" x14ac:dyDescent="0.2">
      <c r="A70" s="8">
        <v>54</v>
      </c>
      <c r="B70" s="35">
        <v>50</v>
      </c>
      <c r="C70" s="13">
        <v>50</v>
      </c>
      <c r="D70" s="12">
        <v>100</v>
      </c>
    </row>
    <row r="71" spans="1:4" ht="18" customHeight="1" x14ac:dyDescent="0.2">
      <c r="A71" s="8" t="s">
        <v>14</v>
      </c>
      <c r="B71" s="35">
        <v>279</v>
      </c>
      <c r="C71" s="13">
        <v>258</v>
      </c>
      <c r="D71" s="12">
        <v>537</v>
      </c>
    </row>
    <row r="72" spans="1:4" ht="18" customHeight="1" x14ac:dyDescent="0.2">
      <c r="A72" s="8">
        <v>55</v>
      </c>
      <c r="B72" s="35">
        <v>54</v>
      </c>
      <c r="C72" s="13">
        <v>43</v>
      </c>
      <c r="D72" s="12">
        <v>97</v>
      </c>
    </row>
    <row r="73" spans="1:4" ht="18" customHeight="1" x14ac:dyDescent="0.2">
      <c r="A73" s="8">
        <v>56</v>
      </c>
      <c r="B73" s="35">
        <v>44</v>
      </c>
      <c r="C73" s="13">
        <v>62</v>
      </c>
      <c r="D73" s="12">
        <v>106</v>
      </c>
    </row>
    <row r="74" spans="1:4" ht="18" customHeight="1" x14ac:dyDescent="0.2">
      <c r="A74" s="8">
        <v>57</v>
      </c>
      <c r="B74" s="35">
        <v>42</v>
      </c>
      <c r="C74" s="13">
        <v>36</v>
      </c>
      <c r="D74" s="12">
        <v>78</v>
      </c>
    </row>
    <row r="75" spans="1:4" ht="18" customHeight="1" x14ac:dyDescent="0.2">
      <c r="A75" s="8">
        <v>58</v>
      </c>
      <c r="B75" s="35">
        <v>47</v>
      </c>
      <c r="C75" s="13">
        <v>47</v>
      </c>
      <c r="D75" s="12">
        <v>94</v>
      </c>
    </row>
    <row r="76" spans="1:4" ht="18" customHeight="1" x14ac:dyDescent="0.2">
      <c r="A76" s="8">
        <v>59</v>
      </c>
      <c r="B76" s="35">
        <v>60</v>
      </c>
      <c r="C76" s="13">
        <v>48</v>
      </c>
      <c r="D76" s="12">
        <v>108</v>
      </c>
    </row>
    <row r="77" spans="1:4" ht="18" customHeight="1" x14ac:dyDescent="0.2">
      <c r="A77" s="8" t="s">
        <v>13</v>
      </c>
      <c r="B77" s="35">
        <v>247</v>
      </c>
      <c r="C77" s="13">
        <v>236</v>
      </c>
      <c r="D77" s="12">
        <v>483</v>
      </c>
    </row>
    <row r="78" spans="1:4" ht="18" customHeight="1" x14ac:dyDescent="0.2">
      <c r="A78" s="8">
        <v>60</v>
      </c>
      <c r="B78" s="35">
        <v>45</v>
      </c>
      <c r="C78" s="13">
        <v>48</v>
      </c>
      <c r="D78" s="12">
        <v>93</v>
      </c>
    </row>
    <row r="79" spans="1:4" ht="18" customHeight="1" x14ac:dyDescent="0.2">
      <c r="A79" s="8">
        <v>61</v>
      </c>
      <c r="B79" s="35">
        <v>33</v>
      </c>
      <c r="C79" s="13">
        <v>33</v>
      </c>
      <c r="D79" s="12">
        <v>66</v>
      </c>
    </row>
    <row r="80" spans="1:4" ht="18" customHeight="1" x14ac:dyDescent="0.2">
      <c r="A80" s="8">
        <v>62</v>
      </c>
      <c r="B80" s="35">
        <v>37</v>
      </c>
      <c r="C80" s="13">
        <v>30</v>
      </c>
      <c r="D80" s="12">
        <v>67</v>
      </c>
    </row>
    <row r="81" spans="1:4" ht="18" customHeight="1" x14ac:dyDescent="0.2">
      <c r="A81" s="8">
        <v>63</v>
      </c>
      <c r="B81" s="35">
        <v>39</v>
      </c>
      <c r="C81" s="13">
        <v>36</v>
      </c>
      <c r="D81" s="12">
        <v>75</v>
      </c>
    </row>
    <row r="82" spans="1:4" ht="18" customHeight="1" x14ac:dyDescent="0.2">
      <c r="A82" s="8">
        <v>64</v>
      </c>
      <c r="B82" s="35">
        <v>44</v>
      </c>
      <c r="C82" s="13">
        <v>38</v>
      </c>
      <c r="D82" s="12">
        <v>82</v>
      </c>
    </row>
    <row r="83" spans="1:4" ht="18" customHeight="1" x14ac:dyDescent="0.2">
      <c r="A83" s="8" t="s">
        <v>12</v>
      </c>
      <c r="B83" s="35">
        <v>198</v>
      </c>
      <c r="C83" s="13">
        <v>185</v>
      </c>
      <c r="D83" s="12">
        <v>383</v>
      </c>
    </row>
    <row r="84" spans="1:4" ht="18" customHeight="1" x14ac:dyDescent="0.2">
      <c r="A84" s="8" t="s">
        <v>11</v>
      </c>
      <c r="B84" s="35">
        <v>2414</v>
      </c>
      <c r="C84" s="13">
        <v>2260</v>
      </c>
      <c r="D84" s="12">
        <v>4674</v>
      </c>
    </row>
    <row r="85" spans="1:4" ht="18" customHeight="1" x14ac:dyDescent="0.2">
      <c r="A85" s="8">
        <v>65</v>
      </c>
      <c r="B85" s="35">
        <v>46</v>
      </c>
      <c r="C85" s="13">
        <v>36</v>
      </c>
      <c r="D85" s="12">
        <v>82</v>
      </c>
    </row>
    <row r="86" spans="1:4" ht="18" customHeight="1" x14ac:dyDescent="0.2">
      <c r="A86" s="8">
        <v>66</v>
      </c>
      <c r="B86" s="35">
        <v>32</v>
      </c>
      <c r="C86" s="13">
        <v>44</v>
      </c>
      <c r="D86" s="12">
        <v>76</v>
      </c>
    </row>
    <row r="87" spans="1:4" ht="18" customHeight="1" x14ac:dyDescent="0.2">
      <c r="A87" s="8">
        <v>67</v>
      </c>
      <c r="B87" s="35">
        <v>35</v>
      </c>
      <c r="C87" s="13">
        <v>50</v>
      </c>
      <c r="D87" s="12">
        <v>85</v>
      </c>
    </row>
    <row r="88" spans="1:4" ht="18" customHeight="1" x14ac:dyDescent="0.2">
      <c r="A88" s="8">
        <v>68</v>
      </c>
      <c r="B88" s="35">
        <v>44</v>
      </c>
      <c r="C88" s="13">
        <v>53</v>
      </c>
      <c r="D88" s="12">
        <v>97</v>
      </c>
    </row>
    <row r="89" spans="1:4" ht="18" customHeight="1" x14ac:dyDescent="0.2">
      <c r="A89" s="8">
        <v>69</v>
      </c>
      <c r="B89" s="35">
        <v>36</v>
      </c>
      <c r="C89" s="13">
        <v>49</v>
      </c>
      <c r="D89" s="12">
        <v>85</v>
      </c>
    </row>
    <row r="90" spans="1:4" ht="18" customHeight="1" x14ac:dyDescent="0.2">
      <c r="A90" s="8" t="s">
        <v>10</v>
      </c>
      <c r="B90" s="35">
        <v>193</v>
      </c>
      <c r="C90" s="13">
        <v>232</v>
      </c>
      <c r="D90" s="12">
        <v>425</v>
      </c>
    </row>
    <row r="91" spans="1:4" ht="18" customHeight="1" x14ac:dyDescent="0.2">
      <c r="A91" s="8">
        <v>70</v>
      </c>
      <c r="B91" s="35">
        <v>38</v>
      </c>
      <c r="C91" s="13">
        <v>39</v>
      </c>
      <c r="D91" s="12">
        <v>77</v>
      </c>
    </row>
    <row r="92" spans="1:4" ht="18" customHeight="1" x14ac:dyDescent="0.2">
      <c r="A92" s="8">
        <v>71</v>
      </c>
      <c r="B92" s="35">
        <v>43</v>
      </c>
      <c r="C92" s="13">
        <v>43</v>
      </c>
      <c r="D92" s="12">
        <v>86</v>
      </c>
    </row>
    <row r="93" spans="1:4" ht="18" customHeight="1" x14ac:dyDescent="0.2">
      <c r="A93" s="8">
        <v>72</v>
      </c>
      <c r="B93" s="35">
        <v>52</v>
      </c>
      <c r="C93" s="13">
        <v>50</v>
      </c>
      <c r="D93" s="12">
        <v>102</v>
      </c>
    </row>
    <row r="94" spans="1:4" ht="18" customHeight="1" x14ac:dyDescent="0.2">
      <c r="A94" s="8">
        <v>73</v>
      </c>
      <c r="B94" s="35">
        <v>55</v>
      </c>
      <c r="C94" s="13">
        <v>54</v>
      </c>
      <c r="D94" s="12">
        <v>109</v>
      </c>
    </row>
    <row r="95" spans="1:4" ht="18" customHeight="1" x14ac:dyDescent="0.2">
      <c r="A95" s="8">
        <v>74</v>
      </c>
      <c r="B95" s="35">
        <v>44</v>
      </c>
      <c r="C95" s="13">
        <v>68</v>
      </c>
      <c r="D95" s="12">
        <v>112</v>
      </c>
    </row>
    <row r="96" spans="1:4" ht="18" customHeight="1" x14ac:dyDescent="0.2">
      <c r="A96" s="8" t="s">
        <v>9</v>
      </c>
      <c r="B96" s="35">
        <v>232</v>
      </c>
      <c r="C96" s="13">
        <v>254</v>
      </c>
      <c r="D96" s="12">
        <v>486</v>
      </c>
    </row>
    <row r="97" spans="1:4" ht="18" customHeight="1" x14ac:dyDescent="0.2">
      <c r="A97" s="8">
        <v>75</v>
      </c>
      <c r="B97" s="35">
        <v>48</v>
      </c>
      <c r="C97" s="13">
        <v>55</v>
      </c>
      <c r="D97" s="12">
        <v>103</v>
      </c>
    </row>
    <row r="98" spans="1:4" ht="18" customHeight="1" x14ac:dyDescent="0.2">
      <c r="A98" s="8">
        <v>76</v>
      </c>
      <c r="B98" s="35">
        <v>43</v>
      </c>
      <c r="C98" s="13">
        <v>49</v>
      </c>
      <c r="D98" s="12">
        <v>92</v>
      </c>
    </row>
    <row r="99" spans="1:4" ht="18" customHeight="1" x14ac:dyDescent="0.2">
      <c r="A99" s="8">
        <v>77</v>
      </c>
      <c r="B99" s="35">
        <v>18</v>
      </c>
      <c r="C99" s="13">
        <v>32</v>
      </c>
      <c r="D99" s="12">
        <v>50</v>
      </c>
    </row>
    <row r="100" spans="1:4" ht="18" customHeight="1" x14ac:dyDescent="0.2">
      <c r="A100" s="8">
        <v>78</v>
      </c>
      <c r="B100" s="35">
        <v>36</v>
      </c>
      <c r="C100" s="13">
        <v>40</v>
      </c>
      <c r="D100" s="12">
        <v>76</v>
      </c>
    </row>
    <row r="101" spans="1:4" ht="18" customHeight="1" x14ac:dyDescent="0.2">
      <c r="A101" s="8">
        <v>79</v>
      </c>
      <c r="B101" s="35">
        <v>32</v>
      </c>
      <c r="C101" s="13">
        <v>44</v>
      </c>
      <c r="D101" s="12">
        <v>76</v>
      </c>
    </row>
    <row r="102" spans="1:4" ht="18" customHeight="1" x14ac:dyDescent="0.2">
      <c r="A102" s="8" t="s">
        <v>8</v>
      </c>
      <c r="B102" s="35">
        <v>177</v>
      </c>
      <c r="C102" s="13">
        <v>220</v>
      </c>
      <c r="D102" s="12">
        <v>397</v>
      </c>
    </row>
    <row r="103" spans="1:4" ht="18" customHeight="1" x14ac:dyDescent="0.2">
      <c r="A103" s="8">
        <v>80</v>
      </c>
      <c r="B103" s="35">
        <v>26</v>
      </c>
      <c r="C103" s="13">
        <v>42</v>
      </c>
      <c r="D103" s="12">
        <v>68</v>
      </c>
    </row>
    <row r="104" spans="1:4" ht="18" customHeight="1" x14ac:dyDescent="0.2">
      <c r="A104" s="8">
        <v>81</v>
      </c>
      <c r="B104" s="35">
        <v>30</v>
      </c>
      <c r="C104" s="13">
        <v>52</v>
      </c>
      <c r="D104" s="12">
        <v>82</v>
      </c>
    </row>
    <row r="105" spans="1:4" ht="18" customHeight="1" x14ac:dyDescent="0.2">
      <c r="A105" s="8">
        <v>82</v>
      </c>
      <c r="B105" s="35">
        <v>26</v>
      </c>
      <c r="C105" s="13">
        <v>33</v>
      </c>
      <c r="D105" s="12">
        <v>59</v>
      </c>
    </row>
    <row r="106" spans="1:4" ht="18" customHeight="1" x14ac:dyDescent="0.2">
      <c r="A106" s="8">
        <v>83</v>
      </c>
      <c r="B106" s="35">
        <v>27</v>
      </c>
      <c r="C106" s="13">
        <v>28</v>
      </c>
      <c r="D106" s="12">
        <v>55</v>
      </c>
    </row>
    <row r="107" spans="1:4" ht="18" customHeight="1" x14ac:dyDescent="0.2">
      <c r="A107" s="8">
        <v>84</v>
      </c>
      <c r="B107" s="35">
        <v>19</v>
      </c>
      <c r="C107" s="13">
        <v>18</v>
      </c>
      <c r="D107" s="12">
        <v>37</v>
      </c>
    </row>
    <row r="108" spans="1:4" ht="18" customHeight="1" x14ac:dyDescent="0.2">
      <c r="A108" s="8" t="s">
        <v>7</v>
      </c>
      <c r="B108" s="35">
        <v>128</v>
      </c>
      <c r="C108" s="13">
        <v>173</v>
      </c>
      <c r="D108" s="12">
        <v>301</v>
      </c>
    </row>
    <row r="109" spans="1:4" ht="18" customHeight="1" x14ac:dyDescent="0.2">
      <c r="A109" s="8">
        <v>85</v>
      </c>
      <c r="B109" s="35">
        <v>21</v>
      </c>
      <c r="C109" s="13">
        <v>30</v>
      </c>
      <c r="D109" s="12">
        <v>51</v>
      </c>
    </row>
    <row r="110" spans="1:4" ht="18" customHeight="1" x14ac:dyDescent="0.2">
      <c r="A110" s="8">
        <v>86</v>
      </c>
      <c r="B110" s="35">
        <v>13</v>
      </c>
      <c r="C110" s="13">
        <v>32</v>
      </c>
      <c r="D110" s="12">
        <v>45</v>
      </c>
    </row>
    <row r="111" spans="1:4" ht="18" customHeight="1" x14ac:dyDescent="0.2">
      <c r="A111" s="8">
        <v>87</v>
      </c>
      <c r="B111" s="35">
        <v>14</v>
      </c>
      <c r="C111" s="13">
        <v>28</v>
      </c>
      <c r="D111" s="12">
        <v>42</v>
      </c>
    </row>
    <row r="112" spans="1:4" ht="18" customHeight="1" x14ac:dyDescent="0.2">
      <c r="A112" s="8">
        <v>88</v>
      </c>
      <c r="B112" s="35">
        <v>11</v>
      </c>
      <c r="C112" s="13">
        <v>26</v>
      </c>
      <c r="D112" s="12">
        <v>37</v>
      </c>
    </row>
    <row r="113" spans="1:4" ht="18" customHeight="1" x14ac:dyDescent="0.2">
      <c r="A113" s="8">
        <v>89</v>
      </c>
      <c r="B113" s="35">
        <v>9</v>
      </c>
      <c r="C113" s="13">
        <v>18</v>
      </c>
      <c r="D113" s="12">
        <v>27</v>
      </c>
    </row>
    <row r="114" spans="1:4" ht="18" customHeight="1" x14ac:dyDescent="0.2">
      <c r="A114" s="8" t="s">
        <v>6</v>
      </c>
      <c r="B114" s="35">
        <v>68</v>
      </c>
      <c r="C114" s="13">
        <v>134</v>
      </c>
      <c r="D114" s="12">
        <v>202</v>
      </c>
    </row>
    <row r="115" spans="1:4" ht="18" customHeight="1" x14ac:dyDescent="0.2">
      <c r="A115" s="8">
        <v>90</v>
      </c>
      <c r="B115" s="35">
        <v>7</v>
      </c>
      <c r="C115" s="13">
        <v>14</v>
      </c>
      <c r="D115" s="12">
        <v>21</v>
      </c>
    </row>
    <row r="116" spans="1:4" ht="18" customHeight="1" x14ac:dyDescent="0.2">
      <c r="A116" s="8">
        <v>91</v>
      </c>
      <c r="B116" s="35">
        <v>6</v>
      </c>
      <c r="C116" s="13">
        <v>18</v>
      </c>
      <c r="D116" s="12">
        <v>24</v>
      </c>
    </row>
    <row r="117" spans="1:4" ht="18" customHeight="1" x14ac:dyDescent="0.2">
      <c r="A117" s="8">
        <v>92</v>
      </c>
      <c r="B117" s="35">
        <v>4</v>
      </c>
      <c r="C117" s="13">
        <v>14</v>
      </c>
      <c r="D117" s="12">
        <v>18</v>
      </c>
    </row>
    <row r="118" spans="1:4" ht="18" customHeight="1" x14ac:dyDescent="0.2">
      <c r="A118" s="8">
        <v>93</v>
      </c>
      <c r="B118" s="35">
        <v>3</v>
      </c>
      <c r="C118" s="13">
        <v>16</v>
      </c>
      <c r="D118" s="12">
        <v>19</v>
      </c>
    </row>
    <row r="119" spans="1:4" ht="18" customHeight="1" x14ac:dyDescent="0.2">
      <c r="A119" s="8">
        <v>94</v>
      </c>
      <c r="B119" s="35">
        <v>1</v>
      </c>
      <c r="C119" s="13">
        <v>13</v>
      </c>
      <c r="D119" s="12">
        <v>14</v>
      </c>
    </row>
    <row r="120" spans="1:4" ht="18" customHeight="1" x14ac:dyDescent="0.2">
      <c r="A120" s="8" t="s">
        <v>5</v>
      </c>
      <c r="B120" s="35">
        <v>21</v>
      </c>
      <c r="C120" s="13">
        <v>75</v>
      </c>
      <c r="D120" s="12">
        <v>96</v>
      </c>
    </row>
    <row r="121" spans="1:4" ht="18" customHeight="1" x14ac:dyDescent="0.2">
      <c r="A121" s="8">
        <v>95</v>
      </c>
      <c r="B121" s="35">
        <v>2</v>
      </c>
      <c r="C121" s="13">
        <v>12</v>
      </c>
      <c r="D121" s="12">
        <v>14</v>
      </c>
    </row>
    <row r="122" spans="1:4" ht="18" customHeight="1" x14ac:dyDescent="0.2">
      <c r="A122" s="8">
        <v>96</v>
      </c>
      <c r="B122" s="35">
        <v>2</v>
      </c>
      <c r="C122" s="13">
        <v>3</v>
      </c>
      <c r="D122" s="12">
        <v>5</v>
      </c>
    </row>
    <row r="123" spans="1:4" ht="18" customHeight="1" x14ac:dyDescent="0.2">
      <c r="A123" s="8">
        <v>97</v>
      </c>
      <c r="B123" s="35">
        <v>0</v>
      </c>
      <c r="C123" s="13">
        <v>9</v>
      </c>
      <c r="D123" s="12">
        <v>9</v>
      </c>
    </row>
    <row r="124" spans="1:4" ht="18" customHeight="1" x14ac:dyDescent="0.2">
      <c r="A124" s="8">
        <v>98</v>
      </c>
      <c r="B124" s="35">
        <v>1</v>
      </c>
      <c r="C124" s="13">
        <v>4</v>
      </c>
      <c r="D124" s="12">
        <v>5</v>
      </c>
    </row>
    <row r="125" spans="1:4" ht="18" customHeight="1" x14ac:dyDescent="0.2">
      <c r="A125" s="8">
        <v>99</v>
      </c>
      <c r="B125" s="35">
        <v>0</v>
      </c>
      <c r="C125" s="13">
        <v>1</v>
      </c>
      <c r="D125" s="12">
        <v>1</v>
      </c>
    </row>
    <row r="126" spans="1:4" ht="18" customHeight="1" x14ac:dyDescent="0.2">
      <c r="A126" s="8" t="s">
        <v>4</v>
      </c>
      <c r="B126" s="35">
        <v>5</v>
      </c>
      <c r="C126" s="13">
        <v>29</v>
      </c>
      <c r="D126" s="12">
        <v>34</v>
      </c>
    </row>
    <row r="127" spans="1:4" ht="18" customHeight="1" x14ac:dyDescent="0.2">
      <c r="A127" s="8">
        <v>100</v>
      </c>
      <c r="B127" s="35">
        <v>0</v>
      </c>
      <c r="C127" s="13">
        <v>1</v>
      </c>
      <c r="D127" s="12">
        <v>1</v>
      </c>
    </row>
    <row r="128" spans="1:4" ht="18" customHeight="1" x14ac:dyDescent="0.2">
      <c r="A128" s="15" t="s">
        <v>3</v>
      </c>
      <c r="B128" s="35">
        <v>1</v>
      </c>
      <c r="C128" s="13">
        <v>4</v>
      </c>
      <c r="D128" s="12">
        <v>5</v>
      </c>
    </row>
    <row r="129" spans="1:4" ht="18" customHeight="1" x14ac:dyDescent="0.2">
      <c r="A129" s="8" t="s">
        <v>2</v>
      </c>
      <c r="B129" s="35">
        <v>1</v>
      </c>
      <c r="C129" s="13">
        <v>5</v>
      </c>
      <c r="D129" s="12">
        <v>6</v>
      </c>
    </row>
    <row r="130" spans="1:4" ht="18" customHeight="1" x14ac:dyDescent="0.2">
      <c r="A130" s="8" t="s">
        <v>1</v>
      </c>
      <c r="B130" s="28">
        <v>825</v>
      </c>
      <c r="C130" s="6">
        <v>1122</v>
      </c>
      <c r="D130" s="5">
        <v>1947</v>
      </c>
    </row>
    <row r="131" spans="1:4" ht="18" customHeight="1" x14ac:dyDescent="0.2">
      <c r="A131" s="4" t="s">
        <v>0</v>
      </c>
      <c r="B131" s="27">
        <v>3848</v>
      </c>
      <c r="C131" s="2">
        <v>3938</v>
      </c>
      <c r="D131" s="1">
        <v>778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F2D3241-3F62-4B44-B5C6-44A146DC75FD}">
  <sheetPr codeName="Sheet6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87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60</v>
      </c>
      <c r="C5" s="45">
        <v>65</v>
      </c>
      <c r="D5" s="44">
        <v>125</v>
      </c>
    </row>
    <row r="6" spans="1:4" ht="18" customHeight="1" x14ac:dyDescent="0.2">
      <c r="A6" s="8">
        <v>1</v>
      </c>
      <c r="B6" s="40">
        <v>71</v>
      </c>
      <c r="C6" s="13">
        <v>59</v>
      </c>
      <c r="D6" s="12">
        <v>130</v>
      </c>
    </row>
    <row r="7" spans="1:4" ht="18" customHeight="1" x14ac:dyDescent="0.2">
      <c r="A7" s="8">
        <v>2</v>
      </c>
      <c r="B7" s="40">
        <v>65</v>
      </c>
      <c r="C7" s="13">
        <v>70</v>
      </c>
      <c r="D7" s="12">
        <v>135</v>
      </c>
    </row>
    <row r="8" spans="1:4" ht="18" customHeight="1" x14ac:dyDescent="0.2">
      <c r="A8" s="8">
        <v>3</v>
      </c>
      <c r="B8" s="40">
        <v>72</v>
      </c>
      <c r="C8" s="13">
        <v>57</v>
      </c>
      <c r="D8" s="12">
        <v>129</v>
      </c>
    </row>
    <row r="9" spans="1:4" ht="18" customHeight="1" x14ac:dyDescent="0.2">
      <c r="A9" s="8">
        <v>4</v>
      </c>
      <c r="B9" s="43">
        <v>91</v>
      </c>
      <c r="C9" s="42">
        <v>88</v>
      </c>
      <c r="D9" s="41">
        <v>179</v>
      </c>
    </row>
    <row r="10" spans="1:4" ht="18" customHeight="1" x14ac:dyDescent="0.2">
      <c r="A10" s="8" t="s">
        <v>25</v>
      </c>
      <c r="B10" s="35">
        <v>359</v>
      </c>
      <c r="C10" s="13">
        <v>339</v>
      </c>
      <c r="D10" s="12">
        <v>698</v>
      </c>
    </row>
    <row r="11" spans="1:4" ht="18" customHeight="1" x14ac:dyDescent="0.2">
      <c r="A11" s="8">
        <v>5</v>
      </c>
      <c r="B11" s="40">
        <v>74</v>
      </c>
      <c r="C11" s="13">
        <v>70</v>
      </c>
      <c r="D11" s="12">
        <v>144</v>
      </c>
    </row>
    <row r="12" spans="1:4" ht="18" customHeight="1" x14ac:dyDescent="0.2">
      <c r="A12" s="8">
        <v>6</v>
      </c>
      <c r="B12" s="40">
        <v>94</v>
      </c>
      <c r="C12" s="13">
        <v>72</v>
      </c>
      <c r="D12" s="12">
        <v>166</v>
      </c>
    </row>
    <row r="13" spans="1:4" ht="18" customHeight="1" x14ac:dyDescent="0.2">
      <c r="A13" s="8">
        <v>7</v>
      </c>
      <c r="B13" s="40">
        <v>85</v>
      </c>
      <c r="C13" s="13">
        <v>82</v>
      </c>
      <c r="D13" s="12">
        <v>167</v>
      </c>
    </row>
    <row r="14" spans="1:4" ht="18" customHeight="1" x14ac:dyDescent="0.2">
      <c r="A14" s="8">
        <v>8</v>
      </c>
      <c r="B14" s="40">
        <v>85</v>
      </c>
      <c r="C14" s="13">
        <v>73</v>
      </c>
      <c r="D14" s="12">
        <v>158</v>
      </c>
    </row>
    <row r="15" spans="1:4" ht="18" customHeight="1" x14ac:dyDescent="0.2">
      <c r="A15" s="8">
        <v>9</v>
      </c>
      <c r="B15" s="40">
        <v>71</v>
      </c>
      <c r="C15" s="13">
        <v>76</v>
      </c>
      <c r="D15" s="12">
        <v>147</v>
      </c>
    </row>
    <row r="16" spans="1:4" ht="18" customHeight="1" x14ac:dyDescent="0.2">
      <c r="A16" s="8" t="s">
        <v>24</v>
      </c>
      <c r="B16" s="35">
        <v>409</v>
      </c>
      <c r="C16" s="13">
        <v>373</v>
      </c>
      <c r="D16" s="12">
        <v>782</v>
      </c>
    </row>
    <row r="17" spans="1:4" ht="18" customHeight="1" x14ac:dyDescent="0.2">
      <c r="A17" s="8">
        <v>10</v>
      </c>
      <c r="B17" s="35">
        <v>79</v>
      </c>
      <c r="C17" s="13">
        <v>73</v>
      </c>
      <c r="D17" s="12">
        <v>152</v>
      </c>
    </row>
    <row r="18" spans="1:4" ht="18" customHeight="1" x14ac:dyDescent="0.2">
      <c r="A18" s="8">
        <v>11</v>
      </c>
      <c r="B18" s="35">
        <v>78</v>
      </c>
      <c r="C18" s="13">
        <v>77</v>
      </c>
      <c r="D18" s="12">
        <v>155</v>
      </c>
    </row>
    <row r="19" spans="1:4" ht="18" customHeight="1" x14ac:dyDescent="0.2">
      <c r="A19" s="8">
        <v>12</v>
      </c>
      <c r="B19" s="35">
        <v>106</v>
      </c>
      <c r="C19" s="13">
        <v>74</v>
      </c>
      <c r="D19" s="12">
        <v>180</v>
      </c>
    </row>
    <row r="20" spans="1:4" ht="18" customHeight="1" x14ac:dyDescent="0.2">
      <c r="A20" s="8">
        <v>13</v>
      </c>
      <c r="B20" s="35">
        <v>92</v>
      </c>
      <c r="C20" s="13">
        <v>75</v>
      </c>
      <c r="D20" s="12">
        <v>167</v>
      </c>
    </row>
    <row r="21" spans="1:4" ht="18" customHeight="1" x14ac:dyDescent="0.2">
      <c r="A21" s="8">
        <v>14</v>
      </c>
      <c r="B21" s="35">
        <v>94</v>
      </c>
      <c r="C21" s="13">
        <v>86</v>
      </c>
      <c r="D21" s="12">
        <v>180</v>
      </c>
    </row>
    <row r="22" spans="1:4" ht="18" customHeight="1" x14ac:dyDescent="0.2">
      <c r="A22" s="8" t="s">
        <v>23</v>
      </c>
      <c r="B22" s="35">
        <v>449</v>
      </c>
      <c r="C22" s="13">
        <v>385</v>
      </c>
      <c r="D22" s="12">
        <v>834</v>
      </c>
    </row>
    <row r="23" spans="1:4" ht="18" customHeight="1" x14ac:dyDescent="0.2">
      <c r="A23" s="8" t="s">
        <v>22</v>
      </c>
      <c r="B23" s="35">
        <v>1217</v>
      </c>
      <c r="C23" s="13">
        <v>1097</v>
      </c>
      <c r="D23" s="12">
        <v>2314</v>
      </c>
    </row>
    <row r="24" spans="1:4" ht="18" customHeight="1" x14ac:dyDescent="0.2">
      <c r="A24" s="8">
        <v>15</v>
      </c>
      <c r="B24" s="35">
        <v>91</v>
      </c>
      <c r="C24" s="13">
        <v>87</v>
      </c>
      <c r="D24" s="12">
        <v>178</v>
      </c>
    </row>
    <row r="25" spans="1:4" ht="18" customHeight="1" x14ac:dyDescent="0.2">
      <c r="A25" s="8">
        <v>16</v>
      </c>
      <c r="B25" s="35">
        <v>73</v>
      </c>
      <c r="C25" s="13">
        <v>80</v>
      </c>
      <c r="D25" s="12">
        <v>153</v>
      </c>
    </row>
    <row r="26" spans="1:4" ht="18" customHeight="1" x14ac:dyDescent="0.2">
      <c r="A26" s="8">
        <v>17</v>
      </c>
      <c r="B26" s="35">
        <v>89</v>
      </c>
      <c r="C26" s="13">
        <v>99</v>
      </c>
      <c r="D26" s="12">
        <v>188</v>
      </c>
    </row>
    <row r="27" spans="1:4" ht="18" customHeight="1" x14ac:dyDescent="0.2">
      <c r="A27" s="8">
        <v>18</v>
      </c>
      <c r="B27" s="35">
        <v>102</v>
      </c>
      <c r="C27" s="13">
        <v>83</v>
      </c>
      <c r="D27" s="12">
        <v>185</v>
      </c>
    </row>
    <row r="28" spans="1:4" ht="18" customHeight="1" x14ac:dyDescent="0.2">
      <c r="A28" s="8">
        <v>19</v>
      </c>
      <c r="B28" s="35">
        <v>105</v>
      </c>
      <c r="C28" s="13">
        <v>89</v>
      </c>
      <c r="D28" s="12">
        <v>194</v>
      </c>
    </row>
    <row r="29" spans="1:4" ht="18" customHeight="1" x14ac:dyDescent="0.2">
      <c r="A29" s="8" t="s">
        <v>21</v>
      </c>
      <c r="B29" s="35">
        <v>460</v>
      </c>
      <c r="C29" s="13">
        <v>438</v>
      </c>
      <c r="D29" s="12">
        <v>898</v>
      </c>
    </row>
    <row r="30" spans="1:4" ht="18" customHeight="1" x14ac:dyDescent="0.2">
      <c r="A30" s="8">
        <v>20</v>
      </c>
      <c r="B30" s="35">
        <v>110</v>
      </c>
      <c r="C30" s="13">
        <v>89</v>
      </c>
      <c r="D30" s="12">
        <v>199</v>
      </c>
    </row>
    <row r="31" spans="1:4" ht="18" customHeight="1" x14ac:dyDescent="0.2">
      <c r="A31" s="8">
        <v>21</v>
      </c>
      <c r="B31" s="35">
        <v>123</v>
      </c>
      <c r="C31" s="13">
        <v>102</v>
      </c>
      <c r="D31" s="12">
        <v>225</v>
      </c>
    </row>
    <row r="32" spans="1:4" ht="18" customHeight="1" x14ac:dyDescent="0.2">
      <c r="A32" s="8">
        <v>22</v>
      </c>
      <c r="B32" s="35">
        <v>100</v>
      </c>
      <c r="C32" s="13">
        <v>113</v>
      </c>
      <c r="D32" s="12">
        <v>213</v>
      </c>
    </row>
    <row r="33" spans="1:4" ht="18" customHeight="1" x14ac:dyDescent="0.2">
      <c r="A33" s="8">
        <v>23</v>
      </c>
      <c r="B33" s="35">
        <v>98</v>
      </c>
      <c r="C33" s="13">
        <v>96</v>
      </c>
      <c r="D33" s="12">
        <v>194</v>
      </c>
    </row>
    <row r="34" spans="1:4" ht="18" customHeight="1" x14ac:dyDescent="0.2">
      <c r="A34" s="8">
        <v>24</v>
      </c>
      <c r="B34" s="35">
        <v>94</v>
      </c>
      <c r="C34" s="13">
        <v>95</v>
      </c>
      <c r="D34" s="12">
        <v>189</v>
      </c>
    </row>
    <row r="35" spans="1:4" ht="18" customHeight="1" x14ac:dyDescent="0.2">
      <c r="A35" s="8" t="s">
        <v>20</v>
      </c>
      <c r="B35" s="35">
        <v>525</v>
      </c>
      <c r="C35" s="13">
        <v>495</v>
      </c>
      <c r="D35" s="12">
        <v>1020</v>
      </c>
    </row>
    <row r="36" spans="1:4" ht="18" customHeight="1" x14ac:dyDescent="0.2">
      <c r="A36" s="8">
        <v>25</v>
      </c>
      <c r="B36" s="35">
        <v>97</v>
      </c>
      <c r="C36" s="13">
        <v>72</v>
      </c>
      <c r="D36" s="12">
        <v>169</v>
      </c>
    </row>
    <row r="37" spans="1:4" ht="18" customHeight="1" x14ac:dyDescent="0.2">
      <c r="A37" s="8">
        <v>26</v>
      </c>
      <c r="B37" s="35">
        <v>94</v>
      </c>
      <c r="C37" s="13">
        <v>73</v>
      </c>
      <c r="D37" s="12">
        <v>167</v>
      </c>
    </row>
    <row r="38" spans="1:4" ht="18" customHeight="1" x14ac:dyDescent="0.2">
      <c r="A38" s="8">
        <v>27</v>
      </c>
      <c r="B38" s="35">
        <v>98</v>
      </c>
      <c r="C38" s="13">
        <v>74</v>
      </c>
      <c r="D38" s="12">
        <v>172</v>
      </c>
    </row>
    <row r="39" spans="1:4" ht="18" customHeight="1" x14ac:dyDescent="0.2">
      <c r="A39" s="8">
        <v>28</v>
      </c>
      <c r="B39" s="35">
        <v>130</v>
      </c>
      <c r="C39" s="13">
        <v>100</v>
      </c>
      <c r="D39" s="12">
        <v>230</v>
      </c>
    </row>
    <row r="40" spans="1:4" ht="18" customHeight="1" x14ac:dyDescent="0.2">
      <c r="A40" s="8">
        <v>29</v>
      </c>
      <c r="B40" s="35">
        <v>109</v>
      </c>
      <c r="C40" s="13">
        <v>93</v>
      </c>
      <c r="D40" s="12">
        <v>202</v>
      </c>
    </row>
    <row r="41" spans="1:4" ht="18" customHeight="1" x14ac:dyDescent="0.2">
      <c r="A41" s="8" t="s">
        <v>19</v>
      </c>
      <c r="B41" s="35">
        <v>528</v>
      </c>
      <c r="C41" s="13">
        <v>412</v>
      </c>
      <c r="D41" s="12">
        <v>940</v>
      </c>
    </row>
    <row r="42" spans="1:4" ht="18" customHeight="1" x14ac:dyDescent="0.2">
      <c r="A42" s="8">
        <v>30</v>
      </c>
      <c r="B42" s="35">
        <v>97</v>
      </c>
      <c r="C42" s="13">
        <v>91</v>
      </c>
      <c r="D42" s="12">
        <v>188</v>
      </c>
    </row>
    <row r="43" spans="1:4" ht="18" customHeight="1" x14ac:dyDescent="0.2">
      <c r="A43" s="8">
        <v>31</v>
      </c>
      <c r="B43" s="35">
        <v>114</v>
      </c>
      <c r="C43" s="13">
        <v>118</v>
      </c>
      <c r="D43" s="12">
        <v>232</v>
      </c>
    </row>
    <row r="44" spans="1:4" ht="18" customHeight="1" x14ac:dyDescent="0.2">
      <c r="A44" s="8">
        <v>32</v>
      </c>
      <c r="B44" s="35">
        <v>106</v>
      </c>
      <c r="C44" s="13">
        <v>84</v>
      </c>
      <c r="D44" s="12">
        <v>190</v>
      </c>
    </row>
    <row r="45" spans="1:4" ht="18" customHeight="1" x14ac:dyDescent="0.2">
      <c r="A45" s="8">
        <v>33</v>
      </c>
      <c r="B45" s="35">
        <v>102</v>
      </c>
      <c r="C45" s="13">
        <v>114</v>
      </c>
      <c r="D45" s="12">
        <v>216</v>
      </c>
    </row>
    <row r="46" spans="1:4" ht="18" customHeight="1" x14ac:dyDescent="0.2">
      <c r="A46" s="8">
        <v>34</v>
      </c>
      <c r="B46" s="35">
        <v>136</v>
      </c>
      <c r="C46" s="13">
        <v>87</v>
      </c>
      <c r="D46" s="12">
        <v>223</v>
      </c>
    </row>
    <row r="47" spans="1:4" ht="18" customHeight="1" x14ac:dyDescent="0.2">
      <c r="A47" s="8" t="s">
        <v>18</v>
      </c>
      <c r="B47" s="35">
        <v>555</v>
      </c>
      <c r="C47" s="13">
        <v>494</v>
      </c>
      <c r="D47" s="12">
        <v>1049</v>
      </c>
    </row>
    <row r="48" spans="1:4" ht="18" customHeight="1" x14ac:dyDescent="0.2">
      <c r="A48" s="8">
        <v>35</v>
      </c>
      <c r="B48" s="35">
        <v>129</v>
      </c>
      <c r="C48" s="13">
        <v>115</v>
      </c>
      <c r="D48" s="12">
        <v>244</v>
      </c>
    </row>
    <row r="49" spans="1:4" ht="18" customHeight="1" x14ac:dyDescent="0.2">
      <c r="A49" s="8">
        <v>36</v>
      </c>
      <c r="B49" s="35">
        <v>110</v>
      </c>
      <c r="C49" s="13">
        <v>108</v>
      </c>
      <c r="D49" s="12">
        <v>218</v>
      </c>
    </row>
    <row r="50" spans="1:4" ht="18" customHeight="1" x14ac:dyDescent="0.2">
      <c r="A50" s="8">
        <v>37</v>
      </c>
      <c r="B50" s="35">
        <v>118</v>
      </c>
      <c r="C50" s="13">
        <v>122</v>
      </c>
      <c r="D50" s="12">
        <v>240</v>
      </c>
    </row>
    <row r="51" spans="1:4" ht="18" customHeight="1" x14ac:dyDescent="0.2">
      <c r="A51" s="8">
        <v>38</v>
      </c>
      <c r="B51" s="35">
        <v>136</v>
      </c>
      <c r="C51" s="13">
        <v>121</v>
      </c>
      <c r="D51" s="12">
        <v>257</v>
      </c>
    </row>
    <row r="52" spans="1:4" ht="18" customHeight="1" x14ac:dyDescent="0.2">
      <c r="A52" s="8">
        <v>39</v>
      </c>
      <c r="B52" s="35">
        <v>146</v>
      </c>
      <c r="C52" s="13">
        <v>102</v>
      </c>
      <c r="D52" s="12">
        <v>248</v>
      </c>
    </row>
    <row r="53" spans="1:4" ht="18" customHeight="1" x14ac:dyDescent="0.2">
      <c r="A53" s="8" t="s">
        <v>17</v>
      </c>
      <c r="B53" s="35">
        <v>639</v>
      </c>
      <c r="C53" s="13">
        <v>568</v>
      </c>
      <c r="D53" s="12">
        <v>1207</v>
      </c>
    </row>
    <row r="54" spans="1:4" ht="18" customHeight="1" x14ac:dyDescent="0.2">
      <c r="A54" s="8">
        <v>40</v>
      </c>
      <c r="B54" s="35">
        <v>126</v>
      </c>
      <c r="C54" s="13">
        <v>88</v>
      </c>
      <c r="D54" s="12">
        <v>214</v>
      </c>
    </row>
    <row r="55" spans="1:4" ht="18" customHeight="1" x14ac:dyDescent="0.2">
      <c r="A55" s="8">
        <v>41</v>
      </c>
      <c r="B55" s="35">
        <v>135</v>
      </c>
      <c r="C55" s="13">
        <v>141</v>
      </c>
      <c r="D55" s="12">
        <v>276</v>
      </c>
    </row>
    <row r="56" spans="1:4" ht="18" customHeight="1" x14ac:dyDescent="0.2">
      <c r="A56" s="8">
        <v>42</v>
      </c>
      <c r="B56" s="35">
        <v>112</v>
      </c>
      <c r="C56" s="13">
        <v>112</v>
      </c>
      <c r="D56" s="12">
        <v>224</v>
      </c>
    </row>
    <row r="57" spans="1:4" ht="18" customHeight="1" x14ac:dyDescent="0.2">
      <c r="A57" s="8">
        <v>43</v>
      </c>
      <c r="B57" s="35">
        <v>140</v>
      </c>
      <c r="C57" s="13">
        <v>114</v>
      </c>
      <c r="D57" s="12">
        <v>254</v>
      </c>
    </row>
    <row r="58" spans="1:4" ht="18" customHeight="1" x14ac:dyDescent="0.2">
      <c r="A58" s="8">
        <v>44</v>
      </c>
      <c r="B58" s="35">
        <v>131</v>
      </c>
      <c r="C58" s="13">
        <v>130</v>
      </c>
      <c r="D58" s="12">
        <v>261</v>
      </c>
    </row>
    <row r="59" spans="1:4" ht="18" customHeight="1" x14ac:dyDescent="0.2">
      <c r="A59" s="8" t="s">
        <v>16</v>
      </c>
      <c r="B59" s="35">
        <v>644</v>
      </c>
      <c r="C59" s="13">
        <v>585</v>
      </c>
      <c r="D59" s="12">
        <v>1229</v>
      </c>
    </row>
    <row r="60" spans="1:4" ht="18" customHeight="1" x14ac:dyDescent="0.2">
      <c r="A60" s="8">
        <v>45</v>
      </c>
      <c r="B60" s="35">
        <v>154</v>
      </c>
      <c r="C60" s="13">
        <v>132</v>
      </c>
      <c r="D60" s="12">
        <v>286</v>
      </c>
    </row>
    <row r="61" spans="1:4" ht="18" customHeight="1" x14ac:dyDescent="0.2">
      <c r="A61" s="8">
        <v>46</v>
      </c>
      <c r="B61" s="35">
        <v>135</v>
      </c>
      <c r="C61" s="13">
        <v>128</v>
      </c>
      <c r="D61" s="12">
        <v>263</v>
      </c>
    </row>
    <row r="62" spans="1:4" ht="18" customHeight="1" x14ac:dyDescent="0.2">
      <c r="A62" s="8">
        <v>47</v>
      </c>
      <c r="B62" s="35">
        <v>176</v>
      </c>
      <c r="C62" s="13">
        <v>136</v>
      </c>
      <c r="D62" s="12">
        <v>312</v>
      </c>
    </row>
    <row r="63" spans="1:4" ht="18" customHeight="1" x14ac:dyDescent="0.2">
      <c r="A63" s="8">
        <v>48</v>
      </c>
      <c r="B63" s="35">
        <v>158</v>
      </c>
      <c r="C63" s="13">
        <v>159</v>
      </c>
      <c r="D63" s="12">
        <v>317</v>
      </c>
    </row>
    <row r="64" spans="1:4" ht="18" customHeight="1" x14ac:dyDescent="0.2">
      <c r="A64" s="8">
        <v>49</v>
      </c>
      <c r="B64" s="35">
        <v>147</v>
      </c>
      <c r="C64" s="13">
        <v>150</v>
      </c>
      <c r="D64" s="12">
        <v>297</v>
      </c>
    </row>
    <row r="65" spans="1:4" ht="18" customHeight="1" x14ac:dyDescent="0.2">
      <c r="A65" s="8" t="s">
        <v>15</v>
      </c>
      <c r="B65" s="35">
        <v>770</v>
      </c>
      <c r="C65" s="13">
        <v>705</v>
      </c>
      <c r="D65" s="12">
        <v>1475</v>
      </c>
    </row>
    <row r="66" spans="1:4" ht="18" customHeight="1" x14ac:dyDescent="0.2">
      <c r="A66" s="8">
        <v>50</v>
      </c>
      <c r="B66" s="35">
        <v>182</v>
      </c>
      <c r="C66" s="13">
        <v>148</v>
      </c>
      <c r="D66" s="12">
        <v>330</v>
      </c>
    </row>
    <row r="67" spans="1:4" ht="18" customHeight="1" x14ac:dyDescent="0.2">
      <c r="A67" s="8">
        <v>51</v>
      </c>
      <c r="B67" s="35">
        <v>172</v>
      </c>
      <c r="C67" s="13">
        <v>154</v>
      </c>
      <c r="D67" s="12">
        <v>326</v>
      </c>
    </row>
    <row r="68" spans="1:4" ht="18" customHeight="1" x14ac:dyDescent="0.2">
      <c r="A68" s="8">
        <v>52</v>
      </c>
      <c r="B68" s="35">
        <v>159</v>
      </c>
      <c r="C68" s="13">
        <v>168</v>
      </c>
      <c r="D68" s="12">
        <v>327</v>
      </c>
    </row>
    <row r="69" spans="1:4" ht="18" customHeight="1" x14ac:dyDescent="0.2">
      <c r="A69" s="8">
        <v>53</v>
      </c>
      <c r="B69" s="35">
        <v>124</v>
      </c>
      <c r="C69" s="13">
        <v>136</v>
      </c>
      <c r="D69" s="12">
        <v>260</v>
      </c>
    </row>
    <row r="70" spans="1:4" ht="18" customHeight="1" x14ac:dyDescent="0.2">
      <c r="A70" s="8">
        <v>54</v>
      </c>
      <c r="B70" s="35">
        <v>153</v>
      </c>
      <c r="C70" s="13">
        <v>150</v>
      </c>
      <c r="D70" s="12">
        <v>303</v>
      </c>
    </row>
    <row r="71" spans="1:4" ht="18" customHeight="1" x14ac:dyDescent="0.2">
      <c r="A71" s="8" t="s">
        <v>14</v>
      </c>
      <c r="B71" s="35">
        <v>790</v>
      </c>
      <c r="C71" s="13">
        <v>756</v>
      </c>
      <c r="D71" s="12">
        <v>1546</v>
      </c>
    </row>
    <row r="72" spans="1:4" ht="18" customHeight="1" x14ac:dyDescent="0.2">
      <c r="A72" s="8">
        <v>55</v>
      </c>
      <c r="B72" s="35">
        <v>158</v>
      </c>
      <c r="C72" s="13">
        <v>132</v>
      </c>
      <c r="D72" s="12">
        <v>290</v>
      </c>
    </row>
    <row r="73" spans="1:4" ht="18" customHeight="1" x14ac:dyDescent="0.2">
      <c r="A73" s="8">
        <v>56</v>
      </c>
      <c r="B73" s="35">
        <v>143</v>
      </c>
      <c r="C73" s="13">
        <v>167</v>
      </c>
      <c r="D73" s="12">
        <v>310</v>
      </c>
    </row>
    <row r="74" spans="1:4" ht="18" customHeight="1" x14ac:dyDescent="0.2">
      <c r="A74" s="8">
        <v>57</v>
      </c>
      <c r="B74" s="35">
        <v>128</v>
      </c>
      <c r="C74" s="13">
        <v>121</v>
      </c>
      <c r="D74" s="12">
        <v>249</v>
      </c>
    </row>
    <row r="75" spans="1:4" ht="18" customHeight="1" x14ac:dyDescent="0.2">
      <c r="A75" s="8">
        <v>58</v>
      </c>
      <c r="B75" s="35">
        <v>131</v>
      </c>
      <c r="C75" s="13">
        <v>136</v>
      </c>
      <c r="D75" s="12">
        <v>267</v>
      </c>
    </row>
    <row r="76" spans="1:4" ht="18" customHeight="1" x14ac:dyDescent="0.2">
      <c r="A76" s="8">
        <v>59</v>
      </c>
      <c r="B76" s="35">
        <v>163</v>
      </c>
      <c r="C76" s="13">
        <v>131</v>
      </c>
      <c r="D76" s="12">
        <v>294</v>
      </c>
    </row>
    <row r="77" spans="1:4" ht="18" customHeight="1" x14ac:dyDescent="0.2">
      <c r="A77" s="8" t="s">
        <v>13</v>
      </c>
      <c r="B77" s="35">
        <v>723</v>
      </c>
      <c r="C77" s="13">
        <v>687</v>
      </c>
      <c r="D77" s="12">
        <v>1410</v>
      </c>
    </row>
    <row r="78" spans="1:4" ht="18" customHeight="1" x14ac:dyDescent="0.2">
      <c r="A78" s="8">
        <v>60</v>
      </c>
      <c r="B78" s="35">
        <v>161</v>
      </c>
      <c r="C78" s="13">
        <v>143</v>
      </c>
      <c r="D78" s="12">
        <v>304</v>
      </c>
    </row>
    <row r="79" spans="1:4" ht="18" customHeight="1" x14ac:dyDescent="0.2">
      <c r="A79" s="8">
        <v>61</v>
      </c>
      <c r="B79" s="35">
        <v>116</v>
      </c>
      <c r="C79" s="13">
        <v>119</v>
      </c>
      <c r="D79" s="12">
        <v>235</v>
      </c>
    </row>
    <row r="80" spans="1:4" ht="18" customHeight="1" x14ac:dyDescent="0.2">
      <c r="A80" s="8">
        <v>62</v>
      </c>
      <c r="B80" s="35">
        <v>124</v>
      </c>
      <c r="C80" s="13">
        <v>147</v>
      </c>
      <c r="D80" s="12">
        <v>271</v>
      </c>
    </row>
    <row r="81" spans="1:4" ht="18" customHeight="1" x14ac:dyDescent="0.2">
      <c r="A81" s="8">
        <v>63</v>
      </c>
      <c r="B81" s="35">
        <v>134</v>
      </c>
      <c r="C81" s="13">
        <v>142</v>
      </c>
      <c r="D81" s="12">
        <v>276</v>
      </c>
    </row>
    <row r="82" spans="1:4" ht="18" customHeight="1" x14ac:dyDescent="0.2">
      <c r="A82" s="8">
        <v>64</v>
      </c>
      <c r="B82" s="35">
        <v>142</v>
      </c>
      <c r="C82" s="13">
        <v>139</v>
      </c>
      <c r="D82" s="12">
        <v>281</v>
      </c>
    </row>
    <row r="83" spans="1:4" ht="18" customHeight="1" x14ac:dyDescent="0.2">
      <c r="A83" s="8" t="s">
        <v>12</v>
      </c>
      <c r="B83" s="35">
        <v>677</v>
      </c>
      <c r="C83" s="13">
        <v>690</v>
      </c>
      <c r="D83" s="12">
        <v>1367</v>
      </c>
    </row>
    <row r="84" spans="1:4" ht="18" customHeight="1" x14ac:dyDescent="0.2">
      <c r="A84" s="8" t="s">
        <v>11</v>
      </c>
      <c r="B84" s="35">
        <v>6311</v>
      </c>
      <c r="C84" s="13">
        <v>5830</v>
      </c>
      <c r="D84" s="12">
        <v>12141</v>
      </c>
    </row>
    <row r="85" spans="1:4" ht="18" customHeight="1" x14ac:dyDescent="0.2">
      <c r="A85" s="8">
        <v>65</v>
      </c>
      <c r="B85" s="35">
        <v>141</v>
      </c>
      <c r="C85" s="13">
        <v>138</v>
      </c>
      <c r="D85" s="12">
        <v>279</v>
      </c>
    </row>
    <row r="86" spans="1:4" ht="18" customHeight="1" x14ac:dyDescent="0.2">
      <c r="A86" s="8">
        <v>66</v>
      </c>
      <c r="B86" s="35">
        <v>136</v>
      </c>
      <c r="C86" s="13">
        <v>132</v>
      </c>
      <c r="D86" s="12">
        <v>268</v>
      </c>
    </row>
    <row r="87" spans="1:4" ht="18" customHeight="1" x14ac:dyDescent="0.2">
      <c r="A87" s="8">
        <v>67</v>
      </c>
      <c r="B87" s="35">
        <v>136</v>
      </c>
      <c r="C87" s="13">
        <v>149</v>
      </c>
      <c r="D87" s="12">
        <v>285</v>
      </c>
    </row>
    <row r="88" spans="1:4" ht="18" customHeight="1" x14ac:dyDescent="0.2">
      <c r="A88" s="8">
        <v>68</v>
      </c>
      <c r="B88" s="35">
        <v>144</v>
      </c>
      <c r="C88" s="13">
        <v>161</v>
      </c>
      <c r="D88" s="12">
        <v>305</v>
      </c>
    </row>
    <row r="89" spans="1:4" ht="18" customHeight="1" x14ac:dyDescent="0.2">
      <c r="A89" s="8">
        <v>69</v>
      </c>
      <c r="B89" s="35">
        <v>153</v>
      </c>
      <c r="C89" s="13">
        <v>149</v>
      </c>
      <c r="D89" s="12">
        <v>302</v>
      </c>
    </row>
    <row r="90" spans="1:4" ht="18" customHeight="1" x14ac:dyDescent="0.2">
      <c r="A90" s="8" t="s">
        <v>10</v>
      </c>
      <c r="B90" s="35">
        <v>710</v>
      </c>
      <c r="C90" s="13">
        <v>729</v>
      </c>
      <c r="D90" s="12">
        <v>1439</v>
      </c>
    </row>
    <row r="91" spans="1:4" ht="18" customHeight="1" x14ac:dyDescent="0.2">
      <c r="A91" s="8">
        <v>70</v>
      </c>
      <c r="B91" s="35">
        <v>133</v>
      </c>
      <c r="C91" s="13">
        <v>159</v>
      </c>
      <c r="D91" s="12">
        <v>292</v>
      </c>
    </row>
    <row r="92" spans="1:4" ht="18" customHeight="1" x14ac:dyDescent="0.2">
      <c r="A92" s="8">
        <v>71</v>
      </c>
      <c r="B92" s="35">
        <v>140</v>
      </c>
      <c r="C92" s="13">
        <v>139</v>
      </c>
      <c r="D92" s="12">
        <v>279</v>
      </c>
    </row>
    <row r="93" spans="1:4" ht="18" customHeight="1" x14ac:dyDescent="0.2">
      <c r="A93" s="8">
        <v>72</v>
      </c>
      <c r="B93" s="35">
        <v>168</v>
      </c>
      <c r="C93" s="13">
        <v>153</v>
      </c>
      <c r="D93" s="12">
        <v>321</v>
      </c>
    </row>
    <row r="94" spans="1:4" ht="18" customHeight="1" x14ac:dyDescent="0.2">
      <c r="A94" s="8">
        <v>73</v>
      </c>
      <c r="B94" s="35">
        <v>154</v>
      </c>
      <c r="C94" s="13">
        <v>165</v>
      </c>
      <c r="D94" s="12">
        <v>319</v>
      </c>
    </row>
    <row r="95" spans="1:4" ht="18" customHeight="1" x14ac:dyDescent="0.2">
      <c r="A95" s="8">
        <v>74</v>
      </c>
      <c r="B95" s="35">
        <v>158</v>
      </c>
      <c r="C95" s="13">
        <v>184</v>
      </c>
      <c r="D95" s="12">
        <v>342</v>
      </c>
    </row>
    <row r="96" spans="1:4" ht="18" customHeight="1" x14ac:dyDescent="0.2">
      <c r="A96" s="8" t="s">
        <v>9</v>
      </c>
      <c r="B96" s="35">
        <v>753</v>
      </c>
      <c r="C96" s="13">
        <v>800</v>
      </c>
      <c r="D96" s="12">
        <v>1553</v>
      </c>
    </row>
    <row r="97" spans="1:4" ht="18" customHeight="1" x14ac:dyDescent="0.2">
      <c r="A97" s="8">
        <v>75</v>
      </c>
      <c r="B97" s="35">
        <v>163</v>
      </c>
      <c r="C97" s="13">
        <v>197</v>
      </c>
      <c r="D97" s="12">
        <v>360</v>
      </c>
    </row>
    <row r="98" spans="1:4" ht="18" customHeight="1" x14ac:dyDescent="0.2">
      <c r="A98" s="8">
        <v>76</v>
      </c>
      <c r="B98" s="35">
        <v>155</v>
      </c>
      <c r="C98" s="13">
        <v>184</v>
      </c>
      <c r="D98" s="12">
        <v>339</v>
      </c>
    </row>
    <row r="99" spans="1:4" ht="18" customHeight="1" x14ac:dyDescent="0.2">
      <c r="A99" s="8">
        <v>77</v>
      </c>
      <c r="B99" s="35">
        <v>74</v>
      </c>
      <c r="C99" s="13">
        <v>99</v>
      </c>
      <c r="D99" s="12">
        <v>173</v>
      </c>
    </row>
    <row r="100" spans="1:4" ht="18" customHeight="1" x14ac:dyDescent="0.2">
      <c r="A100" s="8">
        <v>78</v>
      </c>
      <c r="B100" s="35">
        <v>101</v>
      </c>
      <c r="C100" s="13">
        <v>142</v>
      </c>
      <c r="D100" s="12">
        <v>243</v>
      </c>
    </row>
    <row r="101" spans="1:4" ht="18" customHeight="1" x14ac:dyDescent="0.2">
      <c r="A101" s="8">
        <v>79</v>
      </c>
      <c r="B101" s="35">
        <v>103</v>
      </c>
      <c r="C101" s="13">
        <v>155</v>
      </c>
      <c r="D101" s="12">
        <v>258</v>
      </c>
    </row>
    <row r="102" spans="1:4" ht="18" customHeight="1" x14ac:dyDescent="0.2">
      <c r="A102" s="8" t="s">
        <v>8</v>
      </c>
      <c r="B102" s="35">
        <v>596</v>
      </c>
      <c r="C102" s="13">
        <v>777</v>
      </c>
      <c r="D102" s="12">
        <v>1373</v>
      </c>
    </row>
    <row r="103" spans="1:4" ht="18" customHeight="1" x14ac:dyDescent="0.2">
      <c r="A103" s="8">
        <v>80</v>
      </c>
      <c r="B103" s="35">
        <v>87</v>
      </c>
      <c r="C103" s="13">
        <v>152</v>
      </c>
      <c r="D103" s="12">
        <v>239</v>
      </c>
    </row>
    <row r="104" spans="1:4" ht="18" customHeight="1" x14ac:dyDescent="0.2">
      <c r="A104" s="8">
        <v>81</v>
      </c>
      <c r="B104" s="35">
        <v>116</v>
      </c>
      <c r="C104" s="13">
        <v>174</v>
      </c>
      <c r="D104" s="12">
        <v>290</v>
      </c>
    </row>
    <row r="105" spans="1:4" ht="18" customHeight="1" x14ac:dyDescent="0.2">
      <c r="A105" s="8">
        <v>82</v>
      </c>
      <c r="B105" s="35">
        <v>87</v>
      </c>
      <c r="C105" s="13">
        <v>131</v>
      </c>
      <c r="D105" s="12">
        <v>218</v>
      </c>
    </row>
    <row r="106" spans="1:4" ht="18" customHeight="1" x14ac:dyDescent="0.2">
      <c r="A106" s="8">
        <v>83</v>
      </c>
      <c r="B106" s="35">
        <v>81</v>
      </c>
      <c r="C106" s="13">
        <v>115</v>
      </c>
      <c r="D106" s="12">
        <v>196</v>
      </c>
    </row>
    <row r="107" spans="1:4" ht="18" customHeight="1" x14ac:dyDescent="0.2">
      <c r="A107" s="8">
        <v>84</v>
      </c>
      <c r="B107" s="35">
        <v>63</v>
      </c>
      <c r="C107" s="13">
        <v>84</v>
      </c>
      <c r="D107" s="12">
        <v>147</v>
      </c>
    </row>
    <row r="108" spans="1:4" ht="18" customHeight="1" x14ac:dyDescent="0.2">
      <c r="A108" s="8" t="s">
        <v>7</v>
      </c>
      <c r="B108" s="35">
        <v>434</v>
      </c>
      <c r="C108" s="13">
        <v>656</v>
      </c>
      <c r="D108" s="12">
        <v>1090</v>
      </c>
    </row>
    <row r="109" spans="1:4" ht="18" customHeight="1" x14ac:dyDescent="0.2">
      <c r="A109" s="8">
        <v>85</v>
      </c>
      <c r="B109" s="35">
        <v>74</v>
      </c>
      <c r="C109" s="13">
        <v>96</v>
      </c>
      <c r="D109" s="12">
        <v>170</v>
      </c>
    </row>
    <row r="110" spans="1:4" ht="18" customHeight="1" x14ac:dyDescent="0.2">
      <c r="A110" s="8">
        <v>86</v>
      </c>
      <c r="B110" s="35">
        <v>58</v>
      </c>
      <c r="C110" s="13">
        <v>109</v>
      </c>
      <c r="D110" s="12">
        <v>167</v>
      </c>
    </row>
    <row r="111" spans="1:4" ht="18" customHeight="1" x14ac:dyDescent="0.2">
      <c r="A111" s="8">
        <v>87</v>
      </c>
      <c r="B111" s="35">
        <v>49</v>
      </c>
      <c r="C111" s="13">
        <v>113</v>
      </c>
      <c r="D111" s="12">
        <v>162</v>
      </c>
    </row>
    <row r="112" spans="1:4" ht="18" customHeight="1" x14ac:dyDescent="0.2">
      <c r="A112" s="8">
        <v>88</v>
      </c>
      <c r="B112" s="35">
        <v>43</v>
      </c>
      <c r="C112" s="13">
        <v>100</v>
      </c>
      <c r="D112" s="12">
        <v>143</v>
      </c>
    </row>
    <row r="113" spans="1:4" ht="18" customHeight="1" x14ac:dyDescent="0.2">
      <c r="A113" s="8">
        <v>89</v>
      </c>
      <c r="B113" s="35">
        <v>37</v>
      </c>
      <c r="C113" s="13">
        <v>91</v>
      </c>
      <c r="D113" s="12">
        <v>128</v>
      </c>
    </row>
    <row r="114" spans="1:4" ht="18" customHeight="1" x14ac:dyDescent="0.2">
      <c r="A114" s="8" t="s">
        <v>6</v>
      </c>
      <c r="B114" s="35">
        <v>261</v>
      </c>
      <c r="C114" s="13">
        <v>509</v>
      </c>
      <c r="D114" s="12">
        <v>770</v>
      </c>
    </row>
    <row r="115" spans="1:4" ht="18" customHeight="1" x14ac:dyDescent="0.2">
      <c r="A115" s="8">
        <v>90</v>
      </c>
      <c r="B115" s="35">
        <v>21</v>
      </c>
      <c r="C115" s="13">
        <v>64</v>
      </c>
      <c r="D115" s="12">
        <v>85</v>
      </c>
    </row>
    <row r="116" spans="1:4" ht="18" customHeight="1" x14ac:dyDescent="0.2">
      <c r="A116" s="8">
        <v>91</v>
      </c>
      <c r="B116" s="35">
        <v>29</v>
      </c>
      <c r="C116" s="13">
        <v>70</v>
      </c>
      <c r="D116" s="12">
        <v>99</v>
      </c>
    </row>
    <row r="117" spans="1:4" ht="18" customHeight="1" x14ac:dyDescent="0.2">
      <c r="A117" s="8">
        <v>92</v>
      </c>
      <c r="B117" s="35">
        <v>13</v>
      </c>
      <c r="C117" s="13">
        <v>72</v>
      </c>
      <c r="D117" s="12">
        <v>85</v>
      </c>
    </row>
    <row r="118" spans="1:4" ht="18" customHeight="1" x14ac:dyDescent="0.2">
      <c r="A118" s="8">
        <v>93</v>
      </c>
      <c r="B118" s="35">
        <v>16</v>
      </c>
      <c r="C118" s="13">
        <v>66</v>
      </c>
      <c r="D118" s="12">
        <v>82</v>
      </c>
    </row>
    <row r="119" spans="1:4" ht="18" customHeight="1" x14ac:dyDescent="0.2">
      <c r="A119" s="8">
        <v>94</v>
      </c>
      <c r="B119" s="35">
        <v>9</v>
      </c>
      <c r="C119" s="13">
        <v>46</v>
      </c>
      <c r="D119" s="12">
        <v>55</v>
      </c>
    </row>
    <row r="120" spans="1:4" ht="18" customHeight="1" x14ac:dyDescent="0.2">
      <c r="A120" s="8" t="s">
        <v>5</v>
      </c>
      <c r="B120" s="35">
        <v>88</v>
      </c>
      <c r="C120" s="13">
        <v>318</v>
      </c>
      <c r="D120" s="12">
        <v>406</v>
      </c>
    </row>
    <row r="121" spans="1:4" ht="18" customHeight="1" x14ac:dyDescent="0.2">
      <c r="A121" s="8">
        <v>95</v>
      </c>
      <c r="B121" s="35">
        <v>6</v>
      </c>
      <c r="C121" s="13">
        <v>26</v>
      </c>
      <c r="D121" s="12">
        <v>32</v>
      </c>
    </row>
    <row r="122" spans="1:4" ht="18" customHeight="1" x14ac:dyDescent="0.2">
      <c r="A122" s="8">
        <v>96</v>
      </c>
      <c r="B122" s="35">
        <v>6</v>
      </c>
      <c r="C122" s="13">
        <v>21</v>
      </c>
      <c r="D122" s="12">
        <v>27</v>
      </c>
    </row>
    <row r="123" spans="1:4" ht="18" customHeight="1" x14ac:dyDescent="0.2">
      <c r="A123" s="8">
        <v>97</v>
      </c>
      <c r="B123" s="35">
        <v>3</v>
      </c>
      <c r="C123" s="13">
        <v>21</v>
      </c>
      <c r="D123" s="12">
        <v>24</v>
      </c>
    </row>
    <row r="124" spans="1:4" ht="18" customHeight="1" x14ac:dyDescent="0.2">
      <c r="A124" s="8">
        <v>98</v>
      </c>
      <c r="B124" s="35">
        <v>5</v>
      </c>
      <c r="C124" s="13">
        <v>18</v>
      </c>
      <c r="D124" s="12">
        <v>23</v>
      </c>
    </row>
    <row r="125" spans="1:4" ht="18" customHeight="1" x14ac:dyDescent="0.2">
      <c r="A125" s="8">
        <v>99</v>
      </c>
      <c r="B125" s="35">
        <v>0</v>
      </c>
      <c r="C125" s="13">
        <v>7</v>
      </c>
      <c r="D125" s="12">
        <v>7</v>
      </c>
    </row>
    <row r="126" spans="1:4" ht="18" customHeight="1" x14ac:dyDescent="0.2">
      <c r="A126" s="8" t="s">
        <v>4</v>
      </c>
      <c r="B126" s="35">
        <v>20</v>
      </c>
      <c r="C126" s="13">
        <v>93</v>
      </c>
      <c r="D126" s="12">
        <v>113</v>
      </c>
    </row>
    <row r="127" spans="1:4" ht="18" customHeight="1" x14ac:dyDescent="0.2">
      <c r="A127" s="8">
        <v>100</v>
      </c>
      <c r="B127" s="35">
        <v>2</v>
      </c>
      <c r="C127" s="13">
        <v>3</v>
      </c>
      <c r="D127" s="12">
        <v>5</v>
      </c>
    </row>
    <row r="128" spans="1:4" ht="18" customHeight="1" x14ac:dyDescent="0.2">
      <c r="A128" s="15" t="s">
        <v>3</v>
      </c>
      <c r="B128" s="35">
        <v>2</v>
      </c>
      <c r="C128" s="13">
        <v>10</v>
      </c>
      <c r="D128" s="12">
        <v>12</v>
      </c>
    </row>
    <row r="129" spans="1:4" ht="18" customHeight="1" x14ac:dyDescent="0.2">
      <c r="A129" s="8" t="s">
        <v>2</v>
      </c>
      <c r="B129" s="35">
        <v>4</v>
      </c>
      <c r="C129" s="13">
        <v>13</v>
      </c>
      <c r="D129" s="12">
        <v>17</v>
      </c>
    </row>
    <row r="130" spans="1:4" ht="18" customHeight="1" x14ac:dyDescent="0.2">
      <c r="A130" s="8" t="s">
        <v>1</v>
      </c>
      <c r="B130" s="28">
        <v>2866</v>
      </c>
      <c r="C130" s="6">
        <v>3895</v>
      </c>
      <c r="D130" s="5">
        <v>6761</v>
      </c>
    </row>
    <row r="131" spans="1:4" ht="18" customHeight="1" x14ac:dyDescent="0.2">
      <c r="A131" s="4" t="s">
        <v>0</v>
      </c>
      <c r="B131" s="27">
        <v>10394</v>
      </c>
      <c r="C131" s="2">
        <v>10822</v>
      </c>
      <c r="D131" s="1">
        <v>2121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27308A3-C4C5-4D7A-9C17-D6ADF831F726}">
  <sheetPr codeName="Sheet6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88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3</v>
      </c>
      <c r="C5" s="45">
        <v>6</v>
      </c>
      <c r="D5" s="44">
        <v>9</v>
      </c>
    </row>
    <row r="6" spans="1:4" ht="18" customHeight="1" x14ac:dyDescent="0.2">
      <c r="A6" s="8">
        <v>1</v>
      </c>
      <c r="B6" s="40">
        <v>4</v>
      </c>
      <c r="C6" s="13">
        <v>2</v>
      </c>
      <c r="D6" s="12">
        <v>6</v>
      </c>
    </row>
    <row r="7" spans="1:4" ht="18" customHeight="1" x14ac:dyDescent="0.2">
      <c r="A7" s="8">
        <v>2</v>
      </c>
      <c r="B7" s="40">
        <v>4</v>
      </c>
      <c r="C7" s="13">
        <v>6</v>
      </c>
      <c r="D7" s="12">
        <v>10</v>
      </c>
    </row>
    <row r="8" spans="1:4" ht="18" customHeight="1" x14ac:dyDescent="0.2">
      <c r="A8" s="8">
        <v>3</v>
      </c>
      <c r="B8" s="40">
        <v>2</v>
      </c>
      <c r="C8" s="13">
        <v>3</v>
      </c>
      <c r="D8" s="12">
        <v>5</v>
      </c>
    </row>
    <row r="9" spans="1:4" ht="18" customHeight="1" x14ac:dyDescent="0.2">
      <c r="A9" s="8">
        <v>4</v>
      </c>
      <c r="B9" s="43">
        <v>5</v>
      </c>
      <c r="C9" s="42">
        <v>7</v>
      </c>
      <c r="D9" s="41">
        <v>12</v>
      </c>
    </row>
    <row r="10" spans="1:4" ht="18" customHeight="1" x14ac:dyDescent="0.2">
      <c r="A10" s="8" t="s">
        <v>25</v>
      </c>
      <c r="B10" s="35">
        <v>18</v>
      </c>
      <c r="C10" s="13">
        <v>24</v>
      </c>
      <c r="D10" s="12">
        <v>42</v>
      </c>
    </row>
    <row r="11" spans="1:4" ht="18" customHeight="1" x14ac:dyDescent="0.2">
      <c r="A11" s="8">
        <v>5</v>
      </c>
      <c r="B11" s="40">
        <v>9</v>
      </c>
      <c r="C11" s="13">
        <v>5</v>
      </c>
      <c r="D11" s="12">
        <v>14</v>
      </c>
    </row>
    <row r="12" spans="1:4" ht="18" customHeight="1" x14ac:dyDescent="0.2">
      <c r="A12" s="8">
        <v>6</v>
      </c>
      <c r="B12" s="40">
        <v>6</v>
      </c>
      <c r="C12" s="13">
        <v>8</v>
      </c>
      <c r="D12" s="12">
        <v>14</v>
      </c>
    </row>
    <row r="13" spans="1:4" ht="18" customHeight="1" x14ac:dyDescent="0.2">
      <c r="A13" s="8">
        <v>7</v>
      </c>
      <c r="B13" s="40">
        <v>10</v>
      </c>
      <c r="C13" s="13">
        <v>9</v>
      </c>
      <c r="D13" s="12">
        <v>19</v>
      </c>
    </row>
    <row r="14" spans="1:4" ht="18" customHeight="1" x14ac:dyDescent="0.2">
      <c r="A14" s="8">
        <v>8</v>
      </c>
      <c r="B14" s="40">
        <v>9</v>
      </c>
      <c r="C14" s="13">
        <v>3</v>
      </c>
      <c r="D14" s="12">
        <v>12</v>
      </c>
    </row>
    <row r="15" spans="1:4" ht="18" customHeight="1" x14ac:dyDescent="0.2">
      <c r="A15" s="8">
        <v>9</v>
      </c>
      <c r="B15" s="40">
        <v>8</v>
      </c>
      <c r="C15" s="13">
        <v>5</v>
      </c>
      <c r="D15" s="12">
        <v>13</v>
      </c>
    </row>
    <row r="16" spans="1:4" ht="18" customHeight="1" x14ac:dyDescent="0.2">
      <c r="A16" s="8" t="s">
        <v>24</v>
      </c>
      <c r="B16" s="35">
        <v>42</v>
      </c>
      <c r="C16" s="13">
        <v>30</v>
      </c>
      <c r="D16" s="12">
        <v>72</v>
      </c>
    </row>
    <row r="17" spans="1:4" ht="18" customHeight="1" x14ac:dyDescent="0.2">
      <c r="A17" s="8">
        <v>10</v>
      </c>
      <c r="B17" s="35">
        <v>6</v>
      </c>
      <c r="C17" s="13">
        <v>7</v>
      </c>
      <c r="D17" s="12">
        <v>13</v>
      </c>
    </row>
    <row r="18" spans="1:4" ht="18" customHeight="1" x14ac:dyDescent="0.2">
      <c r="A18" s="8">
        <v>11</v>
      </c>
      <c r="B18" s="35">
        <v>9</v>
      </c>
      <c r="C18" s="13">
        <v>10</v>
      </c>
      <c r="D18" s="12">
        <v>19</v>
      </c>
    </row>
    <row r="19" spans="1:4" ht="18" customHeight="1" x14ac:dyDescent="0.2">
      <c r="A19" s="8">
        <v>12</v>
      </c>
      <c r="B19" s="35">
        <v>7</v>
      </c>
      <c r="C19" s="13">
        <v>3</v>
      </c>
      <c r="D19" s="12">
        <v>10</v>
      </c>
    </row>
    <row r="20" spans="1:4" ht="18" customHeight="1" x14ac:dyDescent="0.2">
      <c r="A20" s="8">
        <v>13</v>
      </c>
      <c r="B20" s="35">
        <v>9</v>
      </c>
      <c r="C20" s="13">
        <v>5</v>
      </c>
      <c r="D20" s="12">
        <v>14</v>
      </c>
    </row>
    <row r="21" spans="1:4" ht="18" customHeight="1" x14ac:dyDescent="0.2">
      <c r="A21" s="8">
        <v>14</v>
      </c>
      <c r="B21" s="35">
        <v>9</v>
      </c>
      <c r="C21" s="13">
        <v>4</v>
      </c>
      <c r="D21" s="12">
        <v>13</v>
      </c>
    </row>
    <row r="22" spans="1:4" ht="18" customHeight="1" x14ac:dyDescent="0.2">
      <c r="A22" s="8" t="s">
        <v>23</v>
      </c>
      <c r="B22" s="35">
        <v>40</v>
      </c>
      <c r="C22" s="13">
        <v>29</v>
      </c>
      <c r="D22" s="12">
        <v>69</v>
      </c>
    </row>
    <row r="23" spans="1:4" ht="18" customHeight="1" x14ac:dyDescent="0.2">
      <c r="A23" s="8" t="s">
        <v>22</v>
      </c>
      <c r="B23" s="35">
        <v>100</v>
      </c>
      <c r="C23" s="13">
        <v>83</v>
      </c>
      <c r="D23" s="12">
        <v>183</v>
      </c>
    </row>
    <row r="24" spans="1:4" ht="18" customHeight="1" x14ac:dyDescent="0.2">
      <c r="A24" s="8">
        <v>15</v>
      </c>
      <c r="B24" s="35">
        <v>5</v>
      </c>
      <c r="C24" s="13">
        <v>11</v>
      </c>
      <c r="D24" s="12">
        <v>16</v>
      </c>
    </row>
    <row r="25" spans="1:4" ht="18" customHeight="1" x14ac:dyDescent="0.2">
      <c r="A25" s="8">
        <v>16</v>
      </c>
      <c r="B25" s="35">
        <v>14</v>
      </c>
      <c r="C25" s="13">
        <v>4</v>
      </c>
      <c r="D25" s="12">
        <v>18</v>
      </c>
    </row>
    <row r="26" spans="1:4" ht="18" customHeight="1" x14ac:dyDescent="0.2">
      <c r="A26" s="8">
        <v>17</v>
      </c>
      <c r="B26" s="35">
        <v>12</v>
      </c>
      <c r="C26" s="13">
        <v>12</v>
      </c>
      <c r="D26" s="12">
        <v>24</v>
      </c>
    </row>
    <row r="27" spans="1:4" ht="18" customHeight="1" x14ac:dyDescent="0.2">
      <c r="A27" s="8">
        <v>18</v>
      </c>
      <c r="B27" s="35">
        <v>11</v>
      </c>
      <c r="C27" s="13">
        <v>9</v>
      </c>
      <c r="D27" s="12">
        <v>20</v>
      </c>
    </row>
    <row r="28" spans="1:4" ht="18" customHeight="1" x14ac:dyDescent="0.2">
      <c r="A28" s="8">
        <v>19</v>
      </c>
      <c r="B28" s="35">
        <v>11</v>
      </c>
      <c r="C28" s="13">
        <v>10</v>
      </c>
      <c r="D28" s="12">
        <v>21</v>
      </c>
    </row>
    <row r="29" spans="1:4" ht="18" customHeight="1" x14ac:dyDescent="0.2">
      <c r="A29" s="8" t="s">
        <v>21</v>
      </c>
      <c r="B29" s="35">
        <v>53</v>
      </c>
      <c r="C29" s="13">
        <v>46</v>
      </c>
      <c r="D29" s="12">
        <v>99</v>
      </c>
    </row>
    <row r="30" spans="1:4" ht="18" customHeight="1" x14ac:dyDescent="0.2">
      <c r="A30" s="8">
        <v>20</v>
      </c>
      <c r="B30" s="35">
        <v>11</v>
      </c>
      <c r="C30" s="13">
        <v>13</v>
      </c>
      <c r="D30" s="12">
        <v>24</v>
      </c>
    </row>
    <row r="31" spans="1:4" ht="18" customHeight="1" x14ac:dyDescent="0.2">
      <c r="A31" s="8">
        <v>21</v>
      </c>
      <c r="B31" s="35">
        <v>7</v>
      </c>
      <c r="C31" s="13">
        <v>12</v>
      </c>
      <c r="D31" s="12">
        <v>19</v>
      </c>
    </row>
    <row r="32" spans="1:4" ht="18" customHeight="1" x14ac:dyDescent="0.2">
      <c r="A32" s="8">
        <v>22</v>
      </c>
      <c r="B32" s="35">
        <v>9</v>
      </c>
      <c r="C32" s="13">
        <v>7</v>
      </c>
      <c r="D32" s="12">
        <v>16</v>
      </c>
    </row>
    <row r="33" spans="1:4" ht="18" customHeight="1" x14ac:dyDescent="0.2">
      <c r="A33" s="8">
        <v>23</v>
      </c>
      <c r="B33" s="35">
        <v>20</v>
      </c>
      <c r="C33" s="13">
        <v>14</v>
      </c>
      <c r="D33" s="12">
        <v>34</v>
      </c>
    </row>
    <row r="34" spans="1:4" ht="18" customHeight="1" x14ac:dyDescent="0.2">
      <c r="A34" s="8">
        <v>24</v>
      </c>
      <c r="B34" s="35">
        <v>14</v>
      </c>
      <c r="C34" s="13">
        <v>11</v>
      </c>
      <c r="D34" s="12">
        <v>25</v>
      </c>
    </row>
    <row r="35" spans="1:4" ht="18" customHeight="1" x14ac:dyDescent="0.2">
      <c r="A35" s="8" t="s">
        <v>20</v>
      </c>
      <c r="B35" s="35">
        <v>61</v>
      </c>
      <c r="C35" s="13">
        <v>57</v>
      </c>
      <c r="D35" s="12">
        <v>118</v>
      </c>
    </row>
    <row r="36" spans="1:4" ht="18" customHeight="1" x14ac:dyDescent="0.2">
      <c r="A36" s="8">
        <v>25</v>
      </c>
      <c r="B36" s="35">
        <v>10</v>
      </c>
      <c r="C36" s="13">
        <v>8</v>
      </c>
      <c r="D36" s="12">
        <v>18</v>
      </c>
    </row>
    <row r="37" spans="1:4" ht="18" customHeight="1" x14ac:dyDescent="0.2">
      <c r="A37" s="8">
        <v>26</v>
      </c>
      <c r="B37" s="35">
        <v>14</v>
      </c>
      <c r="C37" s="13">
        <v>10</v>
      </c>
      <c r="D37" s="12">
        <v>24</v>
      </c>
    </row>
    <row r="38" spans="1:4" ht="18" customHeight="1" x14ac:dyDescent="0.2">
      <c r="A38" s="8">
        <v>27</v>
      </c>
      <c r="B38" s="35">
        <v>5</v>
      </c>
      <c r="C38" s="13">
        <v>5</v>
      </c>
      <c r="D38" s="12">
        <v>10</v>
      </c>
    </row>
    <row r="39" spans="1:4" ht="18" customHeight="1" x14ac:dyDescent="0.2">
      <c r="A39" s="8">
        <v>28</v>
      </c>
      <c r="B39" s="35">
        <v>13</v>
      </c>
      <c r="C39" s="13">
        <v>9</v>
      </c>
      <c r="D39" s="12">
        <v>22</v>
      </c>
    </row>
    <row r="40" spans="1:4" ht="18" customHeight="1" x14ac:dyDescent="0.2">
      <c r="A40" s="8">
        <v>29</v>
      </c>
      <c r="B40" s="35">
        <v>10</v>
      </c>
      <c r="C40" s="13">
        <v>5</v>
      </c>
      <c r="D40" s="12">
        <v>15</v>
      </c>
    </row>
    <row r="41" spans="1:4" ht="18" customHeight="1" x14ac:dyDescent="0.2">
      <c r="A41" s="8" t="s">
        <v>19</v>
      </c>
      <c r="B41" s="35">
        <v>52</v>
      </c>
      <c r="C41" s="13">
        <v>37</v>
      </c>
      <c r="D41" s="12">
        <v>89</v>
      </c>
    </row>
    <row r="42" spans="1:4" ht="18" customHeight="1" x14ac:dyDescent="0.2">
      <c r="A42" s="8">
        <v>30</v>
      </c>
      <c r="B42" s="35">
        <v>14</v>
      </c>
      <c r="C42" s="13">
        <v>11</v>
      </c>
      <c r="D42" s="12">
        <v>25</v>
      </c>
    </row>
    <row r="43" spans="1:4" ht="18" customHeight="1" x14ac:dyDescent="0.2">
      <c r="A43" s="8">
        <v>31</v>
      </c>
      <c r="B43" s="35">
        <v>5</v>
      </c>
      <c r="C43" s="13">
        <v>10</v>
      </c>
      <c r="D43" s="12">
        <v>15</v>
      </c>
    </row>
    <row r="44" spans="1:4" ht="18" customHeight="1" x14ac:dyDescent="0.2">
      <c r="A44" s="8">
        <v>32</v>
      </c>
      <c r="B44" s="35">
        <v>6</v>
      </c>
      <c r="C44" s="13">
        <v>5</v>
      </c>
      <c r="D44" s="12">
        <v>11</v>
      </c>
    </row>
    <row r="45" spans="1:4" ht="18" customHeight="1" x14ac:dyDescent="0.2">
      <c r="A45" s="8">
        <v>33</v>
      </c>
      <c r="B45" s="35">
        <v>6</v>
      </c>
      <c r="C45" s="13">
        <v>7</v>
      </c>
      <c r="D45" s="12">
        <v>13</v>
      </c>
    </row>
    <row r="46" spans="1:4" ht="18" customHeight="1" x14ac:dyDescent="0.2">
      <c r="A46" s="8">
        <v>34</v>
      </c>
      <c r="B46" s="35">
        <v>6</v>
      </c>
      <c r="C46" s="13">
        <v>4</v>
      </c>
      <c r="D46" s="12">
        <v>10</v>
      </c>
    </row>
    <row r="47" spans="1:4" ht="18" customHeight="1" x14ac:dyDescent="0.2">
      <c r="A47" s="8" t="s">
        <v>18</v>
      </c>
      <c r="B47" s="35">
        <v>37</v>
      </c>
      <c r="C47" s="13">
        <v>37</v>
      </c>
      <c r="D47" s="12">
        <v>74</v>
      </c>
    </row>
    <row r="48" spans="1:4" ht="18" customHeight="1" x14ac:dyDescent="0.2">
      <c r="A48" s="8">
        <v>35</v>
      </c>
      <c r="B48" s="35">
        <v>8</v>
      </c>
      <c r="C48" s="13">
        <v>6</v>
      </c>
      <c r="D48" s="12">
        <v>14</v>
      </c>
    </row>
    <row r="49" spans="1:4" ht="18" customHeight="1" x14ac:dyDescent="0.2">
      <c r="A49" s="8">
        <v>36</v>
      </c>
      <c r="B49" s="35">
        <v>11</v>
      </c>
      <c r="C49" s="13">
        <v>8</v>
      </c>
      <c r="D49" s="12">
        <v>19</v>
      </c>
    </row>
    <row r="50" spans="1:4" ht="18" customHeight="1" x14ac:dyDescent="0.2">
      <c r="A50" s="8">
        <v>37</v>
      </c>
      <c r="B50" s="35">
        <v>8</v>
      </c>
      <c r="C50" s="13">
        <v>9</v>
      </c>
      <c r="D50" s="12">
        <v>17</v>
      </c>
    </row>
    <row r="51" spans="1:4" ht="18" customHeight="1" x14ac:dyDescent="0.2">
      <c r="A51" s="8">
        <v>38</v>
      </c>
      <c r="B51" s="35">
        <v>19</v>
      </c>
      <c r="C51" s="13">
        <v>13</v>
      </c>
      <c r="D51" s="12">
        <v>32</v>
      </c>
    </row>
    <row r="52" spans="1:4" ht="18" customHeight="1" x14ac:dyDescent="0.2">
      <c r="A52" s="8">
        <v>39</v>
      </c>
      <c r="B52" s="35">
        <v>15</v>
      </c>
      <c r="C52" s="13">
        <v>15</v>
      </c>
      <c r="D52" s="12">
        <v>30</v>
      </c>
    </row>
    <row r="53" spans="1:4" ht="18" customHeight="1" x14ac:dyDescent="0.2">
      <c r="A53" s="8" t="s">
        <v>17</v>
      </c>
      <c r="B53" s="35">
        <v>61</v>
      </c>
      <c r="C53" s="13">
        <v>51</v>
      </c>
      <c r="D53" s="12">
        <v>112</v>
      </c>
    </row>
    <row r="54" spans="1:4" ht="18" customHeight="1" x14ac:dyDescent="0.2">
      <c r="A54" s="8">
        <v>40</v>
      </c>
      <c r="B54" s="35">
        <v>18</v>
      </c>
      <c r="C54" s="13">
        <v>11</v>
      </c>
      <c r="D54" s="12">
        <v>29</v>
      </c>
    </row>
    <row r="55" spans="1:4" ht="18" customHeight="1" x14ac:dyDescent="0.2">
      <c r="A55" s="8">
        <v>41</v>
      </c>
      <c r="B55" s="35">
        <v>8</v>
      </c>
      <c r="C55" s="13">
        <v>6</v>
      </c>
      <c r="D55" s="12">
        <v>14</v>
      </c>
    </row>
    <row r="56" spans="1:4" ht="18" customHeight="1" x14ac:dyDescent="0.2">
      <c r="A56" s="8">
        <v>42</v>
      </c>
      <c r="B56" s="35">
        <v>13</v>
      </c>
      <c r="C56" s="13">
        <v>7</v>
      </c>
      <c r="D56" s="12">
        <v>20</v>
      </c>
    </row>
    <row r="57" spans="1:4" ht="18" customHeight="1" x14ac:dyDescent="0.2">
      <c r="A57" s="8">
        <v>43</v>
      </c>
      <c r="B57" s="35">
        <v>7</v>
      </c>
      <c r="C57" s="13">
        <v>12</v>
      </c>
      <c r="D57" s="12">
        <v>19</v>
      </c>
    </row>
    <row r="58" spans="1:4" ht="18" customHeight="1" x14ac:dyDescent="0.2">
      <c r="A58" s="8">
        <v>44</v>
      </c>
      <c r="B58" s="35">
        <v>13</v>
      </c>
      <c r="C58" s="13">
        <v>14</v>
      </c>
      <c r="D58" s="12">
        <v>27</v>
      </c>
    </row>
    <row r="59" spans="1:4" ht="18" customHeight="1" x14ac:dyDescent="0.2">
      <c r="A59" s="8" t="s">
        <v>16</v>
      </c>
      <c r="B59" s="35">
        <v>59</v>
      </c>
      <c r="C59" s="13">
        <v>50</v>
      </c>
      <c r="D59" s="12">
        <v>109</v>
      </c>
    </row>
    <row r="60" spans="1:4" ht="18" customHeight="1" x14ac:dyDescent="0.2">
      <c r="A60" s="8">
        <v>45</v>
      </c>
      <c r="B60" s="35">
        <v>12</v>
      </c>
      <c r="C60" s="13">
        <v>15</v>
      </c>
      <c r="D60" s="12">
        <v>27</v>
      </c>
    </row>
    <row r="61" spans="1:4" ht="18" customHeight="1" x14ac:dyDescent="0.2">
      <c r="A61" s="8">
        <v>46</v>
      </c>
      <c r="B61" s="35">
        <v>17</v>
      </c>
      <c r="C61" s="13">
        <v>11</v>
      </c>
      <c r="D61" s="12">
        <v>28</v>
      </c>
    </row>
    <row r="62" spans="1:4" ht="18" customHeight="1" x14ac:dyDescent="0.2">
      <c r="A62" s="8">
        <v>47</v>
      </c>
      <c r="B62" s="35">
        <v>19</v>
      </c>
      <c r="C62" s="13">
        <v>17</v>
      </c>
      <c r="D62" s="12">
        <v>36</v>
      </c>
    </row>
    <row r="63" spans="1:4" ht="18" customHeight="1" x14ac:dyDescent="0.2">
      <c r="A63" s="8">
        <v>48</v>
      </c>
      <c r="B63" s="35">
        <v>13</v>
      </c>
      <c r="C63" s="13">
        <v>17</v>
      </c>
      <c r="D63" s="12">
        <v>30</v>
      </c>
    </row>
    <row r="64" spans="1:4" ht="18" customHeight="1" x14ac:dyDescent="0.2">
      <c r="A64" s="8">
        <v>49</v>
      </c>
      <c r="B64" s="35">
        <v>15</v>
      </c>
      <c r="C64" s="13">
        <v>17</v>
      </c>
      <c r="D64" s="12">
        <v>32</v>
      </c>
    </row>
    <row r="65" spans="1:4" ht="18" customHeight="1" x14ac:dyDescent="0.2">
      <c r="A65" s="8" t="s">
        <v>15</v>
      </c>
      <c r="B65" s="35">
        <v>76</v>
      </c>
      <c r="C65" s="13">
        <v>77</v>
      </c>
      <c r="D65" s="12">
        <v>153</v>
      </c>
    </row>
    <row r="66" spans="1:4" ht="18" customHeight="1" x14ac:dyDescent="0.2">
      <c r="A66" s="8">
        <v>50</v>
      </c>
      <c r="B66" s="35">
        <v>14</v>
      </c>
      <c r="C66" s="13">
        <v>22</v>
      </c>
      <c r="D66" s="12">
        <v>36</v>
      </c>
    </row>
    <row r="67" spans="1:4" ht="18" customHeight="1" x14ac:dyDescent="0.2">
      <c r="A67" s="8">
        <v>51</v>
      </c>
      <c r="B67" s="35">
        <v>25</v>
      </c>
      <c r="C67" s="13">
        <v>23</v>
      </c>
      <c r="D67" s="12">
        <v>48</v>
      </c>
    </row>
    <row r="68" spans="1:4" ht="18" customHeight="1" x14ac:dyDescent="0.2">
      <c r="A68" s="8">
        <v>52</v>
      </c>
      <c r="B68" s="35">
        <v>29</v>
      </c>
      <c r="C68" s="13">
        <v>17</v>
      </c>
      <c r="D68" s="12">
        <v>46</v>
      </c>
    </row>
    <row r="69" spans="1:4" ht="18" customHeight="1" x14ac:dyDescent="0.2">
      <c r="A69" s="8">
        <v>53</v>
      </c>
      <c r="B69" s="35">
        <v>17</v>
      </c>
      <c r="C69" s="13">
        <v>23</v>
      </c>
      <c r="D69" s="12">
        <v>40</v>
      </c>
    </row>
    <row r="70" spans="1:4" ht="18" customHeight="1" x14ac:dyDescent="0.2">
      <c r="A70" s="8">
        <v>54</v>
      </c>
      <c r="B70" s="35">
        <v>17</v>
      </c>
      <c r="C70" s="13">
        <v>20</v>
      </c>
      <c r="D70" s="12">
        <v>37</v>
      </c>
    </row>
    <row r="71" spans="1:4" ht="18" customHeight="1" x14ac:dyDescent="0.2">
      <c r="A71" s="8" t="s">
        <v>14</v>
      </c>
      <c r="B71" s="35">
        <v>102</v>
      </c>
      <c r="C71" s="13">
        <v>105</v>
      </c>
      <c r="D71" s="12">
        <v>207</v>
      </c>
    </row>
    <row r="72" spans="1:4" ht="18" customHeight="1" x14ac:dyDescent="0.2">
      <c r="A72" s="8">
        <v>55</v>
      </c>
      <c r="B72" s="35">
        <v>13</v>
      </c>
      <c r="C72" s="13">
        <v>16</v>
      </c>
      <c r="D72" s="12">
        <v>29</v>
      </c>
    </row>
    <row r="73" spans="1:4" ht="18" customHeight="1" x14ac:dyDescent="0.2">
      <c r="A73" s="8">
        <v>56</v>
      </c>
      <c r="B73" s="35">
        <v>16</v>
      </c>
      <c r="C73" s="13">
        <v>20</v>
      </c>
      <c r="D73" s="12">
        <v>36</v>
      </c>
    </row>
    <row r="74" spans="1:4" ht="18" customHeight="1" x14ac:dyDescent="0.2">
      <c r="A74" s="8">
        <v>57</v>
      </c>
      <c r="B74" s="35">
        <v>14</v>
      </c>
      <c r="C74" s="13">
        <v>7</v>
      </c>
      <c r="D74" s="12">
        <v>21</v>
      </c>
    </row>
    <row r="75" spans="1:4" ht="18" customHeight="1" x14ac:dyDescent="0.2">
      <c r="A75" s="8">
        <v>58</v>
      </c>
      <c r="B75" s="35">
        <v>17</v>
      </c>
      <c r="C75" s="13">
        <v>20</v>
      </c>
      <c r="D75" s="12">
        <v>37</v>
      </c>
    </row>
    <row r="76" spans="1:4" ht="18" customHeight="1" x14ac:dyDescent="0.2">
      <c r="A76" s="8">
        <v>59</v>
      </c>
      <c r="B76" s="35">
        <v>16</v>
      </c>
      <c r="C76" s="13">
        <v>20</v>
      </c>
      <c r="D76" s="12">
        <v>36</v>
      </c>
    </row>
    <row r="77" spans="1:4" ht="18" customHeight="1" x14ac:dyDescent="0.2">
      <c r="A77" s="8" t="s">
        <v>13</v>
      </c>
      <c r="B77" s="35">
        <v>76</v>
      </c>
      <c r="C77" s="13">
        <v>83</v>
      </c>
      <c r="D77" s="12">
        <v>159</v>
      </c>
    </row>
    <row r="78" spans="1:4" ht="18" customHeight="1" x14ac:dyDescent="0.2">
      <c r="A78" s="8">
        <v>60</v>
      </c>
      <c r="B78" s="35">
        <v>14</v>
      </c>
      <c r="C78" s="13">
        <v>10</v>
      </c>
      <c r="D78" s="12">
        <v>24</v>
      </c>
    </row>
    <row r="79" spans="1:4" ht="18" customHeight="1" x14ac:dyDescent="0.2">
      <c r="A79" s="8">
        <v>61</v>
      </c>
      <c r="B79" s="35">
        <v>20</v>
      </c>
      <c r="C79" s="13">
        <v>13</v>
      </c>
      <c r="D79" s="12">
        <v>33</v>
      </c>
    </row>
    <row r="80" spans="1:4" ht="18" customHeight="1" x14ac:dyDescent="0.2">
      <c r="A80" s="8">
        <v>62</v>
      </c>
      <c r="B80" s="35">
        <v>17</v>
      </c>
      <c r="C80" s="13">
        <v>12</v>
      </c>
      <c r="D80" s="12">
        <v>29</v>
      </c>
    </row>
    <row r="81" spans="1:4" ht="18" customHeight="1" x14ac:dyDescent="0.2">
      <c r="A81" s="8">
        <v>63</v>
      </c>
      <c r="B81" s="35">
        <v>17</v>
      </c>
      <c r="C81" s="13">
        <v>12</v>
      </c>
      <c r="D81" s="12">
        <v>29</v>
      </c>
    </row>
    <row r="82" spans="1:4" ht="18" customHeight="1" x14ac:dyDescent="0.2">
      <c r="A82" s="8">
        <v>64</v>
      </c>
      <c r="B82" s="35">
        <v>17</v>
      </c>
      <c r="C82" s="13">
        <v>29</v>
      </c>
      <c r="D82" s="12">
        <v>46</v>
      </c>
    </row>
    <row r="83" spans="1:4" ht="18" customHeight="1" x14ac:dyDescent="0.2">
      <c r="A83" s="8" t="s">
        <v>12</v>
      </c>
      <c r="B83" s="35">
        <v>85</v>
      </c>
      <c r="C83" s="13">
        <v>76</v>
      </c>
      <c r="D83" s="12">
        <v>161</v>
      </c>
    </row>
    <row r="84" spans="1:4" ht="18" customHeight="1" x14ac:dyDescent="0.2">
      <c r="A84" s="8" t="s">
        <v>11</v>
      </c>
      <c r="B84" s="35">
        <v>662</v>
      </c>
      <c r="C84" s="13">
        <v>619</v>
      </c>
      <c r="D84" s="12">
        <v>1281</v>
      </c>
    </row>
    <row r="85" spans="1:4" ht="18" customHeight="1" x14ac:dyDescent="0.2">
      <c r="A85" s="8">
        <v>65</v>
      </c>
      <c r="B85" s="35">
        <v>22</v>
      </c>
      <c r="C85" s="13">
        <v>16</v>
      </c>
      <c r="D85" s="12">
        <v>38</v>
      </c>
    </row>
    <row r="86" spans="1:4" ht="18" customHeight="1" x14ac:dyDescent="0.2">
      <c r="A86" s="8">
        <v>66</v>
      </c>
      <c r="B86" s="35">
        <v>19</v>
      </c>
      <c r="C86" s="13">
        <v>21</v>
      </c>
      <c r="D86" s="12">
        <v>40</v>
      </c>
    </row>
    <row r="87" spans="1:4" ht="18" customHeight="1" x14ac:dyDescent="0.2">
      <c r="A87" s="8">
        <v>67</v>
      </c>
      <c r="B87" s="35">
        <v>15</v>
      </c>
      <c r="C87" s="13">
        <v>21</v>
      </c>
      <c r="D87" s="12">
        <v>36</v>
      </c>
    </row>
    <row r="88" spans="1:4" ht="18" customHeight="1" x14ac:dyDescent="0.2">
      <c r="A88" s="8">
        <v>68</v>
      </c>
      <c r="B88" s="35">
        <v>9</v>
      </c>
      <c r="C88" s="13">
        <v>15</v>
      </c>
      <c r="D88" s="12">
        <v>24</v>
      </c>
    </row>
    <row r="89" spans="1:4" ht="18" customHeight="1" x14ac:dyDescent="0.2">
      <c r="A89" s="8">
        <v>69</v>
      </c>
      <c r="B89" s="35">
        <v>12</v>
      </c>
      <c r="C89" s="13">
        <v>23</v>
      </c>
      <c r="D89" s="12">
        <v>35</v>
      </c>
    </row>
    <row r="90" spans="1:4" ht="18" customHeight="1" x14ac:dyDescent="0.2">
      <c r="A90" s="8" t="s">
        <v>10</v>
      </c>
      <c r="B90" s="35">
        <v>77</v>
      </c>
      <c r="C90" s="13">
        <v>96</v>
      </c>
      <c r="D90" s="12">
        <v>173</v>
      </c>
    </row>
    <row r="91" spans="1:4" ht="18" customHeight="1" x14ac:dyDescent="0.2">
      <c r="A91" s="8">
        <v>70</v>
      </c>
      <c r="B91" s="35">
        <v>21</v>
      </c>
      <c r="C91" s="13">
        <v>28</v>
      </c>
      <c r="D91" s="12">
        <v>49</v>
      </c>
    </row>
    <row r="92" spans="1:4" ht="18" customHeight="1" x14ac:dyDescent="0.2">
      <c r="A92" s="8">
        <v>71</v>
      </c>
      <c r="B92" s="35">
        <v>24</v>
      </c>
      <c r="C92" s="13">
        <v>18</v>
      </c>
      <c r="D92" s="12">
        <v>42</v>
      </c>
    </row>
    <row r="93" spans="1:4" ht="18" customHeight="1" x14ac:dyDescent="0.2">
      <c r="A93" s="8">
        <v>72</v>
      </c>
      <c r="B93" s="35">
        <v>26</v>
      </c>
      <c r="C93" s="13">
        <v>30</v>
      </c>
      <c r="D93" s="12">
        <v>56</v>
      </c>
    </row>
    <row r="94" spans="1:4" ht="18" customHeight="1" x14ac:dyDescent="0.2">
      <c r="A94" s="8">
        <v>73</v>
      </c>
      <c r="B94" s="35">
        <v>27</v>
      </c>
      <c r="C94" s="13">
        <v>38</v>
      </c>
      <c r="D94" s="12">
        <v>65</v>
      </c>
    </row>
    <row r="95" spans="1:4" ht="18" customHeight="1" x14ac:dyDescent="0.2">
      <c r="A95" s="8">
        <v>74</v>
      </c>
      <c r="B95" s="35">
        <v>26</v>
      </c>
      <c r="C95" s="13">
        <v>28</v>
      </c>
      <c r="D95" s="12">
        <v>54</v>
      </c>
    </row>
    <row r="96" spans="1:4" ht="18" customHeight="1" x14ac:dyDescent="0.2">
      <c r="A96" s="8" t="s">
        <v>9</v>
      </c>
      <c r="B96" s="35">
        <v>124</v>
      </c>
      <c r="C96" s="13">
        <v>142</v>
      </c>
      <c r="D96" s="12">
        <v>266</v>
      </c>
    </row>
    <row r="97" spans="1:4" ht="18" customHeight="1" x14ac:dyDescent="0.2">
      <c r="A97" s="8">
        <v>75</v>
      </c>
      <c r="B97" s="35">
        <v>43</v>
      </c>
      <c r="C97" s="13">
        <v>26</v>
      </c>
      <c r="D97" s="12">
        <v>69</v>
      </c>
    </row>
    <row r="98" spans="1:4" ht="18" customHeight="1" x14ac:dyDescent="0.2">
      <c r="A98" s="8">
        <v>76</v>
      </c>
      <c r="B98" s="35">
        <v>26</v>
      </c>
      <c r="C98" s="13">
        <v>33</v>
      </c>
      <c r="D98" s="12">
        <v>59</v>
      </c>
    </row>
    <row r="99" spans="1:4" ht="18" customHeight="1" x14ac:dyDescent="0.2">
      <c r="A99" s="8">
        <v>77</v>
      </c>
      <c r="B99" s="35">
        <v>8</v>
      </c>
      <c r="C99" s="13">
        <v>13</v>
      </c>
      <c r="D99" s="12">
        <v>21</v>
      </c>
    </row>
    <row r="100" spans="1:4" ht="18" customHeight="1" x14ac:dyDescent="0.2">
      <c r="A100" s="8">
        <v>78</v>
      </c>
      <c r="B100" s="35">
        <v>18</v>
      </c>
      <c r="C100" s="13">
        <v>18</v>
      </c>
      <c r="D100" s="12">
        <v>36</v>
      </c>
    </row>
    <row r="101" spans="1:4" ht="18" customHeight="1" x14ac:dyDescent="0.2">
      <c r="A101" s="8">
        <v>79</v>
      </c>
      <c r="B101" s="35">
        <v>17</v>
      </c>
      <c r="C101" s="13">
        <v>33</v>
      </c>
      <c r="D101" s="12">
        <v>50</v>
      </c>
    </row>
    <row r="102" spans="1:4" ht="18" customHeight="1" x14ac:dyDescent="0.2">
      <c r="A102" s="8" t="s">
        <v>8</v>
      </c>
      <c r="B102" s="35">
        <v>112</v>
      </c>
      <c r="C102" s="13">
        <v>123</v>
      </c>
      <c r="D102" s="12">
        <v>235</v>
      </c>
    </row>
    <row r="103" spans="1:4" ht="18" customHeight="1" x14ac:dyDescent="0.2">
      <c r="A103" s="8">
        <v>80</v>
      </c>
      <c r="B103" s="35">
        <v>16</v>
      </c>
      <c r="C103" s="13">
        <v>27</v>
      </c>
      <c r="D103" s="12">
        <v>43</v>
      </c>
    </row>
    <row r="104" spans="1:4" ht="18" customHeight="1" x14ac:dyDescent="0.2">
      <c r="A104" s="8">
        <v>81</v>
      </c>
      <c r="B104" s="35">
        <v>15</v>
      </c>
      <c r="C104" s="13">
        <v>16</v>
      </c>
      <c r="D104" s="12">
        <v>31</v>
      </c>
    </row>
    <row r="105" spans="1:4" ht="18" customHeight="1" x14ac:dyDescent="0.2">
      <c r="A105" s="8">
        <v>82</v>
      </c>
      <c r="B105" s="35">
        <v>7</v>
      </c>
      <c r="C105" s="13">
        <v>25</v>
      </c>
      <c r="D105" s="12">
        <v>32</v>
      </c>
    </row>
    <row r="106" spans="1:4" ht="18" customHeight="1" x14ac:dyDescent="0.2">
      <c r="A106" s="8">
        <v>83</v>
      </c>
      <c r="B106" s="35">
        <v>11</v>
      </c>
      <c r="C106" s="13">
        <v>16</v>
      </c>
      <c r="D106" s="12">
        <v>27</v>
      </c>
    </row>
    <row r="107" spans="1:4" ht="18" customHeight="1" x14ac:dyDescent="0.2">
      <c r="A107" s="8">
        <v>84</v>
      </c>
      <c r="B107" s="35">
        <v>12</v>
      </c>
      <c r="C107" s="13">
        <v>14</v>
      </c>
      <c r="D107" s="12">
        <v>26</v>
      </c>
    </row>
    <row r="108" spans="1:4" ht="18" customHeight="1" x14ac:dyDescent="0.2">
      <c r="A108" s="8" t="s">
        <v>7</v>
      </c>
      <c r="B108" s="35">
        <v>61</v>
      </c>
      <c r="C108" s="13">
        <v>98</v>
      </c>
      <c r="D108" s="12">
        <v>159</v>
      </c>
    </row>
    <row r="109" spans="1:4" ht="18" customHeight="1" x14ac:dyDescent="0.2">
      <c r="A109" s="8">
        <v>85</v>
      </c>
      <c r="B109" s="35">
        <v>9</v>
      </c>
      <c r="C109" s="13">
        <v>24</v>
      </c>
      <c r="D109" s="12">
        <v>33</v>
      </c>
    </row>
    <row r="110" spans="1:4" ht="18" customHeight="1" x14ac:dyDescent="0.2">
      <c r="A110" s="8">
        <v>86</v>
      </c>
      <c r="B110" s="35">
        <v>14</v>
      </c>
      <c r="C110" s="13">
        <v>23</v>
      </c>
      <c r="D110" s="12">
        <v>37</v>
      </c>
    </row>
    <row r="111" spans="1:4" ht="18" customHeight="1" x14ac:dyDescent="0.2">
      <c r="A111" s="8">
        <v>87</v>
      </c>
      <c r="B111" s="35">
        <v>11</v>
      </c>
      <c r="C111" s="13">
        <v>17</v>
      </c>
      <c r="D111" s="12">
        <v>28</v>
      </c>
    </row>
    <row r="112" spans="1:4" ht="18" customHeight="1" x14ac:dyDescent="0.2">
      <c r="A112" s="8">
        <v>88</v>
      </c>
      <c r="B112" s="35">
        <v>7</v>
      </c>
      <c r="C112" s="13">
        <v>15</v>
      </c>
      <c r="D112" s="12">
        <v>22</v>
      </c>
    </row>
    <row r="113" spans="1:4" ht="18" customHeight="1" x14ac:dyDescent="0.2">
      <c r="A113" s="8">
        <v>89</v>
      </c>
      <c r="B113" s="35">
        <v>12</v>
      </c>
      <c r="C113" s="13">
        <v>18</v>
      </c>
      <c r="D113" s="12">
        <v>30</v>
      </c>
    </row>
    <row r="114" spans="1:4" ht="18" customHeight="1" x14ac:dyDescent="0.2">
      <c r="A114" s="8" t="s">
        <v>6</v>
      </c>
      <c r="B114" s="35">
        <v>53</v>
      </c>
      <c r="C114" s="13">
        <v>97</v>
      </c>
      <c r="D114" s="12">
        <v>150</v>
      </c>
    </row>
    <row r="115" spans="1:4" ht="18" customHeight="1" x14ac:dyDescent="0.2">
      <c r="A115" s="8">
        <v>90</v>
      </c>
      <c r="B115" s="35">
        <v>10</v>
      </c>
      <c r="C115" s="13">
        <v>10</v>
      </c>
      <c r="D115" s="12">
        <v>20</v>
      </c>
    </row>
    <row r="116" spans="1:4" ht="18" customHeight="1" x14ac:dyDescent="0.2">
      <c r="A116" s="8">
        <v>91</v>
      </c>
      <c r="B116" s="35">
        <v>0</v>
      </c>
      <c r="C116" s="13">
        <v>7</v>
      </c>
      <c r="D116" s="12">
        <v>7</v>
      </c>
    </row>
    <row r="117" spans="1:4" ht="18" customHeight="1" x14ac:dyDescent="0.2">
      <c r="A117" s="8">
        <v>92</v>
      </c>
      <c r="B117" s="35">
        <v>7</v>
      </c>
      <c r="C117" s="13">
        <v>9</v>
      </c>
      <c r="D117" s="12">
        <v>16</v>
      </c>
    </row>
    <row r="118" spans="1:4" ht="18" customHeight="1" x14ac:dyDescent="0.2">
      <c r="A118" s="8">
        <v>93</v>
      </c>
      <c r="B118" s="35">
        <v>2</v>
      </c>
      <c r="C118" s="13">
        <v>6</v>
      </c>
      <c r="D118" s="12">
        <v>8</v>
      </c>
    </row>
    <row r="119" spans="1:4" ht="18" customHeight="1" x14ac:dyDescent="0.2">
      <c r="A119" s="8">
        <v>94</v>
      </c>
      <c r="B119" s="35">
        <v>0</v>
      </c>
      <c r="C119" s="13">
        <v>5</v>
      </c>
      <c r="D119" s="12">
        <v>5</v>
      </c>
    </row>
    <row r="120" spans="1:4" ht="18" customHeight="1" x14ac:dyDescent="0.2">
      <c r="A120" s="8" t="s">
        <v>5</v>
      </c>
      <c r="B120" s="35">
        <v>19</v>
      </c>
      <c r="C120" s="13">
        <v>37</v>
      </c>
      <c r="D120" s="12">
        <v>56</v>
      </c>
    </row>
    <row r="121" spans="1:4" ht="18" customHeight="1" x14ac:dyDescent="0.2">
      <c r="A121" s="8">
        <v>95</v>
      </c>
      <c r="B121" s="35">
        <v>1</v>
      </c>
      <c r="C121" s="13">
        <v>6</v>
      </c>
      <c r="D121" s="12">
        <v>7</v>
      </c>
    </row>
    <row r="122" spans="1:4" ht="18" customHeight="1" x14ac:dyDescent="0.2">
      <c r="A122" s="8">
        <v>96</v>
      </c>
      <c r="B122" s="35">
        <v>0</v>
      </c>
      <c r="C122" s="13">
        <v>4</v>
      </c>
      <c r="D122" s="12">
        <v>4</v>
      </c>
    </row>
    <row r="123" spans="1:4" ht="18" customHeight="1" x14ac:dyDescent="0.2">
      <c r="A123" s="8">
        <v>97</v>
      </c>
      <c r="B123" s="35">
        <v>0</v>
      </c>
      <c r="C123" s="13">
        <v>2</v>
      </c>
      <c r="D123" s="12">
        <v>2</v>
      </c>
    </row>
    <row r="124" spans="1:4" ht="18" customHeight="1" x14ac:dyDescent="0.2">
      <c r="A124" s="8">
        <v>98</v>
      </c>
      <c r="B124" s="35">
        <v>0</v>
      </c>
      <c r="C124" s="13">
        <v>4</v>
      </c>
      <c r="D124" s="12">
        <v>4</v>
      </c>
    </row>
    <row r="125" spans="1:4" ht="18" customHeight="1" x14ac:dyDescent="0.2">
      <c r="A125" s="8">
        <v>99</v>
      </c>
      <c r="B125" s="35">
        <v>0</v>
      </c>
      <c r="C125" s="13">
        <v>2</v>
      </c>
      <c r="D125" s="12">
        <v>2</v>
      </c>
    </row>
    <row r="126" spans="1:4" ht="18" customHeight="1" x14ac:dyDescent="0.2">
      <c r="A126" s="8" t="s">
        <v>4</v>
      </c>
      <c r="B126" s="35">
        <v>1</v>
      </c>
      <c r="C126" s="13">
        <v>18</v>
      </c>
      <c r="D126" s="12">
        <v>19</v>
      </c>
    </row>
    <row r="127" spans="1:4" ht="18" customHeight="1" x14ac:dyDescent="0.2">
      <c r="A127" s="8">
        <v>100</v>
      </c>
      <c r="B127" s="35">
        <v>0</v>
      </c>
      <c r="C127" s="13">
        <v>1</v>
      </c>
      <c r="D127" s="12">
        <v>1</v>
      </c>
    </row>
    <row r="128" spans="1:4" ht="18" customHeight="1" x14ac:dyDescent="0.2">
      <c r="A128" s="15" t="s">
        <v>3</v>
      </c>
      <c r="B128" s="35">
        <v>0</v>
      </c>
      <c r="C128" s="13">
        <v>1</v>
      </c>
      <c r="D128" s="12">
        <v>1</v>
      </c>
    </row>
    <row r="129" spans="1:4" ht="18" customHeight="1" x14ac:dyDescent="0.2">
      <c r="A129" s="8" t="s">
        <v>2</v>
      </c>
      <c r="B129" s="35">
        <v>0</v>
      </c>
      <c r="C129" s="13">
        <v>2</v>
      </c>
      <c r="D129" s="12">
        <v>2</v>
      </c>
    </row>
    <row r="130" spans="1:4" ht="18" customHeight="1" x14ac:dyDescent="0.2">
      <c r="A130" s="8" t="s">
        <v>1</v>
      </c>
      <c r="B130" s="28">
        <v>447</v>
      </c>
      <c r="C130" s="6">
        <v>613</v>
      </c>
      <c r="D130" s="5">
        <v>1060</v>
      </c>
    </row>
    <row r="131" spans="1:4" ht="18" customHeight="1" x14ac:dyDescent="0.2">
      <c r="A131" s="4" t="s">
        <v>0</v>
      </c>
      <c r="B131" s="27">
        <v>1209</v>
      </c>
      <c r="C131" s="2">
        <v>1315</v>
      </c>
      <c r="D131" s="1">
        <v>2524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E52B3BE-DD4B-4EE9-A810-D20A06C9FB48}">
  <sheetPr codeName="Sheet1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35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9</v>
      </c>
      <c r="C5" s="18">
        <v>12</v>
      </c>
      <c r="D5" s="17">
        <v>21</v>
      </c>
    </row>
    <row r="6" spans="1:4" ht="18" customHeight="1" x14ac:dyDescent="0.2">
      <c r="A6" s="16">
        <v>1</v>
      </c>
      <c r="B6" s="29">
        <v>11</v>
      </c>
      <c r="C6" s="10">
        <v>10</v>
      </c>
      <c r="D6" s="9">
        <v>21</v>
      </c>
    </row>
    <row r="7" spans="1:4" ht="18" customHeight="1" x14ac:dyDescent="0.2">
      <c r="A7" s="16">
        <v>2</v>
      </c>
      <c r="B7" s="29">
        <v>5</v>
      </c>
      <c r="C7" s="10">
        <v>10</v>
      </c>
      <c r="D7" s="9">
        <v>15</v>
      </c>
    </row>
    <row r="8" spans="1:4" ht="18" customHeight="1" x14ac:dyDescent="0.2">
      <c r="A8" s="16">
        <v>3</v>
      </c>
      <c r="B8" s="29">
        <v>16</v>
      </c>
      <c r="C8" s="10">
        <v>14</v>
      </c>
      <c r="D8" s="9">
        <v>30</v>
      </c>
    </row>
    <row r="9" spans="1:4" ht="18" customHeight="1" x14ac:dyDescent="0.2">
      <c r="A9" s="16">
        <v>4</v>
      </c>
      <c r="B9" s="29">
        <v>14</v>
      </c>
      <c r="C9" s="10">
        <v>7</v>
      </c>
      <c r="D9" s="9">
        <v>21</v>
      </c>
    </row>
    <row r="10" spans="1:4" ht="18" customHeight="1" x14ac:dyDescent="0.2">
      <c r="A10" s="8" t="s">
        <v>25</v>
      </c>
      <c r="B10" s="29">
        <v>55</v>
      </c>
      <c r="C10" s="10">
        <v>53</v>
      </c>
      <c r="D10" s="9">
        <v>108</v>
      </c>
    </row>
    <row r="11" spans="1:4" ht="18" customHeight="1" x14ac:dyDescent="0.2">
      <c r="A11" s="16">
        <v>5</v>
      </c>
      <c r="B11" s="29">
        <v>8</v>
      </c>
      <c r="C11" s="10">
        <v>12</v>
      </c>
      <c r="D11" s="9">
        <v>20</v>
      </c>
    </row>
    <row r="12" spans="1:4" ht="18" customHeight="1" x14ac:dyDescent="0.2">
      <c r="A12" s="16">
        <v>6</v>
      </c>
      <c r="B12" s="29">
        <v>15</v>
      </c>
      <c r="C12" s="10">
        <v>13</v>
      </c>
      <c r="D12" s="9">
        <v>28</v>
      </c>
    </row>
    <row r="13" spans="1:4" ht="18" customHeight="1" x14ac:dyDescent="0.2">
      <c r="A13" s="16">
        <v>7</v>
      </c>
      <c r="B13" s="29">
        <v>12</v>
      </c>
      <c r="C13" s="10">
        <v>13</v>
      </c>
      <c r="D13" s="9">
        <v>25</v>
      </c>
    </row>
    <row r="14" spans="1:4" ht="18" customHeight="1" x14ac:dyDescent="0.2">
      <c r="A14" s="16">
        <v>8</v>
      </c>
      <c r="B14" s="29">
        <v>11</v>
      </c>
      <c r="C14" s="10">
        <v>9</v>
      </c>
      <c r="D14" s="9">
        <v>20</v>
      </c>
    </row>
    <row r="15" spans="1:4" ht="18" customHeight="1" x14ac:dyDescent="0.2">
      <c r="A15" s="16">
        <v>9</v>
      </c>
      <c r="B15" s="29">
        <v>8</v>
      </c>
      <c r="C15" s="10">
        <v>8</v>
      </c>
      <c r="D15" s="9">
        <v>16</v>
      </c>
    </row>
    <row r="16" spans="1:4" ht="18" customHeight="1" x14ac:dyDescent="0.2">
      <c r="A16" s="8" t="s">
        <v>24</v>
      </c>
      <c r="B16" s="29">
        <v>54</v>
      </c>
      <c r="C16" s="10">
        <v>55</v>
      </c>
      <c r="D16" s="9">
        <v>109</v>
      </c>
    </row>
    <row r="17" spans="1:4" ht="18" customHeight="1" x14ac:dyDescent="0.2">
      <c r="A17" s="16">
        <v>10</v>
      </c>
      <c r="B17" s="29">
        <v>11</v>
      </c>
      <c r="C17" s="10">
        <v>6</v>
      </c>
      <c r="D17" s="9">
        <v>17</v>
      </c>
    </row>
    <row r="18" spans="1:4" ht="18" customHeight="1" x14ac:dyDescent="0.2">
      <c r="A18" s="16">
        <v>11</v>
      </c>
      <c r="B18" s="29">
        <v>14</v>
      </c>
      <c r="C18" s="10">
        <v>11</v>
      </c>
      <c r="D18" s="9">
        <v>25</v>
      </c>
    </row>
    <row r="19" spans="1:4" ht="18" customHeight="1" x14ac:dyDescent="0.2">
      <c r="A19" s="16">
        <v>12</v>
      </c>
      <c r="B19" s="29">
        <v>19</v>
      </c>
      <c r="C19" s="10">
        <v>9</v>
      </c>
      <c r="D19" s="9">
        <v>28</v>
      </c>
    </row>
    <row r="20" spans="1:4" ht="18" customHeight="1" x14ac:dyDescent="0.2">
      <c r="A20" s="16">
        <v>13</v>
      </c>
      <c r="B20" s="29">
        <v>10</v>
      </c>
      <c r="C20" s="10">
        <v>13</v>
      </c>
      <c r="D20" s="9">
        <v>23</v>
      </c>
    </row>
    <row r="21" spans="1:4" ht="18" customHeight="1" x14ac:dyDescent="0.2">
      <c r="A21" s="16">
        <v>14</v>
      </c>
      <c r="B21" s="29">
        <v>11</v>
      </c>
      <c r="C21" s="10">
        <v>6</v>
      </c>
      <c r="D21" s="9">
        <v>17</v>
      </c>
    </row>
    <row r="22" spans="1:4" ht="18" customHeight="1" x14ac:dyDescent="0.2">
      <c r="A22" s="8" t="s">
        <v>23</v>
      </c>
      <c r="B22" s="29">
        <v>65</v>
      </c>
      <c r="C22" s="10">
        <v>45</v>
      </c>
      <c r="D22" s="9">
        <v>110</v>
      </c>
    </row>
    <row r="23" spans="1:4" ht="18" customHeight="1" x14ac:dyDescent="0.2">
      <c r="A23" s="8" t="s">
        <v>22</v>
      </c>
      <c r="B23" s="29">
        <v>174</v>
      </c>
      <c r="C23" s="10">
        <v>153</v>
      </c>
      <c r="D23" s="9">
        <v>327</v>
      </c>
    </row>
    <row r="24" spans="1:4" ht="18" customHeight="1" x14ac:dyDescent="0.2">
      <c r="A24" s="16">
        <v>15</v>
      </c>
      <c r="B24" s="29">
        <v>11</v>
      </c>
      <c r="C24" s="10">
        <v>20</v>
      </c>
      <c r="D24" s="9">
        <v>31</v>
      </c>
    </row>
    <row r="25" spans="1:4" ht="18" customHeight="1" x14ac:dyDescent="0.2">
      <c r="A25" s="16">
        <v>16</v>
      </c>
      <c r="B25" s="29">
        <v>9</v>
      </c>
      <c r="C25" s="10">
        <v>7</v>
      </c>
      <c r="D25" s="9">
        <v>16</v>
      </c>
    </row>
    <row r="26" spans="1:4" ht="18" customHeight="1" x14ac:dyDescent="0.2">
      <c r="A26" s="16">
        <v>17</v>
      </c>
      <c r="B26" s="29">
        <v>9</v>
      </c>
      <c r="C26" s="10">
        <v>14</v>
      </c>
      <c r="D26" s="9">
        <v>23</v>
      </c>
    </row>
    <row r="27" spans="1:4" ht="18" customHeight="1" x14ac:dyDescent="0.2">
      <c r="A27" s="16">
        <v>18</v>
      </c>
      <c r="B27" s="29">
        <v>11</v>
      </c>
      <c r="C27" s="10">
        <v>11</v>
      </c>
      <c r="D27" s="9">
        <v>22</v>
      </c>
    </row>
    <row r="28" spans="1:4" ht="18" customHeight="1" x14ac:dyDescent="0.2">
      <c r="A28" s="16">
        <v>19</v>
      </c>
      <c r="B28" s="29">
        <v>10</v>
      </c>
      <c r="C28" s="10">
        <v>12</v>
      </c>
      <c r="D28" s="9">
        <v>22</v>
      </c>
    </row>
    <row r="29" spans="1:4" ht="18" customHeight="1" x14ac:dyDescent="0.2">
      <c r="A29" s="8" t="s">
        <v>21</v>
      </c>
      <c r="B29" s="29">
        <v>50</v>
      </c>
      <c r="C29" s="10">
        <v>64</v>
      </c>
      <c r="D29" s="9">
        <v>114</v>
      </c>
    </row>
    <row r="30" spans="1:4" ht="18" customHeight="1" x14ac:dyDescent="0.2">
      <c r="A30" s="16">
        <v>20</v>
      </c>
      <c r="B30" s="29">
        <v>11</v>
      </c>
      <c r="C30" s="10">
        <v>11</v>
      </c>
      <c r="D30" s="9">
        <v>22</v>
      </c>
    </row>
    <row r="31" spans="1:4" ht="18" customHeight="1" x14ac:dyDescent="0.2">
      <c r="A31" s="16">
        <v>21</v>
      </c>
      <c r="B31" s="29">
        <v>10</v>
      </c>
      <c r="C31" s="10">
        <v>9</v>
      </c>
      <c r="D31" s="9">
        <v>19</v>
      </c>
    </row>
    <row r="32" spans="1:4" ht="18" customHeight="1" x14ac:dyDescent="0.2">
      <c r="A32" s="16">
        <v>22</v>
      </c>
      <c r="B32" s="29">
        <v>12</v>
      </c>
      <c r="C32" s="10">
        <v>14</v>
      </c>
      <c r="D32" s="9">
        <v>26</v>
      </c>
    </row>
    <row r="33" spans="1:4" ht="18" customHeight="1" x14ac:dyDescent="0.2">
      <c r="A33" s="16">
        <v>23</v>
      </c>
      <c r="B33" s="29">
        <v>12</v>
      </c>
      <c r="C33" s="10">
        <v>3</v>
      </c>
      <c r="D33" s="9">
        <v>15</v>
      </c>
    </row>
    <row r="34" spans="1:4" ht="18" customHeight="1" x14ac:dyDescent="0.2">
      <c r="A34" s="16">
        <v>24</v>
      </c>
      <c r="B34" s="29">
        <v>4</v>
      </c>
      <c r="C34" s="10">
        <v>14</v>
      </c>
      <c r="D34" s="9">
        <v>18</v>
      </c>
    </row>
    <row r="35" spans="1:4" ht="18" customHeight="1" x14ac:dyDescent="0.2">
      <c r="A35" s="8" t="s">
        <v>20</v>
      </c>
      <c r="B35" s="29">
        <v>49</v>
      </c>
      <c r="C35" s="10">
        <v>51</v>
      </c>
      <c r="D35" s="9">
        <v>100</v>
      </c>
    </row>
    <row r="36" spans="1:4" ht="18" customHeight="1" x14ac:dyDescent="0.2">
      <c r="A36" s="16">
        <v>25</v>
      </c>
      <c r="B36" s="29">
        <v>14</v>
      </c>
      <c r="C36" s="10">
        <v>11</v>
      </c>
      <c r="D36" s="9">
        <v>25</v>
      </c>
    </row>
    <row r="37" spans="1:4" ht="18" customHeight="1" x14ac:dyDescent="0.2">
      <c r="A37" s="16">
        <v>26</v>
      </c>
      <c r="B37" s="29">
        <v>21</v>
      </c>
      <c r="C37" s="10">
        <v>6</v>
      </c>
      <c r="D37" s="9">
        <v>27</v>
      </c>
    </row>
    <row r="38" spans="1:4" ht="18" customHeight="1" x14ac:dyDescent="0.2">
      <c r="A38" s="16">
        <v>27</v>
      </c>
      <c r="B38" s="29">
        <v>14</v>
      </c>
      <c r="C38" s="10">
        <v>7</v>
      </c>
      <c r="D38" s="9">
        <v>21</v>
      </c>
    </row>
    <row r="39" spans="1:4" ht="18" customHeight="1" x14ac:dyDescent="0.2">
      <c r="A39" s="16">
        <v>28</v>
      </c>
      <c r="B39" s="29">
        <v>13</v>
      </c>
      <c r="C39" s="10">
        <v>15</v>
      </c>
      <c r="D39" s="9">
        <v>28</v>
      </c>
    </row>
    <row r="40" spans="1:4" ht="18" customHeight="1" x14ac:dyDescent="0.2">
      <c r="A40" s="16">
        <v>29</v>
      </c>
      <c r="B40" s="29">
        <v>12</v>
      </c>
      <c r="C40" s="10">
        <v>9</v>
      </c>
      <c r="D40" s="9">
        <v>21</v>
      </c>
    </row>
    <row r="41" spans="1:4" ht="18" customHeight="1" x14ac:dyDescent="0.2">
      <c r="A41" s="8" t="s">
        <v>19</v>
      </c>
      <c r="B41" s="29">
        <v>74</v>
      </c>
      <c r="C41" s="10">
        <v>48</v>
      </c>
      <c r="D41" s="9">
        <v>122</v>
      </c>
    </row>
    <row r="42" spans="1:4" ht="18" customHeight="1" x14ac:dyDescent="0.2">
      <c r="A42" s="16">
        <v>30</v>
      </c>
      <c r="B42" s="29">
        <v>18</v>
      </c>
      <c r="C42" s="10">
        <v>17</v>
      </c>
      <c r="D42" s="9">
        <v>35</v>
      </c>
    </row>
    <row r="43" spans="1:4" ht="18" customHeight="1" x14ac:dyDescent="0.2">
      <c r="A43" s="16">
        <v>31</v>
      </c>
      <c r="B43" s="29">
        <v>13</v>
      </c>
      <c r="C43" s="10">
        <v>18</v>
      </c>
      <c r="D43" s="9">
        <v>31</v>
      </c>
    </row>
    <row r="44" spans="1:4" ht="18" customHeight="1" x14ac:dyDescent="0.2">
      <c r="A44" s="16">
        <v>32</v>
      </c>
      <c r="B44" s="29">
        <v>3</v>
      </c>
      <c r="C44" s="10">
        <v>12</v>
      </c>
      <c r="D44" s="9">
        <v>15</v>
      </c>
    </row>
    <row r="45" spans="1:4" ht="18" customHeight="1" x14ac:dyDescent="0.2">
      <c r="A45" s="16">
        <v>33</v>
      </c>
      <c r="B45" s="29">
        <v>22</v>
      </c>
      <c r="C45" s="10">
        <v>15</v>
      </c>
      <c r="D45" s="9">
        <v>37</v>
      </c>
    </row>
    <row r="46" spans="1:4" ht="18" customHeight="1" x14ac:dyDescent="0.2">
      <c r="A46" s="16">
        <v>34</v>
      </c>
      <c r="B46" s="29">
        <v>21</v>
      </c>
      <c r="C46" s="10">
        <v>10</v>
      </c>
      <c r="D46" s="9">
        <v>31</v>
      </c>
    </row>
    <row r="47" spans="1:4" ht="18" customHeight="1" x14ac:dyDescent="0.2">
      <c r="A47" s="8" t="s">
        <v>18</v>
      </c>
      <c r="B47" s="29">
        <v>77</v>
      </c>
      <c r="C47" s="10">
        <v>72</v>
      </c>
      <c r="D47" s="9">
        <v>149</v>
      </c>
    </row>
    <row r="48" spans="1:4" ht="18" customHeight="1" x14ac:dyDescent="0.2">
      <c r="A48" s="16">
        <v>35</v>
      </c>
      <c r="B48" s="29">
        <v>15</v>
      </c>
      <c r="C48" s="10">
        <v>19</v>
      </c>
      <c r="D48" s="9">
        <v>34</v>
      </c>
    </row>
    <row r="49" spans="1:4" ht="18" customHeight="1" x14ac:dyDescent="0.2">
      <c r="A49" s="16">
        <v>36</v>
      </c>
      <c r="B49" s="29">
        <v>18</v>
      </c>
      <c r="C49" s="10">
        <v>22</v>
      </c>
      <c r="D49" s="9">
        <v>40</v>
      </c>
    </row>
    <row r="50" spans="1:4" ht="18" customHeight="1" x14ac:dyDescent="0.2">
      <c r="A50" s="16">
        <v>37</v>
      </c>
      <c r="B50" s="29">
        <v>15</v>
      </c>
      <c r="C50" s="10">
        <v>18</v>
      </c>
      <c r="D50" s="9">
        <v>33</v>
      </c>
    </row>
    <row r="51" spans="1:4" ht="18" customHeight="1" x14ac:dyDescent="0.2">
      <c r="A51" s="16">
        <v>38</v>
      </c>
      <c r="B51" s="29">
        <v>19</v>
      </c>
      <c r="C51" s="10">
        <v>14</v>
      </c>
      <c r="D51" s="9">
        <v>33</v>
      </c>
    </row>
    <row r="52" spans="1:4" ht="18" customHeight="1" x14ac:dyDescent="0.2">
      <c r="A52" s="16">
        <v>39</v>
      </c>
      <c r="B52" s="29">
        <v>22</v>
      </c>
      <c r="C52" s="10">
        <v>20</v>
      </c>
      <c r="D52" s="9">
        <v>42</v>
      </c>
    </row>
    <row r="53" spans="1:4" ht="18" customHeight="1" x14ac:dyDescent="0.2">
      <c r="A53" s="8" t="s">
        <v>17</v>
      </c>
      <c r="B53" s="29">
        <v>89</v>
      </c>
      <c r="C53" s="10">
        <v>93</v>
      </c>
      <c r="D53" s="9">
        <v>182</v>
      </c>
    </row>
    <row r="54" spans="1:4" ht="18" customHeight="1" x14ac:dyDescent="0.2">
      <c r="A54" s="16">
        <v>40</v>
      </c>
      <c r="B54" s="29">
        <v>28</v>
      </c>
      <c r="C54" s="10">
        <v>21</v>
      </c>
      <c r="D54" s="9">
        <v>49</v>
      </c>
    </row>
    <row r="55" spans="1:4" ht="18" customHeight="1" x14ac:dyDescent="0.2">
      <c r="A55" s="16">
        <v>41</v>
      </c>
      <c r="B55" s="29">
        <v>21</v>
      </c>
      <c r="C55" s="10">
        <v>26</v>
      </c>
      <c r="D55" s="9">
        <v>47</v>
      </c>
    </row>
    <row r="56" spans="1:4" ht="18" customHeight="1" x14ac:dyDescent="0.2">
      <c r="A56" s="16">
        <v>42</v>
      </c>
      <c r="B56" s="29">
        <v>13</v>
      </c>
      <c r="C56" s="10">
        <v>17</v>
      </c>
      <c r="D56" s="9">
        <v>30</v>
      </c>
    </row>
    <row r="57" spans="1:4" ht="18" customHeight="1" x14ac:dyDescent="0.2">
      <c r="A57" s="16">
        <v>43</v>
      </c>
      <c r="B57" s="29">
        <v>23</v>
      </c>
      <c r="C57" s="10">
        <v>18</v>
      </c>
      <c r="D57" s="9">
        <v>41</v>
      </c>
    </row>
    <row r="58" spans="1:4" ht="18" customHeight="1" x14ac:dyDescent="0.2">
      <c r="A58" s="16">
        <v>44</v>
      </c>
      <c r="B58" s="29">
        <v>22</v>
      </c>
      <c r="C58" s="10">
        <v>18</v>
      </c>
      <c r="D58" s="9">
        <v>40</v>
      </c>
    </row>
    <row r="59" spans="1:4" ht="18" customHeight="1" x14ac:dyDescent="0.2">
      <c r="A59" s="8" t="s">
        <v>16</v>
      </c>
      <c r="B59" s="29">
        <v>107</v>
      </c>
      <c r="C59" s="10">
        <v>100</v>
      </c>
      <c r="D59" s="9">
        <v>207</v>
      </c>
    </row>
    <row r="60" spans="1:4" ht="18" customHeight="1" x14ac:dyDescent="0.2">
      <c r="A60" s="16">
        <v>45</v>
      </c>
      <c r="B60" s="29">
        <v>20</v>
      </c>
      <c r="C60" s="10">
        <v>25</v>
      </c>
      <c r="D60" s="9">
        <v>45</v>
      </c>
    </row>
    <row r="61" spans="1:4" ht="18" customHeight="1" x14ac:dyDescent="0.2">
      <c r="A61" s="16">
        <v>46</v>
      </c>
      <c r="B61" s="29">
        <v>20</v>
      </c>
      <c r="C61" s="10">
        <v>35</v>
      </c>
      <c r="D61" s="9">
        <v>55</v>
      </c>
    </row>
    <row r="62" spans="1:4" ht="18" customHeight="1" x14ac:dyDescent="0.2">
      <c r="A62" s="16">
        <v>47</v>
      </c>
      <c r="B62" s="29">
        <v>33</v>
      </c>
      <c r="C62" s="10">
        <v>24</v>
      </c>
      <c r="D62" s="9">
        <v>57</v>
      </c>
    </row>
    <row r="63" spans="1:4" ht="18" customHeight="1" x14ac:dyDescent="0.2">
      <c r="A63" s="16">
        <v>48</v>
      </c>
      <c r="B63" s="29">
        <v>21</v>
      </c>
      <c r="C63" s="10">
        <v>31</v>
      </c>
      <c r="D63" s="9">
        <v>52</v>
      </c>
    </row>
    <row r="64" spans="1:4" ht="18" customHeight="1" x14ac:dyDescent="0.2">
      <c r="A64" s="16">
        <v>49</v>
      </c>
      <c r="B64" s="29">
        <v>28</v>
      </c>
      <c r="C64" s="10">
        <v>35</v>
      </c>
      <c r="D64" s="9">
        <v>63</v>
      </c>
    </row>
    <row r="65" spans="1:4" ht="18" customHeight="1" x14ac:dyDescent="0.2">
      <c r="A65" s="8" t="s">
        <v>15</v>
      </c>
      <c r="B65" s="29">
        <v>122</v>
      </c>
      <c r="C65" s="10">
        <v>150</v>
      </c>
      <c r="D65" s="9">
        <v>272</v>
      </c>
    </row>
    <row r="66" spans="1:4" ht="18" customHeight="1" x14ac:dyDescent="0.2">
      <c r="A66" s="16">
        <v>50</v>
      </c>
      <c r="B66" s="29">
        <v>29</v>
      </c>
      <c r="C66" s="10">
        <v>30</v>
      </c>
      <c r="D66" s="9">
        <v>59</v>
      </c>
    </row>
    <row r="67" spans="1:4" ht="18" customHeight="1" x14ac:dyDescent="0.2">
      <c r="A67" s="16">
        <v>51</v>
      </c>
      <c r="B67" s="29">
        <v>23</v>
      </c>
      <c r="C67" s="10">
        <v>30</v>
      </c>
      <c r="D67" s="9">
        <v>53</v>
      </c>
    </row>
    <row r="68" spans="1:4" ht="18" customHeight="1" x14ac:dyDescent="0.2">
      <c r="A68" s="16">
        <v>52</v>
      </c>
      <c r="B68" s="29">
        <v>18</v>
      </c>
      <c r="C68" s="10">
        <v>30</v>
      </c>
      <c r="D68" s="9">
        <v>48</v>
      </c>
    </row>
    <row r="69" spans="1:4" ht="18" customHeight="1" x14ac:dyDescent="0.2">
      <c r="A69" s="16">
        <v>53</v>
      </c>
      <c r="B69" s="29">
        <v>32</v>
      </c>
      <c r="C69" s="10">
        <v>20</v>
      </c>
      <c r="D69" s="9">
        <v>52</v>
      </c>
    </row>
    <row r="70" spans="1:4" ht="18" customHeight="1" x14ac:dyDescent="0.2">
      <c r="A70" s="16">
        <v>54</v>
      </c>
      <c r="B70" s="29">
        <v>22</v>
      </c>
      <c r="C70" s="10">
        <v>25</v>
      </c>
      <c r="D70" s="9">
        <v>47</v>
      </c>
    </row>
    <row r="71" spans="1:4" ht="18" customHeight="1" x14ac:dyDescent="0.2">
      <c r="A71" s="8" t="s">
        <v>14</v>
      </c>
      <c r="B71" s="29">
        <v>124</v>
      </c>
      <c r="C71" s="10">
        <v>135</v>
      </c>
      <c r="D71" s="9">
        <v>259</v>
      </c>
    </row>
    <row r="72" spans="1:4" ht="18" customHeight="1" x14ac:dyDescent="0.2">
      <c r="A72" s="16">
        <v>55</v>
      </c>
      <c r="B72" s="29">
        <v>33</v>
      </c>
      <c r="C72" s="10">
        <v>29</v>
      </c>
      <c r="D72" s="9">
        <v>62</v>
      </c>
    </row>
    <row r="73" spans="1:4" ht="18" customHeight="1" x14ac:dyDescent="0.2">
      <c r="A73" s="16">
        <v>56</v>
      </c>
      <c r="B73" s="29">
        <v>24</v>
      </c>
      <c r="C73" s="10">
        <v>34</v>
      </c>
      <c r="D73" s="9">
        <v>58</v>
      </c>
    </row>
    <row r="74" spans="1:4" ht="18" customHeight="1" x14ac:dyDescent="0.2">
      <c r="A74" s="16">
        <v>57</v>
      </c>
      <c r="B74" s="29">
        <v>24</v>
      </c>
      <c r="C74" s="10">
        <v>20</v>
      </c>
      <c r="D74" s="9">
        <v>44</v>
      </c>
    </row>
    <row r="75" spans="1:4" ht="18" customHeight="1" x14ac:dyDescent="0.2">
      <c r="A75" s="16">
        <v>58</v>
      </c>
      <c r="B75" s="29">
        <v>34</v>
      </c>
      <c r="C75" s="10">
        <v>35</v>
      </c>
      <c r="D75" s="9">
        <v>69</v>
      </c>
    </row>
    <row r="76" spans="1:4" ht="18" customHeight="1" x14ac:dyDescent="0.2">
      <c r="A76" s="16">
        <v>59</v>
      </c>
      <c r="B76" s="29">
        <v>35</v>
      </c>
      <c r="C76" s="10">
        <v>33</v>
      </c>
      <c r="D76" s="9">
        <v>68</v>
      </c>
    </row>
    <row r="77" spans="1:4" ht="18" customHeight="1" x14ac:dyDescent="0.2">
      <c r="A77" s="8" t="s">
        <v>13</v>
      </c>
      <c r="B77" s="29">
        <v>150</v>
      </c>
      <c r="C77" s="10">
        <v>151</v>
      </c>
      <c r="D77" s="9">
        <v>301</v>
      </c>
    </row>
    <row r="78" spans="1:4" ht="18" customHeight="1" x14ac:dyDescent="0.2">
      <c r="A78" s="16">
        <v>60</v>
      </c>
      <c r="B78" s="29">
        <v>13</v>
      </c>
      <c r="C78" s="10">
        <v>30</v>
      </c>
      <c r="D78" s="9">
        <v>43</v>
      </c>
    </row>
    <row r="79" spans="1:4" ht="18" customHeight="1" x14ac:dyDescent="0.2">
      <c r="A79" s="16">
        <v>61</v>
      </c>
      <c r="B79" s="29">
        <v>22</v>
      </c>
      <c r="C79" s="10">
        <v>23</v>
      </c>
      <c r="D79" s="9">
        <v>45</v>
      </c>
    </row>
    <row r="80" spans="1:4" ht="18" customHeight="1" x14ac:dyDescent="0.2">
      <c r="A80" s="16">
        <v>62</v>
      </c>
      <c r="B80" s="29">
        <v>19</v>
      </c>
      <c r="C80" s="10">
        <v>25</v>
      </c>
      <c r="D80" s="9">
        <v>44</v>
      </c>
    </row>
    <row r="81" spans="1:4" ht="18" customHeight="1" x14ac:dyDescent="0.2">
      <c r="A81" s="16">
        <v>63</v>
      </c>
      <c r="B81" s="29">
        <v>21</v>
      </c>
      <c r="C81" s="10">
        <v>27</v>
      </c>
      <c r="D81" s="9">
        <v>48</v>
      </c>
    </row>
    <row r="82" spans="1:4" ht="18" customHeight="1" x14ac:dyDescent="0.2">
      <c r="A82" s="16">
        <v>64</v>
      </c>
      <c r="B82" s="29">
        <v>24</v>
      </c>
      <c r="C82" s="10">
        <v>34</v>
      </c>
      <c r="D82" s="9">
        <v>58</v>
      </c>
    </row>
    <row r="83" spans="1:4" ht="18" customHeight="1" x14ac:dyDescent="0.2">
      <c r="A83" s="8" t="s">
        <v>12</v>
      </c>
      <c r="B83" s="29">
        <v>99</v>
      </c>
      <c r="C83" s="10">
        <v>139</v>
      </c>
      <c r="D83" s="9">
        <v>238</v>
      </c>
    </row>
    <row r="84" spans="1:4" ht="18" customHeight="1" x14ac:dyDescent="0.2">
      <c r="A84" s="8" t="s">
        <v>11</v>
      </c>
      <c r="B84" s="29">
        <v>941</v>
      </c>
      <c r="C84" s="10">
        <v>1003</v>
      </c>
      <c r="D84" s="9">
        <v>1944</v>
      </c>
    </row>
    <row r="85" spans="1:4" ht="18" customHeight="1" x14ac:dyDescent="0.2">
      <c r="A85" s="16">
        <v>65</v>
      </c>
      <c r="B85" s="29">
        <v>24</v>
      </c>
      <c r="C85" s="10">
        <v>29</v>
      </c>
      <c r="D85" s="9">
        <v>53</v>
      </c>
    </row>
    <row r="86" spans="1:4" ht="18" customHeight="1" x14ac:dyDescent="0.2">
      <c r="A86" s="16">
        <v>66</v>
      </c>
      <c r="B86" s="29">
        <v>22</v>
      </c>
      <c r="C86" s="10">
        <v>25</v>
      </c>
      <c r="D86" s="9">
        <v>47</v>
      </c>
    </row>
    <row r="87" spans="1:4" ht="18" customHeight="1" x14ac:dyDescent="0.2">
      <c r="A87" s="16">
        <v>67</v>
      </c>
      <c r="B87" s="29">
        <v>30</v>
      </c>
      <c r="C87" s="10">
        <v>9</v>
      </c>
      <c r="D87" s="9">
        <v>39</v>
      </c>
    </row>
    <row r="88" spans="1:4" ht="18" customHeight="1" x14ac:dyDescent="0.2">
      <c r="A88" s="16">
        <v>68</v>
      </c>
      <c r="B88" s="29">
        <v>22</v>
      </c>
      <c r="C88" s="10">
        <v>29</v>
      </c>
      <c r="D88" s="9">
        <v>51</v>
      </c>
    </row>
    <row r="89" spans="1:4" ht="18" customHeight="1" x14ac:dyDescent="0.2">
      <c r="A89" s="16">
        <v>69</v>
      </c>
      <c r="B89" s="29">
        <v>19</v>
      </c>
      <c r="C89" s="10">
        <v>29</v>
      </c>
      <c r="D89" s="9">
        <v>48</v>
      </c>
    </row>
    <row r="90" spans="1:4" ht="18" customHeight="1" x14ac:dyDescent="0.2">
      <c r="A90" s="8" t="s">
        <v>10</v>
      </c>
      <c r="B90" s="29">
        <v>117</v>
      </c>
      <c r="C90" s="10">
        <v>121</v>
      </c>
      <c r="D90" s="9">
        <v>238</v>
      </c>
    </row>
    <row r="91" spans="1:4" ht="18" customHeight="1" x14ac:dyDescent="0.2">
      <c r="A91" s="16">
        <v>70</v>
      </c>
      <c r="B91" s="29">
        <v>24</v>
      </c>
      <c r="C91" s="10">
        <v>22</v>
      </c>
      <c r="D91" s="9">
        <v>46</v>
      </c>
    </row>
    <row r="92" spans="1:4" ht="18" customHeight="1" x14ac:dyDescent="0.2">
      <c r="A92" s="16">
        <v>71</v>
      </c>
      <c r="B92" s="29">
        <v>23</v>
      </c>
      <c r="C92" s="10">
        <v>23</v>
      </c>
      <c r="D92" s="9">
        <v>46</v>
      </c>
    </row>
    <row r="93" spans="1:4" ht="18" customHeight="1" x14ac:dyDescent="0.2">
      <c r="A93" s="16">
        <v>72</v>
      </c>
      <c r="B93" s="29">
        <v>33</v>
      </c>
      <c r="C93" s="10">
        <v>37</v>
      </c>
      <c r="D93" s="9">
        <v>70</v>
      </c>
    </row>
    <row r="94" spans="1:4" ht="18" customHeight="1" x14ac:dyDescent="0.2">
      <c r="A94" s="16">
        <v>73</v>
      </c>
      <c r="B94" s="29">
        <v>17</v>
      </c>
      <c r="C94" s="10">
        <v>24</v>
      </c>
      <c r="D94" s="9">
        <v>41</v>
      </c>
    </row>
    <row r="95" spans="1:4" ht="18" customHeight="1" x14ac:dyDescent="0.2">
      <c r="A95" s="16">
        <v>74</v>
      </c>
      <c r="B95" s="29">
        <v>36</v>
      </c>
      <c r="C95" s="10">
        <v>38</v>
      </c>
      <c r="D95" s="9">
        <v>74</v>
      </c>
    </row>
    <row r="96" spans="1:4" ht="18" customHeight="1" x14ac:dyDescent="0.2">
      <c r="A96" s="8" t="s">
        <v>9</v>
      </c>
      <c r="B96" s="29">
        <v>133</v>
      </c>
      <c r="C96" s="10">
        <v>144</v>
      </c>
      <c r="D96" s="9">
        <v>277</v>
      </c>
    </row>
    <row r="97" spans="1:4" ht="18" customHeight="1" x14ac:dyDescent="0.2">
      <c r="A97" s="16">
        <v>75</v>
      </c>
      <c r="B97" s="29">
        <v>29</v>
      </c>
      <c r="C97" s="10">
        <v>33</v>
      </c>
      <c r="D97" s="9">
        <v>62</v>
      </c>
    </row>
    <row r="98" spans="1:4" ht="18" customHeight="1" x14ac:dyDescent="0.2">
      <c r="A98" s="16">
        <v>76</v>
      </c>
      <c r="B98" s="29">
        <v>15</v>
      </c>
      <c r="C98" s="10">
        <v>29</v>
      </c>
      <c r="D98" s="9">
        <v>44</v>
      </c>
    </row>
    <row r="99" spans="1:4" ht="18" customHeight="1" x14ac:dyDescent="0.2">
      <c r="A99" s="16">
        <v>77</v>
      </c>
      <c r="B99" s="29">
        <v>10</v>
      </c>
      <c r="C99" s="10">
        <v>22</v>
      </c>
      <c r="D99" s="9">
        <v>32</v>
      </c>
    </row>
    <row r="100" spans="1:4" ht="18" customHeight="1" x14ac:dyDescent="0.2">
      <c r="A100" s="16">
        <v>78</v>
      </c>
      <c r="B100" s="29">
        <v>16</v>
      </c>
      <c r="C100" s="10">
        <v>19</v>
      </c>
      <c r="D100" s="9">
        <v>35</v>
      </c>
    </row>
    <row r="101" spans="1:4" ht="18" customHeight="1" x14ac:dyDescent="0.2">
      <c r="A101" s="16">
        <v>79</v>
      </c>
      <c r="B101" s="29">
        <v>16</v>
      </c>
      <c r="C101" s="10">
        <v>18</v>
      </c>
      <c r="D101" s="9">
        <v>34</v>
      </c>
    </row>
    <row r="102" spans="1:4" ht="18" customHeight="1" x14ac:dyDescent="0.2">
      <c r="A102" s="8" t="s">
        <v>8</v>
      </c>
      <c r="B102" s="29">
        <v>86</v>
      </c>
      <c r="C102" s="10">
        <v>121</v>
      </c>
      <c r="D102" s="9">
        <v>207</v>
      </c>
    </row>
    <row r="103" spans="1:4" ht="18" customHeight="1" x14ac:dyDescent="0.2">
      <c r="A103" s="16">
        <v>80</v>
      </c>
      <c r="B103" s="29">
        <v>18</v>
      </c>
      <c r="C103" s="10">
        <v>28</v>
      </c>
      <c r="D103" s="9">
        <v>46</v>
      </c>
    </row>
    <row r="104" spans="1:4" ht="18" customHeight="1" x14ac:dyDescent="0.2">
      <c r="A104" s="16">
        <v>81</v>
      </c>
      <c r="B104" s="29">
        <v>23</v>
      </c>
      <c r="C104" s="10">
        <v>23</v>
      </c>
      <c r="D104" s="9">
        <v>46</v>
      </c>
    </row>
    <row r="105" spans="1:4" ht="18" customHeight="1" x14ac:dyDescent="0.2">
      <c r="A105" s="16">
        <v>82</v>
      </c>
      <c r="B105" s="29">
        <v>14</v>
      </c>
      <c r="C105" s="10">
        <v>32</v>
      </c>
      <c r="D105" s="9">
        <v>46</v>
      </c>
    </row>
    <row r="106" spans="1:4" ht="18" customHeight="1" x14ac:dyDescent="0.2">
      <c r="A106" s="16">
        <v>83</v>
      </c>
      <c r="B106" s="29">
        <v>15</v>
      </c>
      <c r="C106" s="10">
        <v>30</v>
      </c>
      <c r="D106" s="9">
        <v>45</v>
      </c>
    </row>
    <row r="107" spans="1:4" ht="18" customHeight="1" x14ac:dyDescent="0.2">
      <c r="A107" s="16">
        <v>84</v>
      </c>
      <c r="B107" s="29">
        <v>9</v>
      </c>
      <c r="C107" s="10">
        <v>23</v>
      </c>
      <c r="D107" s="9">
        <v>32</v>
      </c>
    </row>
    <row r="108" spans="1:4" ht="18" customHeight="1" x14ac:dyDescent="0.2">
      <c r="A108" s="8" t="s">
        <v>7</v>
      </c>
      <c r="B108" s="29">
        <v>79</v>
      </c>
      <c r="C108" s="10">
        <v>136</v>
      </c>
      <c r="D108" s="9">
        <v>215</v>
      </c>
    </row>
    <row r="109" spans="1:4" ht="18" customHeight="1" x14ac:dyDescent="0.2">
      <c r="A109" s="16">
        <v>85</v>
      </c>
      <c r="B109" s="29">
        <v>12</v>
      </c>
      <c r="C109" s="10">
        <v>23</v>
      </c>
      <c r="D109" s="9">
        <v>35</v>
      </c>
    </row>
    <row r="110" spans="1:4" ht="18" customHeight="1" x14ac:dyDescent="0.2">
      <c r="A110" s="16">
        <v>86</v>
      </c>
      <c r="B110" s="29">
        <v>6</v>
      </c>
      <c r="C110" s="10">
        <v>22</v>
      </c>
      <c r="D110" s="9">
        <v>28</v>
      </c>
    </row>
    <row r="111" spans="1:4" ht="18" customHeight="1" x14ac:dyDescent="0.2">
      <c r="A111" s="16">
        <v>87</v>
      </c>
      <c r="B111" s="29">
        <v>17</v>
      </c>
      <c r="C111" s="10">
        <v>18</v>
      </c>
      <c r="D111" s="9">
        <v>35</v>
      </c>
    </row>
    <row r="112" spans="1:4" ht="18" customHeight="1" x14ac:dyDescent="0.2">
      <c r="A112" s="16">
        <v>88</v>
      </c>
      <c r="B112" s="29">
        <v>11</v>
      </c>
      <c r="C112" s="10">
        <v>28</v>
      </c>
      <c r="D112" s="9">
        <v>39</v>
      </c>
    </row>
    <row r="113" spans="1:4" ht="18" customHeight="1" x14ac:dyDescent="0.2">
      <c r="A113" s="16">
        <v>89</v>
      </c>
      <c r="B113" s="29">
        <v>5</v>
      </c>
      <c r="C113" s="10">
        <v>14</v>
      </c>
      <c r="D113" s="9">
        <v>19</v>
      </c>
    </row>
    <row r="114" spans="1:4" ht="18" customHeight="1" x14ac:dyDescent="0.2">
      <c r="A114" s="8" t="s">
        <v>6</v>
      </c>
      <c r="B114" s="29">
        <v>51</v>
      </c>
      <c r="C114" s="10">
        <v>105</v>
      </c>
      <c r="D114" s="9">
        <v>156</v>
      </c>
    </row>
    <row r="115" spans="1:4" ht="18" customHeight="1" x14ac:dyDescent="0.2">
      <c r="A115" s="16">
        <v>90</v>
      </c>
      <c r="B115" s="29">
        <v>8</v>
      </c>
      <c r="C115" s="10">
        <v>22</v>
      </c>
      <c r="D115" s="9">
        <v>30</v>
      </c>
    </row>
    <row r="116" spans="1:4" ht="18" customHeight="1" x14ac:dyDescent="0.2">
      <c r="A116" s="16">
        <v>91</v>
      </c>
      <c r="B116" s="29">
        <v>5</v>
      </c>
      <c r="C116" s="10">
        <v>15</v>
      </c>
      <c r="D116" s="9">
        <v>20</v>
      </c>
    </row>
    <row r="117" spans="1:4" ht="18" customHeight="1" x14ac:dyDescent="0.2">
      <c r="A117" s="16">
        <v>92</v>
      </c>
      <c r="B117" s="29">
        <v>3</v>
      </c>
      <c r="C117" s="10">
        <v>14</v>
      </c>
      <c r="D117" s="9">
        <v>17</v>
      </c>
    </row>
    <row r="118" spans="1:4" ht="18" customHeight="1" x14ac:dyDescent="0.2">
      <c r="A118" s="16">
        <v>93</v>
      </c>
      <c r="B118" s="29">
        <v>4</v>
      </c>
      <c r="C118" s="10">
        <v>10</v>
      </c>
      <c r="D118" s="9">
        <v>14</v>
      </c>
    </row>
    <row r="119" spans="1:4" ht="18" customHeight="1" x14ac:dyDescent="0.2">
      <c r="A119" s="16">
        <v>94</v>
      </c>
      <c r="B119" s="29">
        <v>3</v>
      </c>
      <c r="C119" s="10">
        <v>13</v>
      </c>
      <c r="D119" s="9">
        <v>16</v>
      </c>
    </row>
    <row r="120" spans="1:4" ht="18" customHeight="1" x14ac:dyDescent="0.2">
      <c r="A120" s="8" t="s">
        <v>5</v>
      </c>
      <c r="B120" s="29">
        <v>23</v>
      </c>
      <c r="C120" s="10">
        <v>74</v>
      </c>
      <c r="D120" s="9">
        <v>97</v>
      </c>
    </row>
    <row r="121" spans="1:4" ht="18" customHeight="1" x14ac:dyDescent="0.2">
      <c r="A121" s="16">
        <v>95</v>
      </c>
      <c r="B121" s="29">
        <v>1</v>
      </c>
      <c r="C121" s="10">
        <v>8</v>
      </c>
      <c r="D121" s="9">
        <v>9</v>
      </c>
    </row>
    <row r="122" spans="1:4" ht="18" customHeight="1" x14ac:dyDescent="0.2">
      <c r="A122" s="16">
        <v>96</v>
      </c>
      <c r="B122" s="29">
        <v>1</v>
      </c>
      <c r="C122" s="10">
        <v>9</v>
      </c>
      <c r="D122" s="9">
        <v>10</v>
      </c>
    </row>
    <row r="123" spans="1:4" ht="18" customHeight="1" x14ac:dyDescent="0.2">
      <c r="A123" s="16">
        <v>97</v>
      </c>
      <c r="B123" s="29">
        <v>0</v>
      </c>
      <c r="C123" s="10">
        <v>0</v>
      </c>
      <c r="D123" s="9">
        <v>0</v>
      </c>
    </row>
    <row r="124" spans="1:4" ht="18" customHeight="1" x14ac:dyDescent="0.2">
      <c r="A124" s="16">
        <v>98</v>
      </c>
      <c r="B124" s="29">
        <v>1</v>
      </c>
      <c r="C124" s="10">
        <v>3</v>
      </c>
      <c r="D124" s="9">
        <v>4</v>
      </c>
    </row>
    <row r="125" spans="1:4" ht="18" customHeight="1" x14ac:dyDescent="0.2">
      <c r="A125" s="16">
        <v>99</v>
      </c>
      <c r="B125" s="29">
        <v>0</v>
      </c>
      <c r="C125" s="10">
        <v>1</v>
      </c>
      <c r="D125" s="9">
        <v>1</v>
      </c>
    </row>
    <row r="126" spans="1:4" ht="18" customHeight="1" x14ac:dyDescent="0.2">
      <c r="A126" s="8" t="s">
        <v>4</v>
      </c>
      <c r="B126" s="29">
        <v>3</v>
      </c>
      <c r="C126" s="10">
        <v>21</v>
      </c>
      <c r="D126" s="9">
        <v>24</v>
      </c>
    </row>
    <row r="127" spans="1:4" ht="18" customHeight="1" x14ac:dyDescent="0.2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2">
      <c r="A128" s="15" t="s">
        <v>3</v>
      </c>
      <c r="B128" s="29">
        <v>0</v>
      </c>
      <c r="C128" s="10">
        <v>2</v>
      </c>
      <c r="D128" s="9">
        <v>2</v>
      </c>
    </row>
    <row r="129" spans="1:4" ht="18" customHeight="1" x14ac:dyDescent="0.2">
      <c r="A129" s="8" t="s">
        <v>2</v>
      </c>
      <c r="B129" s="29">
        <v>0</v>
      </c>
      <c r="C129" s="10">
        <v>3</v>
      </c>
      <c r="D129" s="9">
        <v>3</v>
      </c>
    </row>
    <row r="130" spans="1:4" ht="18" customHeight="1" x14ac:dyDescent="0.2">
      <c r="A130" s="8" t="s">
        <v>1</v>
      </c>
      <c r="B130" s="28">
        <v>492</v>
      </c>
      <c r="C130" s="6">
        <v>725</v>
      </c>
      <c r="D130" s="5">
        <v>1217</v>
      </c>
    </row>
    <row r="131" spans="1:4" ht="18" customHeight="1" x14ac:dyDescent="0.2">
      <c r="A131" s="4" t="s">
        <v>0</v>
      </c>
      <c r="B131" s="27">
        <v>1607</v>
      </c>
      <c r="C131" s="2">
        <v>1881</v>
      </c>
      <c r="D131" s="1">
        <v>3488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C4344B9-E5B2-4715-9CEE-2A1889FD47C1}">
  <sheetPr codeName="Sheet7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89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1</v>
      </c>
      <c r="C5" s="45">
        <v>0</v>
      </c>
      <c r="D5" s="44">
        <v>1</v>
      </c>
    </row>
    <row r="6" spans="1:4" ht="18" customHeight="1" x14ac:dyDescent="0.2">
      <c r="A6" s="8">
        <v>1</v>
      </c>
      <c r="B6" s="40">
        <v>1</v>
      </c>
      <c r="C6" s="13">
        <v>0</v>
      </c>
      <c r="D6" s="12">
        <v>1</v>
      </c>
    </row>
    <row r="7" spans="1:4" ht="18" customHeight="1" x14ac:dyDescent="0.2">
      <c r="A7" s="8">
        <v>2</v>
      </c>
      <c r="B7" s="40">
        <v>3</v>
      </c>
      <c r="C7" s="13">
        <v>1</v>
      </c>
      <c r="D7" s="12">
        <v>4</v>
      </c>
    </row>
    <row r="8" spans="1:4" ht="18" customHeight="1" x14ac:dyDescent="0.2">
      <c r="A8" s="8">
        <v>3</v>
      </c>
      <c r="B8" s="40">
        <v>0</v>
      </c>
      <c r="C8" s="13">
        <v>1</v>
      </c>
      <c r="D8" s="12">
        <v>1</v>
      </c>
    </row>
    <row r="9" spans="1:4" ht="18" customHeight="1" x14ac:dyDescent="0.2">
      <c r="A9" s="8">
        <v>4</v>
      </c>
      <c r="B9" s="43">
        <v>1</v>
      </c>
      <c r="C9" s="42">
        <v>0</v>
      </c>
      <c r="D9" s="41">
        <v>1</v>
      </c>
    </row>
    <row r="10" spans="1:4" ht="18" customHeight="1" x14ac:dyDescent="0.2">
      <c r="A10" s="8" t="s">
        <v>25</v>
      </c>
      <c r="B10" s="35">
        <v>6</v>
      </c>
      <c r="C10" s="13">
        <v>2</v>
      </c>
      <c r="D10" s="12">
        <v>8</v>
      </c>
    </row>
    <row r="11" spans="1:4" ht="18" customHeight="1" x14ac:dyDescent="0.2">
      <c r="A11" s="8">
        <v>5</v>
      </c>
      <c r="B11" s="40">
        <v>0</v>
      </c>
      <c r="C11" s="13">
        <v>1</v>
      </c>
      <c r="D11" s="12">
        <v>1</v>
      </c>
    </row>
    <row r="12" spans="1:4" ht="18" customHeight="1" x14ac:dyDescent="0.2">
      <c r="A12" s="8">
        <v>6</v>
      </c>
      <c r="B12" s="40">
        <v>0</v>
      </c>
      <c r="C12" s="13">
        <v>1</v>
      </c>
      <c r="D12" s="12">
        <v>1</v>
      </c>
    </row>
    <row r="13" spans="1:4" ht="18" customHeight="1" x14ac:dyDescent="0.2">
      <c r="A13" s="8">
        <v>7</v>
      </c>
      <c r="B13" s="40">
        <v>1</v>
      </c>
      <c r="C13" s="13">
        <v>3</v>
      </c>
      <c r="D13" s="12">
        <v>4</v>
      </c>
    </row>
    <row r="14" spans="1:4" ht="18" customHeight="1" x14ac:dyDescent="0.2">
      <c r="A14" s="8">
        <v>8</v>
      </c>
      <c r="B14" s="40">
        <v>0</v>
      </c>
      <c r="C14" s="13">
        <v>1</v>
      </c>
      <c r="D14" s="12">
        <v>1</v>
      </c>
    </row>
    <row r="15" spans="1:4" ht="18" customHeight="1" x14ac:dyDescent="0.2">
      <c r="A15" s="8">
        <v>9</v>
      </c>
      <c r="B15" s="40">
        <v>0</v>
      </c>
      <c r="C15" s="13">
        <v>1</v>
      </c>
      <c r="D15" s="12">
        <v>1</v>
      </c>
    </row>
    <row r="16" spans="1:4" ht="18" customHeight="1" x14ac:dyDescent="0.2">
      <c r="A16" s="8" t="s">
        <v>24</v>
      </c>
      <c r="B16" s="35">
        <v>1</v>
      </c>
      <c r="C16" s="13">
        <v>7</v>
      </c>
      <c r="D16" s="12">
        <v>8</v>
      </c>
    </row>
    <row r="17" spans="1:4" ht="18" customHeight="1" x14ac:dyDescent="0.2">
      <c r="A17" s="8">
        <v>10</v>
      </c>
      <c r="B17" s="35">
        <v>2</v>
      </c>
      <c r="C17" s="13">
        <v>0</v>
      </c>
      <c r="D17" s="12">
        <v>2</v>
      </c>
    </row>
    <row r="18" spans="1:4" ht="18" customHeight="1" x14ac:dyDescent="0.2">
      <c r="A18" s="8">
        <v>11</v>
      </c>
      <c r="B18" s="35">
        <v>0</v>
      </c>
      <c r="C18" s="13">
        <v>3</v>
      </c>
      <c r="D18" s="12">
        <v>3</v>
      </c>
    </row>
    <row r="19" spans="1:4" ht="18" customHeight="1" x14ac:dyDescent="0.2">
      <c r="A19" s="8">
        <v>12</v>
      </c>
      <c r="B19" s="35">
        <v>1</v>
      </c>
      <c r="C19" s="13">
        <v>1</v>
      </c>
      <c r="D19" s="12">
        <v>2</v>
      </c>
    </row>
    <row r="20" spans="1:4" ht="18" customHeight="1" x14ac:dyDescent="0.2">
      <c r="A20" s="8">
        <v>13</v>
      </c>
      <c r="B20" s="35">
        <v>3</v>
      </c>
      <c r="C20" s="13">
        <v>1</v>
      </c>
      <c r="D20" s="12">
        <v>4</v>
      </c>
    </row>
    <row r="21" spans="1:4" ht="18" customHeight="1" x14ac:dyDescent="0.2">
      <c r="A21" s="8">
        <v>14</v>
      </c>
      <c r="B21" s="35">
        <v>0</v>
      </c>
      <c r="C21" s="13">
        <v>1</v>
      </c>
      <c r="D21" s="12">
        <v>1</v>
      </c>
    </row>
    <row r="22" spans="1:4" ht="18" customHeight="1" x14ac:dyDescent="0.2">
      <c r="A22" s="8" t="s">
        <v>23</v>
      </c>
      <c r="B22" s="35">
        <v>6</v>
      </c>
      <c r="C22" s="13">
        <v>6</v>
      </c>
      <c r="D22" s="12">
        <v>12</v>
      </c>
    </row>
    <row r="23" spans="1:4" ht="18" customHeight="1" x14ac:dyDescent="0.2">
      <c r="A23" s="8" t="s">
        <v>22</v>
      </c>
      <c r="B23" s="35">
        <v>13</v>
      </c>
      <c r="C23" s="13">
        <v>15</v>
      </c>
      <c r="D23" s="12">
        <v>28</v>
      </c>
    </row>
    <row r="24" spans="1:4" ht="18" customHeight="1" x14ac:dyDescent="0.2">
      <c r="A24" s="8">
        <v>15</v>
      </c>
      <c r="B24" s="35">
        <v>1</v>
      </c>
      <c r="C24" s="13">
        <v>3</v>
      </c>
      <c r="D24" s="12">
        <v>4</v>
      </c>
    </row>
    <row r="25" spans="1:4" ht="18" customHeight="1" x14ac:dyDescent="0.2">
      <c r="A25" s="8">
        <v>16</v>
      </c>
      <c r="B25" s="35">
        <v>3</v>
      </c>
      <c r="C25" s="13">
        <v>3</v>
      </c>
      <c r="D25" s="12">
        <v>6</v>
      </c>
    </row>
    <row r="26" spans="1:4" ht="18" customHeight="1" x14ac:dyDescent="0.2">
      <c r="A26" s="8">
        <v>17</v>
      </c>
      <c r="B26" s="35">
        <v>3</v>
      </c>
      <c r="C26" s="13">
        <v>4</v>
      </c>
      <c r="D26" s="12">
        <v>7</v>
      </c>
    </row>
    <row r="27" spans="1:4" ht="18" customHeight="1" x14ac:dyDescent="0.2">
      <c r="A27" s="8">
        <v>18</v>
      </c>
      <c r="B27" s="35">
        <v>3</v>
      </c>
      <c r="C27" s="13">
        <v>2</v>
      </c>
      <c r="D27" s="12">
        <v>5</v>
      </c>
    </row>
    <row r="28" spans="1:4" ht="18" customHeight="1" x14ac:dyDescent="0.2">
      <c r="A28" s="8">
        <v>19</v>
      </c>
      <c r="B28" s="35">
        <v>0</v>
      </c>
      <c r="C28" s="13">
        <v>3</v>
      </c>
      <c r="D28" s="12">
        <v>3</v>
      </c>
    </row>
    <row r="29" spans="1:4" ht="18" customHeight="1" x14ac:dyDescent="0.2">
      <c r="A29" s="8" t="s">
        <v>21</v>
      </c>
      <c r="B29" s="35">
        <v>10</v>
      </c>
      <c r="C29" s="13">
        <v>15</v>
      </c>
      <c r="D29" s="12">
        <v>25</v>
      </c>
    </row>
    <row r="30" spans="1:4" ht="18" customHeight="1" x14ac:dyDescent="0.2">
      <c r="A30" s="8">
        <v>20</v>
      </c>
      <c r="B30" s="35">
        <v>3</v>
      </c>
      <c r="C30" s="13">
        <v>2</v>
      </c>
      <c r="D30" s="12">
        <v>5</v>
      </c>
    </row>
    <row r="31" spans="1:4" ht="18" customHeight="1" x14ac:dyDescent="0.2">
      <c r="A31" s="8">
        <v>21</v>
      </c>
      <c r="B31" s="35">
        <v>5</v>
      </c>
      <c r="C31" s="13">
        <v>2</v>
      </c>
      <c r="D31" s="12">
        <v>7</v>
      </c>
    </row>
    <row r="32" spans="1:4" ht="18" customHeight="1" x14ac:dyDescent="0.2">
      <c r="A32" s="8">
        <v>22</v>
      </c>
      <c r="B32" s="35">
        <v>1</v>
      </c>
      <c r="C32" s="13">
        <v>1</v>
      </c>
      <c r="D32" s="12">
        <v>2</v>
      </c>
    </row>
    <row r="33" spans="1:4" ht="18" customHeight="1" x14ac:dyDescent="0.2">
      <c r="A33" s="8">
        <v>23</v>
      </c>
      <c r="B33" s="35">
        <v>0</v>
      </c>
      <c r="C33" s="13">
        <v>1</v>
      </c>
      <c r="D33" s="12">
        <v>1</v>
      </c>
    </row>
    <row r="34" spans="1:4" ht="18" customHeight="1" x14ac:dyDescent="0.2">
      <c r="A34" s="8">
        <v>24</v>
      </c>
      <c r="B34" s="35">
        <v>1</v>
      </c>
      <c r="C34" s="13">
        <v>3</v>
      </c>
      <c r="D34" s="12">
        <v>4</v>
      </c>
    </row>
    <row r="35" spans="1:4" ht="18" customHeight="1" x14ac:dyDescent="0.2">
      <c r="A35" s="8" t="s">
        <v>20</v>
      </c>
      <c r="B35" s="35">
        <v>10</v>
      </c>
      <c r="C35" s="13">
        <v>9</v>
      </c>
      <c r="D35" s="12">
        <v>19</v>
      </c>
    </row>
    <row r="36" spans="1:4" ht="18" customHeight="1" x14ac:dyDescent="0.2">
      <c r="A36" s="8">
        <v>25</v>
      </c>
      <c r="B36" s="35">
        <v>2</v>
      </c>
      <c r="C36" s="13">
        <v>3</v>
      </c>
      <c r="D36" s="12">
        <v>5</v>
      </c>
    </row>
    <row r="37" spans="1:4" ht="18" customHeight="1" x14ac:dyDescent="0.2">
      <c r="A37" s="8">
        <v>26</v>
      </c>
      <c r="B37" s="35">
        <v>0</v>
      </c>
      <c r="C37" s="13">
        <v>1</v>
      </c>
      <c r="D37" s="12">
        <v>1</v>
      </c>
    </row>
    <row r="38" spans="1:4" ht="18" customHeight="1" x14ac:dyDescent="0.2">
      <c r="A38" s="8">
        <v>27</v>
      </c>
      <c r="B38" s="35">
        <v>5</v>
      </c>
      <c r="C38" s="13">
        <v>0</v>
      </c>
      <c r="D38" s="12">
        <v>5</v>
      </c>
    </row>
    <row r="39" spans="1:4" ht="18" customHeight="1" x14ac:dyDescent="0.2">
      <c r="A39" s="8">
        <v>28</v>
      </c>
      <c r="B39" s="35">
        <v>2</v>
      </c>
      <c r="C39" s="13">
        <v>1</v>
      </c>
      <c r="D39" s="12">
        <v>3</v>
      </c>
    </row>
    <row r="40" spans="1:4" ht="18" customHeight="1" x14ac:dyDescent="0.2">
      <c r="A40" s="8">
        <v>29</v>
      </c>
      <c r="B40" s="35">
        <v>0</v>
      </c>
      <c r="C40" s="13">
        <v>2</v>
      </c>
      <c r="D40" s="12">
        <v>2</v>
      </c>
    </row>
    <row r="41" spans="1:4" ht="18" customHeight="1" x14ac:dyDescent="0.2">
      <c r="A41" s="8" t="s">
        <v>19</v>
      </c>
      <c r="B41" s="35">
        <v>9</v>
      </c>
      <c r="C41" s="13">
        <v>7</v>
      </c>
      <c r="D41" s="12">
        <v>16</v>
      </c>
    </row>
    <row r="42" spans="1:4" ht="18" customHeight="1" x14ac:dyDescent="0.2">
      <c r="A42" s="8">
        <v>30</v>
      </c>
      <c r="B42" s="35">
        <v>8</v>
      </c>
      <c r="C42" s="13">
        <v>1</v>
      </c>
      <c r="D42" s="12">
        <v>9</v>
      </c>
    </row>
    <row r="43" spans="1:4" ht="18" customHeight="1" x14ac:dyDescent="0.2">
      <c r="A43" s="8">
        <v>31</v>
      </c>
      <c r="B43" s="35">
        <v>1</v>
      </c>
      <c r="C43" s="13">
        <v>4</v>
      </c>
      <c r="D43" s="12">
        <v>5</v>
      </c>
    </row>
    <row r="44" spans="1:4" ht="18" customHeight="1" x14ac:dyDescent="0.2">
      <c r="A44" s="8">
        <v>32</v>
      </c>
      <c r="B44" s="35">
        <v>1</v>
      </c>
      <c r="C44" s="13">
        <v>2</v>
      </c>
      <c r="D44" s="12">
        <v>3</v>
      </c>
    </row>
    <row r="45" spans="1:4" ht="18" customHeight="1" x14ac:dyDescent="0.2">
      <c r="A45" s="8">
        <v>33</v>
      </c>
      <c r="B45" s="35">
        <v>3</v>
      </c>
      <c r="C45" s="13">
        <v>2</v>
      </c>
      <c r="D45" s="12">
        <v>5</v>
      </c>
    </row>
    <row r="46" spans="1:4" ht="18" customHeight="1" x14ac:dyDescent="0.2">
      <c r="A46" s="8">
        <v>34</v>
      </c>
      <c r="B46" s="35">
        <v>2</v>
      </c>
      <c r="C46" s="13">
        <v>5</v>
      </c>
      <c r="D46" s="12">
        <v>7</v>
      </c>
    </row>
    <row r="47" spans="1:4" ht="18" customHeight="1" x14ac:dyDescent="0.2">
      <c r="A47" s="8" t="s">
        <v>18</v>
      </c>
      <c r="B47" s="35">
        <v>15</v>
      </c>
      <c r="C47" s="13">
        <v>14</v>
      </c>
      <c r="D47" s="12">
        <v>29</v>
      </c>
    </row>
    <row r="48" spans="1:4" ht="18" customHeight="1" x14ac:dyDescent="0.2">
      <c r="A48" s="8">
        <v>35</v>
      </c>
      <c r="B48" s="35">
        <v>1</v>
      </c>
      <c r="C48" s="13">
        <v>3</v>
      </c>
      <c r="D48" s="12">
        <v>4</v>
      </c>
    </row>
    <row r="49" spans="1:4" ht="18" customHeight="1" x14ac:dyDescent="0.2">
      <c r="A49" s="8">
        <v>36</v>
      </c>
      <c r="B49" s="35">
        <v>3</v>
      </c>
      <c r="C49" s="13">
        <v>1</v>
      </c>
      <c r="D49" s="12">
        <v>4</v>
      </c>
    </row>
    <row r="50" spans="1:4" ht="18" customHeight="1" x14ac:dyDescent="0.2">
      <c r="A50" s="8">
        <v>37</v>
      </c>
      <c r="B50" s="35">
        <v>4</v>
      </c>
      <c r="C50" s="13">
        <v>4</v>
      </c>
      <c r="D50" s="12">
        <v>8</v>
      </c>
    </row>
    <row r="51" spans="1:4" ht="18" customHeight="1" x14ac:dyDescent="0.2">
      <c r="A51" s="8">
        <v>38</v>
      </c>
      <c r="B51" s="35">
        <v>5</v>
      </c>
      <c r="C51" s="13">
        <v>2</v>
      </c>
      <c r="D51" s="12">
        <v>7</v>
      </c>
    </row>
    <row r="52" spans="1:4" ht="18" customHeight="1" x14ac:dyDescent="0.2">
      <c r="A52" s="8">
        <v>39</v>
      </c>
      <c r="B52" s="35">
        <v>2</v>
      </c>
      <c r="C52" s="13">
        <v>2</v>
      </c>
      <c r="D52" s="12">
        <v>4</v>
      </c>
    </row>
    <row r="53" spans="1:4" ht="18" customHeight="1" x14ac:dyDescent="0.2">
      <c r="A53" s="8" t="s">
        <v>17</v>
      </c>
      <c r="B53" s="35">
        <v>15</v>
      </c>
      <c r="C53" s="13">
        <v>12</v>
      </c>
      <c r="D53" s="12">
        <v>27</v>
      </c>
    </row>
    <row r="54" spans="1:4" ht="18" customHeight="1" x14ac:dyDescent="0.2">
      <c r="A54" s="8">
        <v>40</v>
      </c>
      <c r="B54" s="35">
        <v>5</v>
      </c>
      <c r="C54" s="13">
        <v>3</v>
      </c>
      <c r="D54" s="12">
        <v>8</v>
      </c>
    </row>
    <row r="55" spans="1:4" ht="18" customHeight="1" x14ac:dyDescent="0.2">
      <c r="A55" s="8">
        <v>41</v>
      </c>
      <c r="B55" s="35">
        <v>0</v>
      </c>
      <c r="C55" s="13">
        <v>4</v>
      </c>
      <c r="D55" s="12">
        <v>4</v>
      </c>
    </row>
    <row r="56" spans="1:4" ht="18" customHeight="1" x14ac:dyDescent="0.2">
      <c r="A56" s="8">
        <v>42</v>
      </c>
      <c r="B56" s="35">
        <v>0</v>
      </c>
      <c r="C56" s="13">
        <v>1</v>
      </c>
      <c r="D56" s="12">
        <v>1</v>
      </c>
    </row>
    <row r="57" spans="1:4" ht="18" customHeight="1" x14ac:dyDescent="0.2">
      <c r="A57" s="8">
        <v>43</v>
      </c>
      <c r="B57" s="35">
        <v>4</v>
      </c>
      <c r="C57" s="13">
        <v>2</v>
      </c>
      <c r="D57" s="12">
        <v>6</v>
      </c>
    </row>
    <row r="58" spans="1:4" ht="18" customHeight="1" x14ac:dyDescent="0.2">
      <c r="A58" s="8">
        <v>44</v>
      </c>
      <c r="B58" s="35">
        <v>1</v>
      </c>
      <c r="C58" s="13">
        <v>1</v>
      </c>
      <c r="D58" s="12">
        <v>2</v>
      </c>
    </row>
    <row r="59" spans="1:4" ht="18" customHeight="1" x14ac:dyDescent="0.2">
      <c r="A59" s="8" t="s">
        <v>16</v>
      </c>
      <c r="B59" s="35">
        <v>10</v>
      </c>
      <c r="C59" s="13">
        <v>11</v>
      </c>
      <c r="D59" s="12">
        <v>21</v>
      </c>
    </row>
    <row r="60" spans="1:4" ht="18" customHeight="1" x14ac:dyDescent="0.2">
      <c r="A60" s="8">
        <v>45</v>
      </c>
      <c r="B60" s="35">
        <v>4</v>
      </c>
      <c r="C60" s="13">
        <v>9</v>
      </c>
      <c r="D60" s="12">
        <v>13</v>
      </c>
    </row>
    <row r="61" spans="1:4" ht="18" customHeight="1" x14ac:dyDescent="0.2">
      <c r="A61" s="8">
        <v>46</v>
      </c>
      <c r="B61" s="35">
        <v>4</v>
      </c>
      <c r="C61" s="13">
        <v>2</v>
      </c>
      <c r="D61" s="12">
        <v>6</v>
      </c>
    </row>
    <row r="62" spans="1:4" ht="18" customHeight="1" x14ac:dyDescent="0.2">
      <c r="A62" s="8">
        <v>47</v>
      </c>
      <c r="B62" s="35">
        <v>8</v>
      </c>
      <c r="C62" s="13">
        <v>2</v>
      </c>
      <c r="D62" s="12">
        <v>10</v>
      </c>
    </row>
    <row r="63" spans="1:4" ht="18" customHeight="1" x14ac:dyDescent="0.2">
      <c r="A63" s="8">
        <v>48</v>
      </c>
      <c r="B63" s="35">
        <v>6</v>
      </c>
      <c r="C63" s="13">
        <v>3</v>
      </c>
      <c r="D63" s="12">
        <v>9</v>
      </c>
    </row>
    <row r="64" spans="1:4" ht="18" customHeight="1" x14ac:dyDescent="0.2">
      <c r="A64" s="8">
        <v>49</v>
      </c>
      <c r="B64" s="35">
        <v>3</v>
      </c>
      <c r="C64" s="13">
        <v>5</v>
      </c>
      <c r="D64" s="12">
        <v>8</v>
      </c>
    </row>
    <row r="65" spans="1:4" ht="18" customHeight="1" x14ac:dyDescent="0.2">
      <c r="A65" s="8" t="s">
        <v>15</v>
      </c>
      <c r="B65" s="35">
        <v>25</v>
      </c>
      <c r="C65" s="13">
        <v>21</v>
      </c>
      <c r="D65" s="12">
        <v>46</v>
      </c>
    </row>
    <row r="66" spans="1:4" ht="18" customHeight="1" x14ac:dyDescent="0.2">
      <c r="A66" s="8">
        <v>50</v>
      </c>
      <c r="B66" s="35">
        <v>7</v>
      </c>
      <c r="C66" s="13">
        <v>4</v>
      </c>
      <c r="D66" s="12">
        <v>11</v>
      </c>
    </row>
    <row r="67" spans="1:4" ht="18" customHeight="1" x14ac:dyDescent="0.2">
      <c r="A67" s="8">
        <v>51</v>
      </c>
      <c r="B67" s="35">
        <v>4</v>
      </c>
      <c r="C67" s="13">
        <v>6</v>
      </c>
      <c r="D67" s="12">
        <v>10</v>
      </c>
    </row>
    <row r="68" spans="1:4" ht="18" customHeight="1" x14ac:dyDescent="0.2">
      <c r="A68" s="8">
        <v>52</v>
      </c>
      <c r="B68" s="35">
        <v>6</v>
      </c>
      <c r="C68" s="13">
        <v>4</v>
      </c>
      <c r="D68" s="12">
        <v>10</v>
      </c>
    </row>
    <row r="69" spans="1:4" ht="18" customHeight="1" x14ac:dyDescent="0.2">
      <c r="A69" s="8">
        <v>53</v>
      </c>
      <c r="B69" s="35">
        <v>6</v>
      </c>
      <c r="C69" s="13">
        <v>3</v>
      </c>
      <c r="D69" s="12">
        <v>9</v>
      </c>
    </row>
    <row r="70" spans="1:4" ht="18" customHeight="1" x14ac:dyDescent="0.2">
      <c r="A70" s="8">
        <v>54</v>
      </c>
      <c r="B70" s="35">
        <v>5</v>
      </c>
      <c r="C70" s="13">
        <v>5</v>
      </c>
      <c r="D70" s="12">
        <v>10</v>
      </c>
    </row>
    <row r="71" spans="1:4" ht="18" customHeight="1" x14ac:dyDescent="0.2">
      <c r="A71" s="8" t="s">
        <v>14</v>
      </c>
      <c r="B71" s="35">
        <v>28</v>
      </c>
      <c r="C71" s="13">
        <v>22</v>
      </c>
      <c r="D71" s="12">
        <v>50</v>
      </c>
    </row>
    <row r="72" spans="1:4" ht="18" customHeight="1" x14ac:dyDescent="0.2">
      <c r="A72" s="8">
        <v>55</v>
      </c>
      <c r="B72" s="35">
        <v>5</v>
      </c>
      <c r="C72" s="13">
        <v>5</v>
      </c>
      <c r="D72" s="12">
        <v>10</v>
      </c>
    </row>
    <row r="73" spans="1:4" ht="18" customHeight="1" x14ac:dyDescent="0.2">
      <c r="A73" s="8">
        <v>56</v>
      </c>
      <c r="B73" s="35">
        <v>2</v>
      </c>
      <c r="C73" s="13">
        <v>3</v>
      </c>
      <c r="D73" s="12">
        <v>5</v>
      </c>
    </row>
    <row r="74" spans="1:4" ht="18" customHeight="1" x14ac:dyDescent="0.2">
      <c r="A74" s="8">
        <v>57</v>
      </c>
      <c r="B74" s="35">
        <v>0</v>
      </c>
      <c r="C74" s="13">
        <v>5</v>
      </c>
      <c r="D74" s="12">
        <v>5</v>
      </c>
    </row>
    <row r="75" spans="1:4" ht="18" customHeight="1" x14ac:dyDescent="0.2">
      <c r="A75" s="8">
        <v>58</v>
      </c>
      <c r="B75" s="35">
        <v>1</v>
      </c>
      <c r="C75" s="13">
        <v>4</v>
      </c>
      <c r="D75" s="12">
        <v>5</v>
      </c>
    </row>
    <row r="76" spans="1:4" ht="18" customHeight="1" x14ac:dyDescent="0.2">
      <c r="A76" s="8">
        <v>59</v>
      </c>
      <c r="B76" s="35">
        <v>3</v>
      </c>
      <c r="C76" s="13">
        <v>5</v>
      </c>
      <c r="D76" s="12">
        <v>8</v>
      </c>
    </row>
    <row r="77" spans="1:4" ht="18" customHeight="1" x14ac:dyDescent="0.2">
      <c r="A77" s="8" t="s">
        <v>13</v>
      </c>
      <c r="B77" s="35">
        <v>11</v>
      </c>
      <c r="C77" s="13">
        <v>22</v>
      </c>
      <c r="D77" s="12">
        <v>33</v>
      </c>
    </row>
    <row r="78" spans="1:4" ht="18" customHeight="1" x14ac:dyDescent="0.2">
      <c r="A78" s="8">
        <v>60</v>
      </c>
      <c r="B78" s="35">
        <v>8</v>
      </c>
      <c r="C78" s="13">
        <v>6</v>
      </c>
      <c r="D78" s="12">
        <v>14</v>
      </c>
    </row>
    <row r="79" spans="1:4" ht="18" customHeight="1" x14ac:dyDescent="0.2">
      <c r="A79" s="8">
        <v>61</v>
      </c>
      <c r="B79" s="35">
        <v>6</v>
      </c>
      <c r="C79" s="13">
        <v>6</v>
      </c>
      <c r="D79" s="12">
        <v>12</v>
      </c>
    </row>
    <row r="80" spans="1:4" ht="18" customHeight="1" x14ac:dyDescent="0.2">
      <c r="A80" s="8">
        <v>62</v>
      </c>
      <c r="B80" s="35">
        <v>3</v>
      </c>
      <c r="C80" s="13">
        <v>8</v>
      </c>
      <c r="D80" s="12">
        <v>11</v>
      </c>
    </row>
    <row r="81" spans="1:4" ht="18" customHeight="1" x14ac:dyDescent="0.2">
      <c r="A81" s="8">
        <v>63</v>
      </c>
      <c r="B81" s="35">
        <v>10</v>
      </c>
      <c r="C81" s="13">
        <v>8</v>
      </c>
      <c r="D81" s="12">
        <v>18</v>
      </c>
    </row>
    <row r="82" spans="1:4" ht="18" customHeight="1" x14ac:dyDescent="0.2">
      <c r="A82" s="8">
        <v>64</v>
      </c>
      <c r="B82" s="35">
        <v>7</v>
      </c>
      <c r="C82" s="13">
        <v>9</v>
      </c>
      <c r="D82" s="12">
        <v>16</v>
      </c>
    </row>
    <row r="83" spans="1:4" ht="18" customHeight="1" x14ac:dyDescent="0.2">
      <c r="A83" s="8" t="s">
        <v>12</v>
      </c>
      <c r="B83" s="35">
        <v>34</v>
      </c>
      <c r="C83" s="13">
        <v>37</v>
      </c>
      <c r="D83" s="12">
        <v>71</v>
      </c>
    </row>
    <row r="84" spans="1:4" ht="18" customHeight="1" x14ac:dyDescent="0.2">
      <c r="A84" s="8" t="s">
        <v>11</v>
      </c>
      <c r="B84" s="35">
        <v>167</v>
      </c>
      <c r="C84" s="13">
        <v>170</v>
      </c>
      <c r="D84" s="12">
        <v>337</v>
      </c>
    </row>
    <row r="85" spans="1:4" ht="18" customHeight="1" x14ac:dyDescent="0.2">
      <c r="A85" s="8">
        <v>65</v>
      </c>
      <c r="B85" s="35">
        <v>9</v>
      </c>
      <c r="C85" s="13">
        <v>6</v>
      </c>
      <c r="D85" s="12">
        <v>15</v>
      </c>
    </row>
    <row r="86" spans="1:4" ht="18" customHeight="1" x14ac:dyDescent="0.2">
      <c r="A86" s="8">
        <v>66</v>
      </c>
      <c r="B86" s="35">
        <v>2</v>
      </c>
      <c r="C86" s="13">
        <v>8</v>
      </c>
      <c r="D86" s="12">
        <v>10</v>
      </c>
    </row>
    <row r="87" spans="1:4" ht="18" customHeight="1" x14ac:dyDescent="0.2">
      <c r="A87" s="8">
        <v>67</v>
      </c>
      <c r="B87" s="35">
        <v>5</v>
      </c>
      <c r="C87" s="13">
        <v>6</v>
      </c>
      <c r="D87" s="12">
        <v>11</v>
      </c>
    </row>
    <row r="88" spans="1:4" ht="18" customHeight="1" x14ac:dyDescent="0.2">
      <c r="A88" s="8">
        <v>68</v>
      </c>
      <c r="B88" s="35">
        <v>8</v>
      </c>
      <c r="C88" s="13">
        <v>7</v>
      </c>
      <c r="D88" s="12">
        <v>15</v>
      </c>
    </row>
    <row r="89" spans="1:4" ht="18" customHeight="1" x14ac:dyDescent="0.2">
      <c r="A89" s="8">
        <v>69</v>
      </c>
      <c r="B89" s="35">
        <v>7</v>
      </c>
      <c r="C89" s="13">
        <v>7</v>
      </c>
      <c r="D89" s="12">
        <v>14</v>
      </c>
    </row>
    <row r="90" spans="1:4" ht="18" customHeight="1" x14ac:dyDescent="0.2">
      <c r="A90" s="8" t="s">
        <v>10</v>
      </c>
      <c r="B90" s="35">
        <v>31</v>
      </c>
      <c r="C90" s="13">
        <v>34</v>
      </c>
      <c r="D90" s="12">
        <v>65</v>
      </c>
    </row>
    <row r="91" spans="1:4" ht="18" customHeight="1" x14ac:dyDescent="0.2">
      <c r="A91" s="8">
        <v>70</v>
      </c>
      <c r="B91" s="35">
        <v>5</v>
      </c>
      <c r="C91" s="13">
        <v>5</v>
      </c>
      <c r="D91" s="12">
        <v>10</v>
      </c>
    </row>
    <row r="92" spans="1:4" ht="18" customHeight="1" x14ac:dyDescent="0.2">
      <c r="A92" s="8">
        <v>71</v>
      </c>
      <c r="B92" s="35">
        <v>2</v>
      </c>
      <c r="C92" s="13">
        <v>8</v>
      </c>
      <c r="D92" s="12">
        <v>10</v>
      </c>
    </row>
    <row r="93" spans="1:4" ht="18" customHeight="1" x14ac:dyDescent="0.2">
      <c r="A93" s="8">
        <v>72</v>
      </c>
      <c r="B93" s="35">
        <v>11</v>
      </c>
      <c r="C93" s="13">
        <v>14</v>
      </c>
      <c r="D93" s="12">
        <v>25</v>
      </c>
    </row>
    <row r="94" spans="1:4" ht="18" customHeight="1" x14ac:dyDescent="0.2">
      <c r="A94" s="8">
        <v>73</v>
      </c>
      <c r="B94" s="35">
        <v>8</v>
      </c>
      <c r="C94" s="13">
        <v>9</v>
      </c>
      <c r="D94" s="12">
        <v>17</v>
      </c>
    </row>
    <row r="95" spans="1:4" ht="18" customHeight="1" x14ac:dyDescent="0.2">
      <c r="A95" s="8">
        <v>74</v>
      </c>
      <c r="B95" s="35">
        <v>8</v>
      </c>
      <c r="C95" s="13">
        <v>13</v>
      </c>
      <c r="D95" s="12">
        <v>21</v>
      </c>
    </row>
    <row r="96" spans="1:4" ht="18" customHeight="1" x14ac:dyDescent="0.2">
      <c r="A96" s="8" t="s">
        <v>9</v>
      </c>
      <c r="B96" s="35">
        <v>34</v>
      </c>
      <c r="C96" s="13">
        <v>49</v>
      </c>
      <c r="D96" s="12">
        <v>83</v>
      </c>
    </row>
    <row r="97" spans="1:4" ht="18" customHeight="1" x14ac:dyDescent="0.2">
      <c r="A97" s="8">
        <v>75</v>
      </c>
      <c r="B97" s="35">
        <v>9</v>
      </c>
      <c r="C97" s="13">
        <v>9</v>
      </c>
      <c r="D97" s="12">
        <v>18</v>
      </c>
    </row>
    <row r="98" spans="1:4" ht="18" customHeight="1" x14ac:dyDescent="0.2">
      <c r="A98" s="8">
        <v>76</v>
      </c>
      <c r="B98" s="35">
        <v>15</v>
      </c>
      <c r="C98" s="13">
        <v>14</v>
      </c>
      <c r="D98" s="12">
        <v>29</v>
      </c>
    </row>
    <row r="99" spans="1:4" ht="18" customHeight="1" x14ac:dyDescent="0.2">
      <c r="A99" s="8">
        <v>77</v>
      </c>
      <c r="B99" s="35">
        <v>2</v>
      </c>
      <c r="C99" s="13">
        <v>6</v>
      </c>
      <c r="D99" s="12">
        <v>8</v>
      </c>
    </row>
    <row r="100" spans="1:4" ht="18" customHeight="1" x14ac:dyDescent="0.2">
      <c r="A100" s="8">
        <v>78</v>
      </c>
      <c r="B100" s="35">
        <v>5</v>
      </c>
      <c r="C100" s="13">
        <v>8</v>
      </c>
      <c r="D100" s="12">
        <v>13</v>
      </c>
    </row>
    <row r="101" spans="1:4" ht="18" customHeight="1" x14ac:dyDescent="0.2">
      <c r="A101" s="8">
        <v>79</v>
      </c>
      <c r="B101" s="35">
        <v>6</v>
      </c>
      <c r="C101" s="13">
        <v>11</v>
      </c>
      <c r="D101" s="12">
        <v>17</v>
      </c>
    </row>
    <row r="102" spans="1:4" ht="18" customHeight="1" x14ac:dyDescent="0.2">
      <c r="A102" s="8" t="s">
        <v>8</v>
      </c>
      <c r="B102" s="35">
        <v>37</v>
      </c>
      <c r="C102" s="13">
        <v>48</v>
      </c>
      <c r="D102" s="12">
        <v>85</v>
      </c>
    </row>
    <row r="103" spans="1:4" ht="18" customHeight="1" x14ac:dyDescent="0.2">
      <c r="A103" s="8">
        <v>80</v>
      </c>
      <c r="B103" s="35">
        <v>6</v>
      </c>
      <c r="C103" s="13">
        <v>5</v>
      </c>
      <c r="D103" s="12">
        <v>11</v>
      </c>
    </row>
    <row r="104" spans="1:4" ht="18" customHeight="1" x14ac:dyDescent="0.2">
      <c r="A104" s="8">
        <v>81</v>
      </c>
      <c r="B104" s="35">
        <v>7</v>
      </c>
      <c r="C104" s="13">
        <v>13</v>
      </c>
      <c r="D104" s="12">
        <v>20</v>
      </c>
    </row>
    <row r="105" spans="1:4" ht="18" customHeight="1" x14ac:dyDescent="0.2">
      <c r="A105" s="8">
        <v>82</v>
      </c>
      <c r="B105" s="35">
        <v>8</v>
      </c>
      <c r="C105" s="13">
        <v>10</v>
      </c>
      <c r="D105" s="12">
        <v>18</v>
      </c>
    </row>
    <row r="106" spans="1:4" ht="18" customHeight="1" x14ac:dyDescent="0.2">
      <c r="A106" s="8">
        <v>83</v>
      </c>
      <c r="B106" s="35">
        <v>7</v>
      </c>
      <c r="C106" s="13">
        <v>5</v>
      </c>
      <c r="D106" s="12">
        <v>12</v>
      </c>
    </row>
    <row r="107" spans="1:4" ht="18" customHeight="1" x14ac:dyDescent="0.2">
      <c r="A107" s="8">
        <v>84</v>
      </c>
      <c r="B107" s="35">
        <v>1</v>
      </c>
      <c r="C107" s="13">
        <v>7</v>
      </c>
      <c r="D107" s="12">
        <v>8</v>
      </c>
    </row>
    <row r="108" spans="1:4" ht="18" customHeight="1" x14ac:dyDescent="0.2">
      <c r="A108" s="8" t="s">
        <v>7</v>
      </c>
      <c r="B108" s="35">
        <v>29</v>
      </c>
      <c r="C108" s="13">
        <v>40</v>
      </c>
      <c r="D108" s="12">
        <v>69</v>
      </c>
    </row>
    <row r="109" spans="1:4" ht="18" customHeight="1" x14ac:dyDescent="0.2">
      <c r="A109" s="8">
        <v>85</v>
      </c>
      <c r="B109" s="35">
        <v>6</v>
      </c>
      <c r="C109" s="13">
        <v>7</v>
      </c>
      <c r="D109" s="12">
        <v>13</v>
      </c>
    </row>
    <row r="110" spans="1:4" ht="18" customHeight="1" x14ac:dyDescent="0.2">
      <c r="A110" s="8">
        <v>86</v>
      </c>
      <c r="B110" s="35">
        <v>5</v>
      </c>
      <c r="C110" s="13">
        <v>10</v>
      </c>
      <c r="D110" s="12">
        <v>15</v>
      </c>
    </row>
    <row r="111" spans="1:4" ht="18" customHeight="1" x14ac:dyDescent="0.2">
      <c r="A111" s="8">
        <v>87</v>
      </c>
      <c r="B111" s="35">
        <v>3</v>
      </c>
      <c r="C111" s="13">
        <v>9</v>
      </c>
      <c r="D111" s="12">
        <v>12</v>
      </c>
    </row>
    <row r="112" spans="1:4" ht="18" customHeight="1" x14ac:dyDescent="0.2">
      <c r="A112" s="8">
        <v>88</v>
      </c>
      <c r="B112" s="35">
        <v>6</v>
      </c>
      <c r="C112" s="13">
        <v>9</v>
      </c>
      <c r="D112" s="12">
        <v>15</v>
      </c>
    </row>
    <row r="113" spans="1:4" ht="18" customHeight="1" x14ac:dyDescent="0.2">
      <c r="A113" s="8">
        <v>89</v>
      </c>
      <c r="B113" s="35">
        <v>6</v>
      </c>
      <c r="C113" s="13">
        <v>9</v>
      </c>
      <c r="D113" s="12">
        <v>15</v>
      </c>
    </row>
    <row r="114" spans="1:4" ht="18" customHeight="1" x14ac:dyDescent="0.2">
      <c r="A114" s="8" t="s">
        <v>6</v>
      </c>
      <c r="B114" s="35">
        <v>26</v>
      </c>
      <c r="C114" s="13">
        <v>44</v>
      </c>
      <c r="D114" s="12">
        <v>70</v>
      </c>
    </row>
    <row r="115" spans="1:4" ht="18" customHeight="1" x14ac:dyDescent="0.2">
      <c r="A115" s="8">
        <v>90</v>
      </c>
      <c r="B115" s="35">
        <v>3</v>
      </c>
      <c r="C115" s="13">
        <v>6</v>
      </c>
      <c r="D115" s="12">
        <v>9</v>
      </c>
    </row>
    <row r="116" spans="1:4" ht="18" customHeight="1" x14ac:dyDescent="0.2">
      <c r="A116" s="8">
        <v>91</v>
      </c>
      <c r="B116" s="35">
        <v>5</v>
      </c>
      <c r="C116" s="13">
        <v>6</v>
      </c>
      <c r="D116" s="12">
        <v>11</v>
      </c>
    </row>
    <row r="117" spans="1:4" ht="18" customHeight="1" x14ac:dyDescent="0.2">
      <c r="A117" s="8">
        <v>92</v>
      </c>
      <c r="B117" s="35">
        <v>3</v>
      </c>
      <c r="C117" s="13">
        <v>8</v>
      </c>
      <c r="D117" s="12">
        <v>11</v>
      </c>
    </row>
    <row r="118" spans="1:4" ht="18" customHeight="1" x14ac:dyDescent="0.2">
      <c r="A118" s="8">
        <v>93</v>
      </c>
      <c r="B118" s="35">
        <v>1</v>
      </c>
      <c r="C118" s="13">
        <v>3</v>
      </c>
      <c r="D118" s="12">
        <v>4</v>
      </c>
    </row>
    <row r="119" spans="1:4" ht="18" customHeight="1" x14ac:dyDescent="0.2">
      <c r="A119" s="8">
        <v>94</v>
      </c>
      <c r="B119" s="35">
        <v>1</v>
      </c>
      <c r="C119" s="13">
        <v>3</v>
      </c>
      <c r="D119" s="12">
        <v>4</v>
      </c>
    </row>
    <row r="120" spans="1:4" ht="18" customHeight="1" x14ac:dyDescent="0.2">
      <c r="A120" s="8" t="s">
        <v>5</v>
      </c>
      <c r="B120" s="35">
        <v>13</v>
      </c>
      <c r="C120" s="13">
        <v>26</v>
      </c>
      <c r="D120" s="12">
        <v>39</v>
      </c>
    </row>
    <row r="121" spans="1:4" ht="18" customHeight="1" x14ac:dyDescent="0.2">
      <c r="A121" s="8">
        <v>95</v>
      </c>
      <c r="B121" s="35">
        <v>2</v>
      </c>
      <c r="C121" s="13">
        <v>2</v>
      </c>
      <c r="D121" s="12">
        <v>4</v>
      </c>
    </row>
    <row r="122" spans="1:4" ht="18" customHeight="1" x14ac:dyDescent="0.2">
      <c r="A122" s="8">
        <v>96</v>
      </c>
      <c r="B122" s="35">
        <v>0</v>
      </c>
      <c r="C122" s="13">
        <v>0</v>
      </c>
      <c r="D122" s="12">
        <v>0</v>
      </c>
    </row>
    <row r="123" spans="1:4" ht="18" customHeight="1" x14ac:dyDescent="0.2">
      <c r="A123" s="8">
        <v>97</v>
      </c>
      <c r="B123" s="35">
        <v>0</v>
      </c>
      <c r="C123" s="13">
        <v>1</v>
      </c>
      <c r="D123" s="12">
        <v>1</v>
      </c>
    </row>
    <row r="124" spans="1:4" ht="18" customHeight="1" x14ac:dyDescent="0.2">
      <c r="A124" s="8">
        <v>98</v>
      </c>
      <c r="B124" s="35">
        <v>0</v>
      </c>
      <c r="C124" s="13">
        <v>3</v>
      </c>
      <c r="D124" s="12">
        <v>3</v>
      </c>
    </row>
    <row r="125" spans="1:4" ht="18" customHeight="1" x14ac:dyDescent="0.2">
      <c r="A125" s="8">
        <v>99</v>
      </c>
      <c r="B125" s="35">
        <v>0</v>
      </c>
      <c r="C125" s="13">
        <v>1</v>
      </c>
      <c r="D125" s="12">
        <v>1</v>
      </c>
    </row>
    <row r="126" spans="1:4" ht="18" customHeight="1" x14ac:dyDescent="0.2">
      <c r="A126" s="8" t="s">
        <v>4</v>
      </c>
      <c r="B126" s="35">
        <v>2</v>
      </c>
      <c r="C126" s="13">
        <v>7</v>
      </c>
      <c r="D126" s="12">
        <v>9</v>
      </c>
    </row>
    <row r="127" spans="1:4" ht="18" customHeight="1" x14ac:dyDescent="0.2">
      <c r="A127" s="8">
        <v>100</v>
      </c>
      <c r="B127" s="35">
        <v>0</v>
      </c>
      <c r="C127" s="13">
        <v>0</v>
      </c>
      <c r="D127" s="12">
        <v>0</v>
      </c>
    </row>
    <row r="128" spans="1:4" ht="18" customHeight="1" x14ac:dyDescent="0.2">
      <c r="A128" s="15" t="s">
        <v>3</v>
      </c>
      <c r="B128" s="35">
        <v>0</v>
      </c>
      <c r="C128" s="13">
        <v>3</v>
      </c>
      <c r="D128" s="12">
        <v>3</v>
      </c>
    </row>
    <row r="129" spans="1:4" ht="18" customHeight="1" x14ac:dyDescent="0.2">
      <c r="A129" s="8" t="s">
        <v>2</v>
      </c>
      <c r="B129" s="35">
        <v>0</v>
      </c>
      <c r="C129" s="13">
        <v>3</v>
      </c>
      <c r="D129" s="12">
        <v>3</v>
      </c>
    </row>
    <row r="130" spans="1:4" ht="18" customHeight="1" x14ac:dyDescent="0.2">
      <c r="A130" s="8" t="s">
        <v>1</v>
      </c>
      <c r="B130" s="28">
        <v>172</v>
      </c>
      <c r="C130" s="6">
        <v>251</v>
      </c>
      <c r="D130" s="5">
        <v>423</v>
      </c>
    </row>
    <row r="131" spans="1:4" ht="18" customHeight="1" x14ac:dyDescent="0.2">
      <c r="A131" s="4" t="s">
        <v>0</v>
      </c>
      <c r="B131" s="27">
        <v>352</v>
      </c>
      <c r="C131" s="2">
        <v>436</v>
      </c>
      <c r="D131" s="1">
        <v>788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E453114-9F4D-44AA-AD3C-EB0B735FCF63}">
  <sheetPr codeName="Sheet7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90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4</v>
      </c>
      <c r="C5" s="45">
        <v>5</v>
      </c>
      <c r="D5" s="44">
        <v>9</v>
      </c>
    </row>
    <row r="6" spans="1:4" ht="18" customHeight="1" x14ac:dyDescent="0.2">
      <c r="A6" s="8">
        <v>1</v>
      </c>
      <c r="B6" s="40">
        <v>5</v>
      </c>
      <c r="C6" s="13">
        <v>11</v>
      </c>
      <c r="D6" s="12">
        <v>16</v>
      </c>
    </row>
    <row r="7" spans="1:4" ht="18" customHeight="1" x14ac:dyDescent="0.2">
      <c r="A7" s="8">
        <v>2</v>
      </c>
      <c r="B7" s="40">
        <v>6</v>
      </c>
      <c r="C7" s="13">
        <v>6</v>
      </c>
      <c r="D7" s="12">
        <v>12</v>
      </c>
    </row>
    <row r="8" spans="1:4" ht="18" customHeight="1" x14ac:dyDescent="0.2">
      <c r="A8" s="8">
        <v>3</v>
      </c>
      <c r="B8" s="40">
        <v>9</v>
      </c>
      <c r="C8" s="13">
        <v>12</v>
      </c>
      <c r="D8" s="12">
        <v>21</v>
      </c>
    </row>
    <row r="9" spans="1:4" ht="18" customHeight="1" x14ac:dyDescent="0.2">
      <c r="A9" s="8">
        <v>4</v>
      </c>
      <c r="B9" s="43">
        <v>12</v>
      </c>
      <c r="C9" s="42">
        <v>11</v>
      </c>
      <c r="D9" s="41">
        <v>23</v>
      </c>
    </row>
    <row r="10" spans="1:4" ht="18" customHeight="1" x14ac:dyDescent="0.2">
      <c r="A10" s="8" t="s">
        <v>25</v>
      </c>
      <c r="B10" s="35">
        <v>36</v>
      </c>
      <c r="C10" s="13">
        <v>45</v>
      </c>
      <c r="D10" s="12">
        <v>81</v>
      </c>
    </row>
    <row r="11" spans="1:4" ht="18" customHeight="1" x14ac:dyDescent="0.2">
      <c r="A11" s="8">
        <v>5</v>
      </c>
      <c r="B11" s="40">
        <v>15</v>
      </c>
      <c r="C11" s="13">
        <v>17</v>
      </c>
      <c r="D11" s="12">
        <v>32</v>
      </c>
    </row>
    <row r="12" spans="1:4" ht="18" customHeight="1" x14ac:dyDescent="0.2">
      <c r="A12" s="8">
        <v>6</v>
      </c>
      <c r="B12" s="40">
        <v>21</v>
      </c>
      <c r="C12" s="13">
        <v>12</v>
      </c>
      <c r="D12" s="12">
        <v>33</v>
      </c>
    </row>
    <row r="13" spans="1:4" ht="18" customHeight="1" x14ac:dyDescent="0.2">
      <c r="A13" s="8">
        <v>7</v>
      </c>
      <c r="B13" s="40">
        <v>18</v>
      </c>
      <c r="C13" s="13">
        <v>14</v>
      </c>
      <c r="D13" s="12">
        <v>32</v>
      </c>
    </row>
    <row r="14" spans="1:4" ht="18" customHeight="1" x14ac:dyDescent="0.2">
      <c r="A14" s="8">
        <v>8</v>
      </c>
      <c r="B14" s="40">
        <v>15</v>
      </c>
      <c r="C14" s="13">
        <v>18</v>
      </c>
      <c r="D14" s="12">
        <v>33</v>
      </c>
    </row>
    <row r="15" spans="1:4" ht="18" customHeight="1" x14ac:dyDescent="0.2">
      <c r="A15" s="8">
        <v>9</v>
      </c>
      <c r="B15" s="40">
        <v>15</v>
      </c>
      <c r="C15" s="13">
        <v>19</v>
      </c>
      <c r="D15" s="12">
        <v>34</v>
      </c>
    </row>
    <row r="16" spans="1:4" ht="18" customHeight="1" x14ac:dyDescent="0.2">
      <c r="A16" s="8" t="s">
        <v>24</v>
      </c>
      <c r="B16" s="35">
        <v>84</v>
      </c>
      <c r="C16" s="13">
        <v>80</v>
      </c>
      <c r="D16" s="12">
        <v>164</v>
      </c>
    </row>
    <row r="17" spans="1:4" ht="18" customHeight="1" x14ac:dyDescent="0.2">
      <c r="A17" s="8">
        <v>10</v>
      </c>
      <c r="B17" s="35">
        <v>22</v>
      </c>
      <c r="C17" s="13">
        <v>21</v>
      </c>
      <c r="D17" s="12">
        <v>43</v>
      </c>
    </row>
    <row r="18" spans="1:4" ht="18" customHeight="1" x14ac:dyDescent="0.2">
      <c r="A18" s="8">
        <v>11</v>
      </c>
      <c r="B18" s="35">
        <v>22</v>
      </c>
      <c r="C18" s="13">
        <v>13</v>
      </c>
      <c r="D18" s="12">
        <v>35</v>
      </c>
    </row>
    <row r="19" spans="1:4" ht="18" customHeight="1" x14ac:dyDescent="0.2">
      <c r="A19" s="8">
        <v>12</v>
      </c>
      <c r="B19" s="35">
        <v>23</v>
      </c>
      <c r="C19" s="13">
        <v>16</v>
      </c>
      <c r="D19" s="12">
        <v>39</v>
      </c>
    </row>
    <row r="20" spans="1:4" ht="18" customHeight="1" x14ac:dyDescent="0.2">
      <c r="A20" s="8">
        <v>13</v>
      </c>
      <c r="B20" s="35">
        <v>23</v>
      </c>
      <c r="C20" s="13">
        <v>16</v>
      </c>
      <c r="D20" s="12">
        <v>39</v>
      </c>
    </row>
    <row r="21" spans="1:4" ht="18" customHeight="1" x14ac:dyDescent="0.2">
      <c r="A21" s="8">
        <v>14</v>
      </c>
      <c r="B21" s="35">
        <v>31</v>
      </c>
      <c r="C21" s="13">
        <v>23</v>
      </c>
      <c r="D21" s="12">
        <v>54</v>
      </c>
    </row>
    <row r="22" spans="1:4" ht="18" customHeight="1" x14ac:dyDescent="0.2">
      <c r="A22" s="8" t="s">
        <v>23</v>
      </c>
      <c r="B22" s="35">
        <v>121</v>
      </c>
      <c r="C22" s="13">
        <v>89</v>
      </c>
      <c r="D22" s="12">
        <v>210</v>
      </c>
    </row>
    <row r="23" spans="1:4" ht="18" customHeight="1" x14ac:dyDescent="0.2">
      <c r="A23" s="8" t="s">
        <v>22</v>
      </c>
      <c r="B23" s="35">
        <v>241</v>
      </c>
      <c r="C23" s="13">
        <v>214</v>
      </c>
      <c r="D23" s="12">
        <v>455</v>
      </c>
    </row>
    <row r="24" spans="1:4" ht="18" customHeight="1" x14ac:dyDescent="0.2">
      <c r="A24" s="8">
        <v>15</v>
      </c>
      <c r="B24" s="35">
        <v>30</v>
      </c>
      <c r="C24" s="13">
        <v>28</v>
      </c>
      <c r="D24" s="12">
        <v>58</v>
      </c>
    </row>
    <row r="25" spans="1:4" ht="18" customHeight="1" x14ac:dyDescent="0.2">
      <c r="A25" s="8">
        <v>16</v>
      </c>
      <c r="B25" s="35">
        <v>19</v>
      </c>
      <c r="C25" s="13">
        <v>27</v>
      </c>
      <c r="D25" s="12">
        <v>46</v>
      </c>
    </row>
    <row r="26" spans="1:4" ht="18" customHeight="1" x14ac:dyDescent="0.2">
      <c r="A26" s="8">
        <v>17</v>
      </c>
      <c r="B26" s="35">
        <v>20</v>
      </c>
      <c r="C26" s="13">
        <v>23</v>
      </c>
      <c r="D26" s="12">
        <v>43</v>
      </c>
    </row>
    <row r="27" spans="1:4" ht="18" customHeight="1" x14ac:dyDescent="0.2">
      <c r="A27" s="8">
        <v>18</v>
      </c>
      <c r="B27" s="35">
        <v>38</v>
      </c>
      <c r="C27" s="13">
        <v>29</v>
      </c>
      <c r="D27" s="12">
        <v>67</v>
      </c>
    </row>
    <row r="28" spans="1:4" ht="18" customHeight="1" x14ac:dyDescent="0.2">
      <c r="A28" s="8">
        <v>19</v>
      </c>
      <c r="B28" s="35">
        <v>24</v>
      </c>
      <c r="C28" s="13">
        <v>31</v>
      </c>
      <c r="D28" s="12">
        <v>55</v>
      </c>
    </row>
    <row r="29" spans="1:4" ht="18" customHeight="1" x14ac:dyDescent="0.2">
      <c r="A29" s="8" t="s">
        <v>21</v>
      </c>
      <c r="B29" s="35">
        <v>131</v>
      </c>
      <c r="C29" s="13">
        <v>138</v>
      </c>
      <c r="D29" s="12">
        <v>269</v>
      </c>
    </row>
    <row r="30" spans="1:4" ht="18" customHeight="1" x14ac:dyDescent="0.2">
      <c r="A30" s="8">
        <v>20</v>
      </c>
      <c r="B30" s="35">
        <v>30</v>
      </c>
      <c r="C30" s="13">
        <v>28</v>
      </c>
      <c r="D30" s="12">
        <v>58</v>
      </c>
    </row>
    <row r="31" spans="1:4" ht="18" customHeight="1" x14ac:dyDescent="0.2">
      <c r="A31" s="8">
        <v>21</v>
      </c>
      <c r="B31" s="35">
        <v>27</v>
      </c>
      <c r="C31" s="13">
        <v>38</v>
      </c>
      <c r="D31" s="12">
        <v>65</v>
      </c>
    </row>
    <row r="32" spans="1:4" ht="18" customHeight="1" x14ac:dyDescent="0.2">
      <c r="A32" s="8">
        <v>22</v>
      </c>
      <c r="B32" s="35">
        <v>31</v>
      </c>
      <c r="C32" s="13">
        <v>29</v>
      </c>
      <c r="D32" s="12">
        <v>60</v>
      </c>
    </row>
    <row r="33" spans="1:4" ht="18" customHeight="1" x14ac:dyDescent="0.2">
      <c r="A33" s="8">
        <v>23</v>
      </c>
      <c r="B33" s="35">
        <v>23</v>
      </c>
      <c r="C33" s="13">
        <v>17</v>
      </c>
      <c r="D33" s="12">
        <v>40</v>
      </c>
    </row>
    <row r="34" spans="1:4" ht="18" customHeight="1" x14ac:dyDescent="0.2">
      <c r="A34" s="8">
        <v>24</v>
      </c>
      <c r="B34" s="35">
        <v>22</v>
      </c>
      <c r="C34" s="13">
        <v>19</v>
      </c>
      <c r="D34" s="12">
        <v>41</v>
      </c>
    </row>
    <row r="35" spans="1:4" ht="18" customHeight="1" x14ac:dyDescent="0.2">
      <c r="A35" s="8" t="s">
        <v>20</v>
      </c>
      <c r="B35" s="35">
        <v>133</v>
      </c>
      <c r="C35" s="13">
        <v>131</v>
      </c>
      <c r="D35" s="12">
        <v>264</v>
      </c>
    </row>
    <row r="36" spans="1:4" ht="18" customHeight="1" x14ac:dyDescent="0.2">
      <c r="A36" s="8">
        <v>25</v>
      </c>
      <c r="B36" s="35">
        <v>25</v>
      </c>
      <c r="C36" s="13">
        <v>23</v>
      </c>
      <c r="D36" s="12">
        <v>48</v>
      </c>
    </row>
    <row r="37" spans="1:4" ht="18" customHeight="1" x14ac:dyDescent="0.2">
      <c r="A37" s="8">
        <v>26</v>
      </c>
      <c r="B37" s="35">
        <v>26</v>
      </c>
      <c r="C37" s="13">
        <v>20</v>
      </c>
      <c r="D37" s="12">
        <v>46</v>
      </c>
    </row>
    <row r="38" spans="1:4" ht="18" customHeight="1" x14ac:dyDescent="0.2">
      <c r="A38" s="8">
        <v>27</v>
      </c>
      <c r="B38" s="35">
        <v>24</v>
      </c>
      <c r="C38" s="13">
        <v>19</v>
      </c>
      <c r="D38" s="12">
        <v>43</v>
      </c>
    </row>
    <row r="39" spans="1:4" ht="18" customHeight="1" x14ac:dyDescent="0.2">
      <c r="A39" s="8">
        <v>28</v>
      </c>
      <c r="B39" s="35">
        <v>20</v>
      </c>
      <c r="C39" s="13">
        <v>20</v>
      </c>
      <c r="D39" s="12">
        <v>40</v>
      </c>
    </row>
    <row r="40" spans="1:4" ht="18" customHeight="1" x14ac:dyDescent="0.2">
      <c r="A40" s="8">
        <v>29</v>
      </c>
      <c r="B40" s="35">
        <v>19</v>
      </c>
      <c r="C40" s="13">
        <v>14</v>
      </c>
      <c r="D40" s="12">
        <v>33</v>
      </c>
    </row>
    <row r="41" spans="1:4" ht="18" customHeight="1" x14ac:dyDescent="0.2">
      <c r="A41" s="8" t="s">
        <v>19</v>
      </c>
      <c r="B41" s="35">
        <v>114</v>
      </c>
      <c r="C41" s="13">
        <v>96</v>
      </c>
      <c r="D41" s="12">
        <v>210</v>
      </c>
    </row>
    <row r="42" spans="1:4" ht="18" customHeight="1" x14ac:dyDescent="0.2">
      <c r="A42" s="8">
        <v>30</v>
      </c>
      <c r="B42" s="35">
        <v>19</v>
      </c>
      <c r="C42" s="13">
        <v>14</v>
      </c>
      <c r="D42" s="12">
        <v>33</v>
      </c>
    </row>
    <row r="43" spans="1:4" ht="18" customHeight="1" x14ac:dyDescent="0.2">
      <c r="A43" s="8">
        <v>31</v>
      </c>
      <c r="B43" s="35">
        <v>10</v>
      </c>
      <c r="C43" s="13">
        <v>11</v>
      </c>
      <c r="D43" s="12">
        <v>21</v>
      </c>
    </row>
    <row r="44" spans="1:4" ht="18" customHeight="1" x14ac:dyDescent="0.2">
      <c r="A44" s="8">
        <v>32</v>
      </c>
      <c r="B44" s="35">
        <v>7</v>
      </c>
      <c r="C44" s="13">
        <v>10</v>
      </c>
      <c r="D44" s="12">
        <v>17</v>
      </c>
    </row>
    <row r="45" spans="1:4" ht="18" customHeight="1" x14ac:dyDescent="0.2">
      <c r="A45" s="8">
        <v>33</v>
      </c>
      <c r="B45" s="35">
        <v>16</v>
      </c>
      <c r="C45" s="13">
        <v>16</v>
      </c>
      <c r="D45" s="12">
        <v>32</v>
      </c>
    </row>
    <row r="46" spans="1:4" ht="18" customHeight="1" x14ac:dyDescent="0.2">
      <c r="A46" s="8">
        <v>34</v>
      </c>
      <c r="B46" s="35">
        <v>25</v>
      </c>
      <c r="C46" s="13">
        <v>18</v>
      </c>
      <c r="D46" s="12">
        <v>43</v>
      </c>
    </row>
    <row r="47" spans="1:4" ht="18" customHeight="1" x14ac:dyDescent="0.2">
      <c r="A47" s="8" t="s">
        <v>18</v>
      </c>
      <c r="B47" s="35">
        <v>77</v>
      </c>
      <c r="C47" s="13">
        <v>69</v>
      </c>
      <c r="D47" s="12">
        <v>146</v>
      </c>
    </row>
    <row r="48" spans="1:4" ht="18" customHeight="1" x14ac:dyDescent="0.2">
      <c r="A48" s="8">
        <v>35</v>
      </c>
      <c r="B48" s="35">
        <v>18</v>
      </c>
      <c r="C48" s="13">
        <v>12</v>
      </c>
      <c r="D48" s="12">
        <v>30</v>
      </c>
    </row>
    <row r="49" spans="1:4" ht="18" customHeight="1" x14ac:dyDescent="0.2">
      <c r="A49" s="8">
        <v>36</v>
      </c>
      <c r="B49" s="35">
        <v>18</v>
      </c>
      <c r="C49" s="13">
        <v>13</v>
      </c>
      <c r="D49" s="12">
        <v>31</v>
      </c>
    </row>
    <row r="50" spans="1:4" ht="18" customHeight="1" x14ac:dyDescent="0.2">
      <c r="A50" s="8">
        <v>37</v>
      </c>
      <c r="B50" s="35">
        <v>8</v>
      </c>
      <c r="C50" s="13">
        <v>12</v>
      </c>
      <c r="D50" s="12">
        <v>20</v>
      </c>
    </row>
    <row r="51" spans="1:4" ht="18" customHeight="1" x14ac:dyDescent="0.2">
      <c r="A51" s="8">
        <v>38</v>
      </c>
      <c r="B51" s="35">
        <v>20</v>
      </c>
      <c r="C51" s="13">
        <v>16</v>
      </c>
      <c r="D51" s="12">
        <v>36</v>
      </c>
    </row>
    <row r="52" spans="1:4" ht="18" customHeight="1" x14ac:dyDescent="0.2">
      <c r="A52" s="8">
        <v>39</v>
      </c>
      <c r="B52" s="35">
        <v>23</v>
      </c>
      <c r="C52" s="13">
        <v>24</v>
      </c>
      <c r="D52" s="12">
        <v>47</v>
      </c>
    </row>
    <row r="53" spans="1:4" ht="18" customHeight="1" x14ac:dyDescent="0.2">
      <c r="A53" s="8" t="s">
        <v>17</v>
      </c>
      <c r="B53" s="35">
        <v>87</v>
      </c>
      <c r="C53" s="13">
        <v>77</v>
      </c>
      <c r="D53" s="12">
        <v>164</v>
      </c>
    </row>
    <row r="54" spans="1:4" ht="18" customHeight="1" x14ac:dyDescent="0.2">
      <c r="A54" s="8">
        <v>40</v>
      </c>
      <c r="B54" s="35">
        <v>26</v>
      </c>
      <c r="C54" s="13">
        <v>31</v>
      </c>
      <c r="D54" s="12">
        <v>57</v>
      </c>
    </row>
    <row r="55" spans="1:4" ht="18" customHeight="1" x14ac:dyDescent="0.2">
      <c r="A55" s="8">
        <v>41</v>
      </c>
      <c r="B55" s="35">
        <v>17</v>
      </c>
      <c r="C55" s="13">
        <v>28</v>
      </c>
      <c r="D55" s="12">
        <v>45</v>
      </c>
    </row>
    <row r="56" spans="1:4" ht="18" customHeight="1" x14ac:dyDescent="0.2">
      <c r="A56" s="8">
        <v>42</v>
      </c>
      <c r="B56" s="35">
        <v>26</v>
      </c>
      <c r="C56" s="13">
        <v>25</v>
      </c>
      <c r="D56" s="12">
        <v>51</v>
      </c>
    </row>
    <row r="57" spans="1:4" ht="18" customHeight="1" x14ac:dyDescent="0.2">
      <c r="A57" s="8">
        <v>43</v>
      </c>
      <c r="B57" s="35">
        <v>35</v>
      </c>
      <c r="C57" s="13">
        <v>30</v>
      </c>
      <c r="D57" s="12">
        <v>65</v>
      </c>
    </row>
    <row r="58" spans="1:4" ht="18" customHeight="1" x14ac:dyDescent="0.2">
      <c r="A58" s="8">
        <v>44</v>
      </c>
      <c r="B58" s="35">
        <v>24</v>
      </c>
      <c r="C58" s="13">
        <v>29</v>
      </c>
      <c r="D58" s="12">
        <v>53</v>
      </c>
    </row>
    <row r="59" spans="1:4" ht="18" customHeight="1" x14ac:dyDescent="0.2">
      <c r="A59" s="8" t="s">
        <v>16</v>
      </c>
      <c r="B59" s="35">
        <v>128</v>
      </c>
      <c r="C59" s="13">
        <v>143</v>
      </c>
      <c r="D59" s="12">
        <v>271</v>
      </c>
    </row>
    <row r="60" spans="1:4" ht="18" customHeight="1" x14ac:dyDescent="0.2">
      <c r="A60" s="8">
        <v>45</v>
      </c>
      <c r="B60" s="35">
        <v>34</v>
      </c>
      <c r="C60" s="13">
        <v>31</v>
      </c>
      <c r="D60" s="12">
        <v>65</v>
      </c>
    </row>
    <row r="61" spans="1:4" ht="18" customHeight="1" x14ac:dyDescent="0.2">
      <c r="A61" s="8">
        <v>46</v>
      </c>
      <c r="B61" s="35">
        <v>42</v>
      </c>
      <c r="C61" s="13">
        <v>35</v>
      </c>
      <c r="D61" s="12">
        <v>77</v>
      </c>
    </row>
    <row r="62" spans="1:4" ht="18" customHeight="1" x14ac:dyDescent="0.2">
      <c r="A62" s="8">
        <v>47</v>
      </c>
      <c r="B62" s="35">
        <v>48</v>
      </c>
      <c r="C62" s="13">
        <v>36</v>
      </c>
      <c r="D62" s="12">
        <v>84</v>
      </c>
    </row>
    <row r="63" spans="1:4" ht="18" customHeight="1" x14ac:dyDescent="0.2">
      <c r="A63" s="8">
        <v>48</v>
      </c>
      <c r="B63" s="35">
        <v>42</v>
      </c>
      <c r="C63" s="13">
        <v>46</v>
      </c>
      <c r="D63" s="12">
        <v>88</v>
      </c>
    </row>
    <row r="64" spans="1:4" ht="18" customHeight="1" x14ac:dyDescent="0.2">
      <c r="A64" s="8">
        <v>49</v>
      </c>
      <c r="B64" s="35">
        <v>61</v>
      </c>
      <c r="C64" s="13">
        <v>46</v>
      </c>
      <c r="D64" s="12">
        <v>107</v>
      </c>
    </row>
    <row r="65" spans="1:4" ht="18" customHeight="1" x14ac:dyDescent="0.2">
      <c r="A65" s="8" t="s">
        <v>15</v>
      </c>
      <c r="B65" s="35">
        <v>227</v>
      </c>
      <c r="C65" s="13">
        <v>194</v>
      </c>
      <c r="D65" s="12">
        <v>421</v>
      </c>
    </row>
    <row r="66" spans="1:4" ht="18" customHeight="1" x14ac:dyDescent="0.2">
      <c r="A66" s="8">
        <v>50</v>
      </c>
      <c r="B66" s="35">
        <v>46</v>
      </c>
      <c r="C66" s="13">
        <v>64</v>
      </c>
      <c r="D66" s="12">
        <v>110</v>
      </c>
    </row>
    <row r="67" spans="1:4" ht="18" customHeight="1" x14ac:dyDescent="0.2">
      <c r="A67" s="8">
        <v>51</v>
      </c>
      <c r="B67" s="35">
        <v>50</v>
      </c>
      <c r="C67" s="13">
        <v>55</v>
      </c>
      <c r="D67" s="12">
        <v>105</v>
      </c>
    </row>
    <row r="68" spans="1:4" ht="18" customHeight="1" x14ac:dyDescent="0.2">
      <c r="A68" s="8">
        <v>52</v>
      </c>
      <c r="B68" s="35">
        <v>47</v>
      </c>
      <c r="C68" s="13">
        <v>52</v>
      </c>
      <c r="D68" s="12">
        <v>99</v>
      </c>
    </row>
    <row r="69" spans="1:4" ht="18" customHeight="1" x14ac:dyDescent="0.2">
      <c r="A69" s="8">
        <v>53</v>
      </c>
      <c r="B69" s="35">
        <v>49</v>
      </c>
      <c r="C69" s="13">
        <v>47</v>
      </c>
      <c r="D69" s="12">
        <v>96</v>
      </c>
    </row>
    <row r="70" spans="1:4" ht="18" customHeight="1" x14ac:dyDescent="0.2">
      <c r="A70" s="8">
        <v>54</v>
      </c>
      <c r="B70" s="35">
        <v>42</v>
      </c>
      <c r="C70" s="13">
        <v>36</v>
      </c>
      <c r="D70" s="12">
        <v>78</v>
      </c>
    </row>
    <row r="71" spans="1:4" ht="18" customHeight="1" x14ac:dyDescent="0.2">
      <c r="A71" s="8" t="s">
        <v>14</v>
      </c>
      <c r="B71" s="35">
        <v>234</v>
      </c>
      <c r="C71" s="13">
        <v>254</v>
      </c>
      <c r="D71" s="12">
        <v>488</v>
      </c>
    </row>
    <row r="72" spans="1:4" ht="18" customHeight="1" x14ac:dyDescent="0.2">
      <c r="A72" s="8">
        <v>55</v>
      </c>
      <c r="B72" s="35">
        <v>45</v>
      </c>
      <c r="C72" s="13">
        <v>46</v>
      </c>
      <c r="D72" s="12">
        <v>91</v>
      </c>
    </row>
    <row r="73" spans="1:4" ht="18" customHeight="1" x14ac:dyDescent="0.2">
      <c r="A73" s="8">
        <v>56</v>
      </c>
      <c r="B73" s="35">
        <v>42</v>
      </c>
      <c r="C73" s="13">
        <v>33</v>
      </c>
      <c r="D73" s="12">
        <v>75</v>
      </c>
    </row>
    <row r="74" spans="1:4" ht="18" customHeight="1" x14ac:dyDescent="0.2">
      <c r="A74" s="8">
        <v>57</v>
      </c>
      <c r="B74" s="35">
        <v>30</v>
      </c>
      <c r="C74" s="13">
        <v>30</v>
      </c>
      <c r="D74" s="12">
        <v>60</v>
      </c>
    </row>
    <row r="75" spans="1:4" ht="18" customHeight="1" x14ac:dyDescent="0.2">
      <c r="A75" s="8">
        <v>58</v>
      </c>
      <c r="B75" s="35">
        <v>28</v>
      </c>
      <c r="C75" s="13">
        <v>30</v>
      </c>
      <c r="D75" s="12">
        <v>58</v>
      </c>
    </row>
    <row r="76" spans="1:4" ht="18" customHeight="1" x14ac:dyDescent="0.2">
      <c r="A76" s="8">
        <v>59</v>
      </c>
      <c r="B76" s="35">
        <v>39</v>
      </c>
      <c r="C76" s="13">
        <v>27</v>
      </c>
      <c r="D76" s="12">
        <v>66</v>
      </c>
    </row>
    <row r="77" spans="1:4" ht="18" customHeight="1" x14ac:dyDescent="0.2">
      <c r="A77" s="8" t="s">
        <v>13</v>
      </c>
      <c r="B77" s="35">
        <v>184</v>
      </c>
      <c r="C77" s="13">
        <v>166</v>
      </c>
      <c r="D77" s="12">
        <v>350</v>
      </c>
    </row>
    <row r="78" spans="1:4" ht="18" customHeight="1" x14ac:dyDescent="0.2">
      <c r="A78" s="8">
        <v>60</v>
      </c>
      <c r="B78" s="35">
        <v>37</v>
      </c>
      <c r="C78" s="13">
        <v>44</v>
      </c>
      <c r="D78" s="12">
        <v>81</v>
      </c>
    </row>
    <row r="79" spans="1:4" ht="18" customHeight="1" x14ac:dyDescent="0.2">
      <c r="A79" s="8">
        <v>61</v>
      </c>
      <c r="B79" s="35">
        <v>42</v>
      </c>
      <c r="C79" s="13">
        <v>28</v>
      </c>
      <c r="D79" s="12">
        <v>70</v>
      </c>
    </row>
    <row r="80" spans="1:4" ht="18" customHeight="1" x14ac:dyDescent="0.2">
      <c r="A80" s="8">
        <v>62</v>
      </c>
      <c r="B80" s="35">
        <v>18</v>
      </c>
      <c r="C80" s="13">
        <v>31</v>
      </c>
      <c r="D80" s="12">
        <v>49</v>
      </c>
    </row>
    <row r="81" spans="1:4" ht="18" customHeight="1" x14ac:dyDescent="0.2">
      <c r="A81" s="8">
        <v>63</v>
      </c>
      <c r="B81" s="35">
        <v>29</v>
      </c>
      <c r="C81" s="13">
        <v>36</v>
      </c>
      <c r="D81" s="12">
        <v>65</v>
      </c>
    </row>
    <row r="82" spans="1:4" ht="18" customHeight="1" x14ac:dyDescent="0.2">
      <c r="A82" s="8">
        <v>64</v>
      </c>
      <c r="B82" s="35">
        <v>27</v>
      </c>
      <c r="C82" s="13">
        <v>23</v>
      </c>
      <c r="D82" s="12">
        <v>50</v>
      </c>
    </row>
    <row r="83" spans="1:4" ht="18" customHeight="1" x14ac:dyDescent="0.2">
      <c r="A83" s="8" t="s">
        <v>12</v>
      </c>
      <c r="B83" s="35">
        <v>153</v>
      </c>
      <c r="C83" s="13">
        <v>162</v>
      </c>
      <c r="D83" s="12">
        <v>315</v>
      </c>
    </row>
    <row r="84" spans="1:4" ht="18" customHeight="1" x14ac:dyDescent="0.2">
      <c r="A84" s="8" t="s">
        <v>11</v>
      </c>
      <c r="B84" s="35">
        <v>1468</v>
      </c>
      <c r="C84" s="13">
        <v>1430</v>
      </c>
      <c r="D84" s="12">
        <v>2898</v>
      </c>
    </row>
    <row r="85" spans="1:4" ht="18" customHeight="1" x14ac:dyDescent="0.2">
      <c r="A85" s="8">
        <v>65</v>
      </c>
      <c r="B85" s="35">
        <v>31</v>
      </c>
      <c r="C85" s="13">
        <v>31</v>
      </c>
      <c r="D85" s="12">
        <v>62</v>
      </c>
    </row>
    <row r="86" spans="1:4" ht="18" customHeight="1" x14ac:dyDescent="0.2">
      <c r="A86" s="8">
        <v>66</v>
      </c>
      <c r="B86" s="35">
        <v>30</v>
      </c>
      <c r="C86" s="13">
        <v>28</v>
      </c>
      <c r="D86" s="12">
        <v>58</v>
      </c>
    </row>
    <row r="87" spans="1:4" ht="18" customHeight="1" x14ac:dyDescent="0.2">
      <c r="A87" s="8">
        <v>67</v>
      </c>
      <c r="B87" s="35">
        <v>26</v>
      </c>
      <c r="C87" s="13">
        <v>31</v>
      </c>
      <c r="D87" s="12">
        <v>57</v>
      </c>
    </row>
    <row r="88" spans="1:4" ht="18" customHeight="1" x14ac:dyDescent="0.2">
      <c r="A88" s="8">
        <v>68</v>
      </c>
      <c r="B88" s="35">
        <v>38</v>
      </c>
      <c r="C88" s="13">
        <v>32</v>
      </c>
      <c r="D88" s="12">
        <v>70</v>
      </c>
    </row>
    <row r="89" spans="1:4" ht="18" customHeight="1" x14ac:dyDescent="0.2">
      <c r="A89" s="8">
        <v>69</v>
      </c>
      <c r="B89" s="35">
        <v>38</v>
      </c>
      <c r="C89" s="13">
        <v>27</v>
      </c>
      <c r="D89" s="12">
        <v>65</v>
      </c>
    </row>
    <row r="90" spans="1:4" ht="18" customHeight="1" x14ac:dyDescent="0.2">
      <c r="A90" s="8" t="s">
        <v>10</v>
      </c>
      <c r="B90" s="35">
        <v>163</v>
      </c>
      <c r="C90" s="13">
        <v>149</v>
      </c>
      <c r="D90" s="12">
        <v>312</v>
      </c>
    </row>
    <row r="91" spans="1:4" ht="18" customHeight="1" x14ac:dyDescent="0.2">
      <c r="A91" s="8">
        <v>70</v>
      </c>
      <c r="B91" s="35">
        <v>27</v>
      </c>
      <c r="C91" s="13">
        <v>42</v>
      </c>
      <c r="D91" s="12">
        <v>69</v>
      </c>
    </row>
    <row r="92" spans="1:4" ht="18" customHeight="1" x14ac:dyDescent="0.2">
      <c r="A92" s="8">
        <v>71</v>
      </c>
      <c r="B92" s="35">
        <v>37</v>
      </c>
      <c r="C92" s="13">
        <v>30</v>
      </c>
      <c r="D92" s="12">
        <v>67</v>
      </c>
    </row>
    <row r="93" spans="1:4" ht="18" customHeight="1" x14ac:dyDescent="0.2">
      <c r="A93" s="8">
        <v>72</v>
      </c>
      <c r="B93" s="35">
        <v>28</v>
      </c>
      <c r="C93" s="13">
        <v>32</v>
      </c>
      <c r="D93" s="12">
        <v>60</v>
      </c>
    </row>
    <row r="94" spans="1:4" ht="18" customHeight="1" x14ac:dyDescent="0.2">
      <c r="A94" s="8">
        <v>73</v>
      </c>
      <c r="B94" s="35">
        <v>34</v>
      </c>
      <c r="C94" s="13">
        <v>40</v>
      </c>
      <c r="D94" s="12">
        <v>74</v>
      </c>
    </row>
    <row r="95" spans="1:4" ht="18" customHeight="1" x14ac:dyDescent="0.2">
      <c r="A95" s="8">
        <v>74</v>
      </c>
      <c r="B95" s="35">
        <v>39</v>
      </c>
      <c r="C95" s="13">
        <v>55</v>
      </c>
      <c r="D95" s="12">
        <v>94</v>
      </c>
    </row>
    <row r="96" spans="1:4" ht="18" customHeight="1" x14ac:dyDescent="0.2">
      <c r="A96" s="8" t="s">
        <v>9</v>
      </c>
      <c r="B96" s="35">
        <v>165</v>
      </c>
      <c r="C96" s="13">
        <v>199</v>
      </c>
      <c r="D96" s="12">
        <v>364</v>
      </c>
    </row>
    <row r="97" spans="1:4" ht="18" customHeight="1" x14ac:dyDescent="0.2">
      <c r="A97" s="8">
        <v>75</v>
      </c>
      <c r="B97" s="35">
        <v>39</v>
      </c>
      <c r="C97" s="13">
        <v>46</v>
      </c>
      <c r="D97" s="12">
        <v>85</v>
      </c>
    </row>
    <row r="98" spans="1:4" ht="18" customHeight="1" x14ac:dyDescent="0.2">
      <c r="A98" s="8">
        <v>76</v>
      </c>
      <c r="B98" s="35">
        <v>39</v>
      </c>
      <c r="C98" s="13">
        <v>52</v>
      </c>
      <c r="D98" s="12">
        <v>91</v>
      </c>
    </row>
    <row r="99" spans="1:4" ht="18" customHeight="1" x14ac:dyDescent="0.2">
      <c r="A99" s="8">
        <v>77</v>
      </c>
      <c r="B99" s="35">
        <v>21</v>
      </c>
      <c r="C99" s="13">
        <v>18</v>
      </c>
      <c r="D99" s="12">
        <v>39</v>
      </c>
    </row>
    <row r="100" spans="1:4" ht="18" customHeight="1" x14ac:dyDescent="0.2">
      <c r="A100" s="8">
        <v>78</v>
      </c>
      <c r="B100" s="35">
        <v>19</v>
      </c>
      <c r="C100" s="13">
        <v>30</v>
      </c>
      <c r="D100" s="12">
        <v>49</v>
      </c>
    </row>
    <row r="101" spans="1:4" ht="18" customHeight="1" x14ac:dyDescent="0.2">
      <c r="A101" s="8">
        <v>79</v>
      </c>
      <c r="B101" s="35">
        <v>24</v>
      </c>
      <c r="C101" s="13">
        <v>32</v>
      </c>
      <c r="D101" s="12">
        <v>56</v>
      </c>
    </row>
    <row r="102" spans="1:4" ht="18" customHeight="1" x14ac:dyDescent="0.2">
      <c r="A102" s="8" t="s">
        <v>8</v>
      </c>
      <c r="B102" s="35">
        <v>142</v>
      </c>
      <c r="C102" s="13">
        <v>178</v>
      </c>
      <c r="D102" s="12">
        <v>320</v>
      </c>
    </row>
    <row r="103" spans="1:4" ht="18" customHeight="1" x14ac:dyDescent="0.2">
      <c r="A103" s="8">
        <v>80</v>
      </c>
      <c r="B103" s="35">
        <v>20</v>
      </c>
      <c r="C103" s="13">
        <v>29</v>
      </c>
      <c r="D103" s="12">
        <v>49</v>
      </c>
    </row>
    <row r="104" spans="1:4" ht="18" customHeight="1" x14ac:dyDescent="0.2">
      <c r="A104" s="8">
        <v>81</v>
      </c>
      <c r="B104" s="35">
        <v>22</v>
      </c>
      <c r="C104" s="13">
        <v>22</v>
      </c>
      <c r="D104" s="12">
        <v>44</v>
      </c>
    </row>
    <row r="105" spans="1:4" ht="18" customHeight="1" x14ac:dyDescent="0.2">
      <c r="A105" s="8">
        <v>82</v>
      </c>
      <c r="B105" s="35">
        <v>14</v>
      </c>
      <c r="C105" s="13">
        <v>26</v>
      </c>
      <c r="D105" s="12">
        <v>40</v>
      </c>
    </row>
    <row r="106" spans="1:4" ht="18" customHeight="1" x14ac:dyDescent="0.2">
      <c r="A106" s="8">
        <v>83</v>
      </c>
      <c r="B106" s="35">
        <v>13</v>
      </c>
      <c r="C106" s="13">
        <v>28</v>
      </c>
      <c r="D106" s="12">
        <v>41</v>
      </c>
    </row>
    <row r="107" spans="1:4" ht="18" customHeight="1" x14ac:dyDescent="0.2">
      <c r="A107" s="8">
        <v>84</v>
      </c>
      <c r="B107" s="35">
        <v>6</v>
      </c>
      <c r="C107" s="13">
        <v>20</v>
      </c>
      <c r="D107" s="12">
        <v>26</v>
      </c>
    </row>
    <row r="108" spans="1:4" ht="18" customHeight="1" x14ac:dyDescent="0.2">
      <c r="A108" s="8" t="s">
        <v>7</v>
      </c>
      <c r="B108" s="35">
        <v>75</v>
      </c>
      <c r="C108" s="13">
        <v>125</v>
      </c>
      <c r="D108" s="12">
        <v>200</v>
      </c>
    </row>
    <row r="109" spans="1:4" ht="18" customHeight="1" x14ac:dyDescent="0.2">
      <c r="A109" s="8">
        <v>85</v>
      </c>
      <c r="B109" s="35">
        <v>12</v>
      </c>
      <c r="C109" s="13">
        <v>9</v>
      </c>
      <c r="D109" s="12">
        <v>21</v>
      </c>
    </row>
    <row r="110" spans="1:4" ht="18" customHeight="1" x14ac:dyDescent="0.2">
      <c r="A110" s="8">
        <v>86</v>
      </c>
      <c r="B110" s="35">
        <v>7</v>
      </c>
      <c r="C110" s="13">
        <v>13</v>
      </c>
      <c r="D110" s="12">
        <v>20</v>
      </c>
    </row>
    <row r="111" spans="1:4" ht="18" customHeight="1" x14ac:dyDescent="0.2">
      <c r="A111" s="8">
        <v>87</v>
      </c>
      <c r="B111" s="35">
        <v>12</v>
      </c>
      <c r="C111" s="13">
        <v>25</v>
      </c>
      <c r="D111" s="12">
        <v>37</v>
      </c>
    </row>
    <row r="112" spans="1:4" ht="18" customHeight="1" x14ac:dyDescent="0.2">
      <c r="A112" s="8">
        <v>88</v>
      </c>
      <c r="B112" s="35">
        <v>6</v>
      </c>
      <c r="C112" s="13">
        <v>9</v>
      </c>
      <c r="D112" s="12">
        <v>15</v>
      </c>
    </row>
    <row r="113" spans="1:4" ht="18" customHeight="1" x14ac:dyDescent="0.2">
      <c r="A113" s="8">
        <v>89</v>
      </c>
      <c r="B113" s="35">
        <v>8</v>
      </c>
      <c r="C113" s="13">
        <v>19</v>
      </c>
      <c r="D113" s="12">
        <v>27</v>
      </c>
    </row>
    <row r="114" spans="1:4" ht="18" customHeight="1" x14ac:dyDescent="0.2">
      <c r="A114" s="8" t="s">
        <v>6</v>
      </c>
      <c r="B114" s="35">
        <v>45</v>
      </c>
      <c r="C114" s="13">
        <v>75</v>
      </c>
      <c r="D114" s="12">
        <v>120</v>
      </c>
    </row>
    <row r="115" spans="1:4" ht="18" customHeight="1" x14ac:dyDescent="0.2">
      <c r="A115" s="8">
        <v>90</v>
      </c>
      <c r="B115" s="35">
        <v>5</v>
      </c>
      <c r="C115" s="13">
        <v>15</v>
      </c>
      <c r="D115" s="12">
        <v>20</v>
      </c>
    </row>
    <row r="116" spans="1:4" ht="18" customHeight="1" x14ac:dyDescent="0.2">
      <c r="A116" s="8">
        <v>91</v>
      </c>
      <c r="B116" s="35">
        <v>4</v>
      </c>
      <c r="C116" s="13">
        <v>9</v>
      </c>
      <c r="D116" s="12">
        <v>13</v>
      </c>
    </row>
    <row r="117" spans="1:4" ht="18" customHeight="1" x14ac:dyDescent="0.2">
      <c r="A117" s="8">
        <v>92</v>
      </c>
      <c r="B117" s="35">
        <v>4</v>
      </c>
      <c r="C117" s="13">
        <v>7</v>
      </c>
      <c r="D117" s="12">
        <v>11</v>
      </c>
    </row>
    <row r="118" spans="1:4" ht="18" customHeight="1" x14ac:dyDescent="0.2">
      <c r="A118" s="8">
        <v>93</v>
      </c>
      <c r="B118" s="35">
        <v>3</v>
      </c>
      <c r="C118" s="13">
        <v>6</v>
      </c>
      <c r="D118" s="12">
        <v>9</v>
      </c>
    </row>
    <row r="119" spans="1:4" ht="18" customHeight="1" x14ac:dyDescent="0.2">
      <c r="A119" s="8">
        <v>94</v>
      </c>
      <c r="B119" s="35">
        <v>0</v>
      </c>
      <c r="C119" s="13">
        <v>6</v>
      </c>
      <c r="D119" s="12">
        <v>6</v>
      </c>
    </row>
    <row r="120" spans="1:4" ht="18" customHeight="1" x14ac:dyDescent="0.2">
      <c r="A120" s="8" t="s">
        <v>5</v>
      </c>
      <c r="B120" s="35">
        <v>16</v>
      </c>
      <c r="C120" s="13">
        <v>43</v>
      </c>
      <c r="D120" s="12">
        <v>59</v>
      </c>
    </row>
    <row r="121" spans="1:4" ht="18" customHeight="1" x14ac:dyDescent="0.2">
      <c r="A121" s="8">
        <v>95</v>
      </c>
      <c r="B121" s="35">
        <v>3</v>
      </c>
      <c r="C121" s="13">
        <v>5</v>
      </c>
      <c r="D121" s="12">
        <v>8</v>
      </c>
    </row>
    <row r="122" spans="1:4" ht="18" customHeight="1" x14ac:dyDescent="0.2">
      <c r="A122" s="8">
        <v>96</v>
      </c>
      <c r="B122" s="35">
        <v>0</v>
      </c>
      <c r="C122" s="13">
        <v>4</v>
      </c>
      <c r="D122" s="12">
        <v>4</v>
      </c>
    </row>
    <row r="123" spans="1:4" ht="18" customHeight="1" x14ac:dyDescent="0.2">
      <c r="A123" s="8">
        <v>97</v>
      </c>
      <c r="B123" s="35">
        <v>0</v>
      </c>
      <c r="C123" s="13">
        <v>6</v>
      </c>
      <c r="D123" s="12">
        <v>6</v>
      </c>
    </row>
    <row r="124" spans="1:4" ht="18" customHeight="1" x14ac:dyDescent="0.2">
      <c r="A124" s="8">
        <v>98</v>
      </c>
      <c r="B124" s="35">
        <v>0</v>
      </c>
      <c r="C124" s="13">
        <v>6</v>
      </c>
      <c r="D124" s="12">
        <v>6</v>
      </c>
    </row>
    <row r="125" spans="1:4" ht="18" customHeight="1" x14ac:dyDescent="0.2">
      <c r="A125" s="8">
        <v>99</v>
      </c>
      <c r="B125" s="35">
        <v>0</v>
      </c>
      <c r="C125" s="13">
        <v>0</v>
      </c>
      <c r="D125" s="12">
        <v>0</v>
      </c>
    </row>
    <row r="126" spans="1:4" ht="18" customHeight="1" x14ac:dyDescent="0.2">
      <c r="A126" s="8" t="s">
        <v>4</v>
      </c>
      <c r="B126" s="35">
        <v>3</v>
      </c>
      <c r="C126" s="13">
        <v>21</v>
      </c>
      <c r="D126" s="12">
        <v>24</v>
      </c>
    </row>
    <row r="127" spans="1:4" ht="18" customHeight="1" x14ac:dyDescent="0.2">
      <c r="A127" s="8">
        <v>100</v>
      </c>
      <c r="B127" s="35">
        <v>0</v>
      </c>
      <c r="C127" s="13">
        <v>0</v>
      </c>
      <c r="D127" s="12">
        <v>0</v>
      </c>
    </row>
    <row r="128" spans="1:4" ht="18" customHeight="1" x14ac:dyDescent="0.2">
      <c r="A128" s="15" t="s">
        <v>3</v>
      </c>
      <c r="B128" s="35">
        <v>0</v>
      </c>
      <c r="C128" s="13">
        <v>6</v>
      </c>
      <c r="D128" s="12">
        <v>6</v>
      </c>
    </row>
    <row r="129" spans="1:4" ht="18" customHeight="1" x14ac:dyDescent="0.2">
      <c r="A129" s="8" t="s">
        <v>2</v>
      </c>
      <c r="B129" s="35">
        <v>0</v>
      </c>
      <c r="C129" s="13">
        <v>6</v>
      </c>
      <c r="D129" s="12">
        <v>6</v>
      </c>
    </row>
    <row r="130" spans="1:4" ht="18" customHeight="1" x14ac:dyDescent="0.2">
      <c r="A130" s="8" t="s">
        <v>1</v>
      </c>
      <c r="B130" s="28">
        <v>609</v>
      </c>
      <c r="C130" s="6">
        <v>796</v>
      </c>
      <c r="D130" s="5">
        <v>1405</v>
      </c>
    </row>
    <row r="131" spans="1:4" ht="18" customHeight="1" x14ac:dyDescent="0.2">
      <c r="A131" s="4" t="s">
        <v>0</v>
      </c>
      <c r="B131" s="27">
        <v>2318</v>
      </c>
      <c r="C131" s="2">
        <v>2440</v>
      </c>
      <c r="D131" s="1">
        <v>4758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891F32F-7A98-4194-9DFC-18D41564DEDA}">
  <sheetPr codeName="Sheet7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91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0</v>
      </c>
      <c r="C5" s="45">
        <v>0</v>
      </c>
      <c r="D5" s="44">
        <v>0</v>
      </c>
    </row>
    <row r="6" spans="1:4" ht="18" customHeight="1" x14ac:dyDescent="0.2">
      <c r="A6" s="8">
        <v>1</v>
      </c>
      <c r="B6" s="40">
        <v>0</v>
      </c>
      <c r="C6" s="13">
        <v>2</v>
      </c>
      <c r="D6" s="12">
        <v>2</v>
      </c>
    </row>
    <row r="7" spans="1:4" ht="18" customHeight="1" x14ac:dyDescent="0.2">
      <c r="A7" s="8">
        <v>2</v>
      </c>
      <c r="B7" s="40">
        <v>1</v>
      </c>
      <c r="C7" s="13">
        <v>3</v>
      </c>
      <c r="D7" s="12">
        <v>4</v>
      </c>
    </row>
    <row r="8" spans="1:4" ht="18" customHeight="1" x14ac:dyDescent="0.2">
      <c r="A8" s="8">
        <v>3</v>
      </c>
      <c r="B8" s="40">
        <v>1</v>
      </c>
      <c r="C8" s="13">
        <v>1</v>
      </c>
      <c r="D8" s="12">
        <v>2</v>
      </c>
    </row>
    <row r="9" spans="1:4" ht="18" customHeight="1" x14ac:dyDescent="0.2">
      <c r="A9" s="8">
        <v>4</v>
      </c>
      <c r="B9" s="43">
        <v>2</v>
      </c>
      <c r="C9" s="42">
        <v>1</v>
      </c>
      <c r="D9" s="41">
        <v>3</v>
      </c>
    </row>
    <row r="10" spans="1:4" ht="18" customHeight="1" x14ac:dyDescent="0.2">
      <c r="A10" s="8" t="s">
        <v>25</v>
      </c>
      <c r="B10" s="35">
        <v>4</v>
      </c>
      <c r="C10" s="13">
        <v>7</v>
      </c>
      <c r="D10" s="12">
        <v>11</v>
      </c>
    </row>
    <row r="11" spans="1:4" ht="18" customHeight="1" x14ac:dyDescent="0.2">
      <c r="A11" s="8">
        <v>5</v>
      </c>
      <c r="B11" s="40">
        <v>2</v>
      </c>
      <c r="C11" s="13">
        <v>3</v>
      </c>
      <c r="D11" s="12">
        <v>5</v>
      </c>
    </row>
    <row r="12" spans="1:4" ht="18" customHeight="1" x14ac:dyDescent="0.2">
      <c r="A12" s="8">
        <v>6</v>
      </c>
      <c r="B12" s="40">
        <v>5</v>
      </c>
      <c r="C12" s="13">
        <v>1</v>
      </c>
      <c r="D12" s="12">
        <v>6</v>
      </c>
    </row>
    <row r="13" spans="1:4" ht="18" customHeight="1" x14ac:dyDescent="0.2">
      <c r="A13" s="8">
        <v>7</v>
      </c>
      <c r="B13" s="40">
        <v>2</v>
      </c>
      <c r="C13" s="13">
        <v>2</v>
      </c>
      <c r="D13" s="12">
        <v>4</v>
      </c>
    </row>
    <row r="14" spans="1:4" ht="18" customHeight="1" x14ac:dyDescent="0.2">
      <c r="A14" s="8">
        <v>8</v>
      </c>
      <c r="B14" s="40">
        <v>3</v>
      </c>
      <c r="C14" s="13">
        <v>4</v>
      </c>
      <c r="D14" s="12">
        <v>7</v>
      </c>
    </row>
    <row r="15" spans="1:4" ht="18" customHeight="1" x14ac:dyDescent="0.2">
      <c r="A15" s="8">
        <v>9</v>
      </c>
      <c r="B15" s="40">
        <v>0</v>
      </c>
      <c r="C15" s="13">
        <v>1</v>
      </c>
      <c r="D15" s="12">
        <v>1</v>
      </c>
    </row>
    <row r="16" spans="1:4" ht="18" customHeight="1" x14ac:dyDescent="0.2">
      <c r="A16" s="8" t="s">
        <v>24</v>
      </c>
      <c r="B16" s="35">
        <v>12</v>
      </c>
      <c r="C16" s="13">
        <v>11</v>
      </c>
      <c r="D16" s="12">
        <v>23</v>
      </c>
    </row>
    <row r="17" spans="1:4" ht="18" customHeight="1" x14ac:dyDescent="0.2">
      <c r="A17" s="8">
        <v>10</v>
      </c>
      <c r="B17" s="35">
        <v>3</v>
      </c>
      <c r="C17" s="13">
        <v>2</v>
      </c>
      <c r="D17" s="12">
        <v>5</v>
      </c>
    </row>
    <row r="18" spans="1:4" ht="18" customHeight="1" x14ac:dyDescent="0.2">
      <c r="A18" s="8">
        <v>11</v>
      </c>
      <c r="B18" s="35">
        <v>3</v>
      </c>
      <c r="C18" s="13">
        <v>3</v>
      </c>
      <c r="D18" s="12">
        <v>6</v>
      </c>
    </row>
    <row r="19" spans="1:4" ht="18" customHeight="1" x14ac:dyDescent="0.2">
      <c r="A19" s="8">
        <v>12</v>
      </c>
      <c r="B19" s="35">
        <v>3</v>
      </c>
      <c r="C19" s="13">
        <v>2</v>
      </c>
      <c r="D19" s="12">
        <v>5</v>
      </c>
    </row>
    <row r="20" spans="1:4" ht="18" customHeight="1" x14ac:dyDescent="0.2">
      <c r="A20" s="8">
        <v>13</v>
      </c>
      <c r="B20" s="35">
        <v>5</v>
      </c>
      <c r="C20" s="13">
        <v>2</v>
      </c>
      <c r="D20" s="12">
        <v>7</v>
      </c>
    </row>
    <row r="21" spans="1:4" ht="18" customHeight="1" x14ac:dyDescent="0.2">
      <c r="A21" s="8">
        <v>14</v>
      </c>
      <c r="B21" s="35">
        <v>3</v>
      </c>
      <c r="C21" s="13">
        <v>6</v>
      </c>
      <c r="D21" s="12">
        <v>9</v>
      </c>
    </row>
    <row r="22" spans="1:4" ht="18" customHeight="1" x14ac:dyDescent="0.2">
      <c r="A22" s="8" t="s">
        <v>23</v>
      </c>
      <c r="B22" s="35">
        <v>17</v>
      </c>
      <c r="C22" s="13">
        <v>15</v>
      </c>
      <c r="D22" s="12">
        <v>32</v>
      </c>
    </row>
    <row r="23" spans="1:4" ht="18" customHeight="1" x14ac:dyDescent="0.2">
      <c r="A23" s="8" t="s">
        <v>22</v>
      </c>
      <c r="B23" s="35">
        <v>33</v>
      </c>
      <c r="C23" s="13">
        <v>33</v>
      </c>
      <c r="D23" s="12">
        <v>66</v>
      </c>
    </row>
    <row r="24" spans="1:4" ht="18" customHeight="1" x14ac:dyDescent="0.2">
      <c r="A24" s="8">
        <v>15</v>
      </c>
      <c r="B24" s="35">
        <v>0</v>
      </c>
      <c r="C24" s="13">
        <v>1</v>
      </c>
      <c r="D24" s="12">
        <v>1</v>
      </c>
    </row>
    <row r="25" spans="1:4" ht="18" customHeight="1" x14ac:dyDescent="0.2">
      <c r="A25" s="8">
        <v>16</v>
      </c>
      <c r="B25" s="35">
        <v>2</v>
      </c>
      <c r="C25" s="13">
        <v>3</v>
      </c>
      <c r="D25" s="12">
        <v>5</v>
      </c>
    </row>
    <row r="26" spans="1:4" ht="18" customHeight="1" x14ac:dyDescent="0.2">
      <c r="A26" s="8">
        <v>17</v>
      </c>
      <c r="B26" s="35">
        <v>2</v>
      </c>
      <c r="C26" s="13">
        <v>1</v>
      </c>
      <c r="D26" s="12">
        <v>3</v>
      </c>
    </row>
    <row r="27" spans="1:4" ht="18" customHeight="1" x14ac:dyDescent="0.2">
      <c r="A27" s="8">
        <v>18</v>
      </c>
      <c r="B27" s="35">
        <v>6</v>
      </c>
      <c r="C27" s="13">
        <v>2</v>
      </c>
      <c r="D27" s="12">
        <v>8</v>
      </c>
    </row>
    <row r="28" spans="1:4" ht="18" customHeight="1" x14ac:dyDescent="0.2">
      <c r="A28" s="8">
        <v>19</v>
      </c>
      <c r="B28" s="35">
        <v>2</v>
      </c>
      <c r="C28" s="13">
        <v>4</v>
      </c>
      <c r="D28" s="12">
        <v>6</v>
      </c>
    </row>
    <row r="29" spans="1:4" ht="18" customHeight="1" x14ac:dyDescent="0.2">
      <c r="A29" s="8" t="s">
        <v>21</v>
      </c>
      <c r="B29" s="35">
        <v>12</v>
      </c>
      <c r="C29" s="13">
        <v>11</v>
      </c>
      <c r="D29" s="12">
        <v>23</v>
      </c>
    </row>
    <row r="30" spans="1:4" ht="18" customHeight="1" x14ac:dyDescent="0.2">
      <c r="A30" s="8">
        <v>20</v>
      </c>
      <c r="B30" s="35">
        <v>2</v>
      </c>
      <c r="C30" s="13">
        <v>4</v>
      </c>
      <c r="D30" s="12">
        <v>6</v>
      </c>
    </row>
    <row r="31" spans="1:4" ht="18" customHeight="1" x14ac:dyDescent="0.2">
      <c r="A31" s="8">
        <v>21</v>
      </c>
      <c r="B31" s="35">
        <v>1</v>
      </c>
      <c r="C31" s="13">
        <v>4</v>
      </c>
      <c r="D31" s="12">
        <v>5</v>
      </c>
    </row>
    <row r="32" spans="1:4" ht="18" customHeight="1" x14ac:dyDescent="0.2">
      <c r="A32" s="8">
        <v>22</v>
      </c>
      <c r="B32" s="35">
        <v>5</v>
      </c>
      <c r="C32" s="13">
        <v>5</v>
      </c>
      <c r="D32" s="12">
        <v>10</v>
      </c>
    </row>
    <row r="33" spans="1:4" ht="18" customHeight="1" x14ac:dyDescent="0.2">
      <c r="A33" s="8">
        <v>23</v>
      </c>
      <c r="B33" s="35">
        <v>6</v>
      </c>
      <c r="C33" s="13">
        <v>1</v>
      </c>
      <c r="D33" s="12">
        <v>7</v>
      </c>
    </row>
    <row r="34" spans="1:4" ht="18" customHeight="1" x14ac:dyDescent="0.2">
      <c r="A34" s="8">
        <v>24</v>
      </c>
      <c r="B34" s="35">
        <v>7</v>
      </c>
      <c r="C34" s="13">
        <v>3</v>
      </c>
      <c r="D34" s="12">
        <v>10</v>
      </c>
    </row>
    <row r="35" spans="1:4" ht="18" customHeight="1" x14ac:dyDescent="0.2">
      <c r="A35" s="8" t="s">
        <v>20</v>
      </c>
      <c r="B35" s="35">
        <v>21</v>
      </c>
      <c r="C35" s="13">
        <v>17</v>
      </c>
      <c r="D35" s="12">
        <v>38</v>
      </c>
    </row>
    <row r="36" spans="1:4" ht="18" customHeight="1" x14ac:dyDescent="0.2">
      <c r="A36" s="8">
        <v>25</v>
      </c>
      <c r="B36" s="35">
        <v>2</v>
      </c>
      <c r="C36" s="13">
        <v>2</v>
      </c>
      <c r="D36" s="12">
        <v>4</v>
      </c>
    </row>
    <row r="37" spans="1:4" ht="18" customHeight="1" x14ac:dyDescent="0.2">
      <c r="A37" s="8">
        <v>26</v>
      </c>
      <c r="B37" s="35">
        <v>1</v>
      </c>
      <c r="C37" s="13">
        <v>6</v>
      </c>
      <c r="D37" s="12">
        <v>7</v>
      </c>
    </row>
    <row r="38" spans="1:4" ht="18" customHeight="1" x14ac:dyDescent="0.2">
      <c r="A38" s="8">
        <v>27</v>
      </c>
      <c r="B38" s="35">
        <v>2</v>
      </c>
      <c r="C38" s="13">
        <v>4</v>
      </c>
      <c r="D38" s="12">
        <v>6</v>
      </c>
    </row>
    <row r="39" spans="1:4" ht="18" customHeight="1" x14ac:dyDescent="0.2">
      <c r="A39" s="8">
        <v>28</v>
      </c>
      <c r="B39" s="35">
        <v>2</v>
      </c>
      <c r="C39" s="13">
        <v>3</v>
      </c>
      <c r="D39" s="12">
        <v>5</v>
      </c>
    </row>
    <row r="40" spans="1:4" ht="18" customHeight="1" x14ac:dyDescent="0.2">
      <c r="A40" s="8">
        <v>29</v>
      </c>
      <c r="B40" s="35">
        <v>3</v>
      </c>
      <c r="C40" s="13">
        <v>1</v>
      </c>
      <c r="D40" s="12">
        <v>4</v>
      </c>
    </row>
    <row r="41" spans="1:4" ht="18" customHeight="1" x14ac:dyDescent="0.2">
      <c r="A41" s="8" t="s">
        <v>19</v>
      </c>
      <c r="B41" s="35">
        <v>10</v>
      </c>
      <c r="C41" s="13">
        <v>16</v>
      </c>
      <c r="D41" s="12">
        <v>26</v>
      </c>
    </row>
    <row r="42" spans="1:4" ht="18" customHeight="1" x14ac:dyDescent="0.2">
      <c r="A42" s="8">
        <v>30</v>
      </c>
      <c r="B42" s="35">
        <v>1</v>
      </c>
      <c r="C42" s="13">
        <v>2</v>
      </c>
      <c r="D42" s="12">
        <v>3</v>
      </c>
    </row>
    <row r="43" spans="1:4" ht="18" customHeight="1" x14ac:dyDescent="0.2">
      <c r="A43" s="8">
        <v>31</v>
      </c>
      <c r="B43" s="35">
        <v>2</v>
      </c>
      <c r="C43" s="13">
        <v>1</v>
      </c>
      <c r="D43" s="12">
        <v>3</v>
      </c>
    </row>
    <row r="44" spans="1:4" ht="18" customHeight="1" x14ac:dyDescent="0.2">
      <c r="A44" s="8">
        <v>32</v>
      </c>
      <c r="B44" s="35">
        <v>1</v>
      </c>
      <c r="C44" s="13">
        <v>2</v>
      </c>
      <c r="D44" s="12">
        <v>3</v>
      </c>
    </row>
    <row r="45" spans="1:4" ht="18" customHeight="1" x14ac:dyDescent="0.2">
      <c r="A45" s="8">
        <v>33</v>
      </c>
      <c r="B45" s="35">
        <v>7</v>
      </c>
      <c r="C45" s="13">
        <v>2</v>
      </c>
      <c r="D45" s="12">
        <v>9</v>
      </c>
    </row>
    <row r="46" spans="1:4" ht="18" customHeight="1" x14ac:dyDescent="0.2">
      <c r="A46" s="8">
        <v>34</v>
      </c>
      <c r="B46" s="35">
        <v>3</v>
      </c>
      <c r="C46" s="13">
        <v>2</v>
      </c>
      <c r="D46" s="12">
        <v>5</v>
      </c>
    </row>
    <row r="47" spans="1:4" ht="18" customHeight="1" x14ac:dyDescent="0.2">
      <c r="A47" s="8" t="s">
        <v>18</v>
      </c>
      <c r="B47" s="35">
        <v>14</v>
      </c>
      <c r="C47" s="13">
        <v>9</v>
      </c>
      <c r="D47" s="12">
        <v>23</v>
      </c>
    </row>
    <row r="48" spans="1:4" ht="18" customHeight="1" x14ac:dyDescent="0.2">
      <c r="A48" s="8">
        <v>35</v>
      </c>
      <c r="B48" s="35">
        <v>5</v>
      </c>
      <c r="C48" s="13">
        <v>1</v>
      </c>
      <c r="D48" s="12">
        <v>6</v>
      </c>
    </row>
    <row r="49" spans="1:4" ht="18" customHeight="1" x14ac:dyDescent="0.2">
      <c r="A49" s="8">
        <v>36</v>
      </c>
      <c r="B49" s="35">
        <v>4</v>
      </c>
      <c r="C49" s="13">
        <v>3</v>
      </c>
      <c r="D49" s="12">
        <v>7</v>
      </c>
    </row>
    <row r="50" spans="1:4" ht="18" customHeight="1" x14ac:dyDescent="0.2">
      <c r="A50" s="8">
        <v>37</v>
      </c>
      <c r="B50" s="35">
        <v>4</v>
      </c>
      <c r="C50" s="13">
        <v>3</v>
      </c>
      <c r="D50" s="12">
        <v>7</v>
      </c>
    </row>
    <row r="51" spans="1:4" ht="18" customHeight="1" x14ac:dyDescent="0.2">
      <c r="A51" s="8">
        <v>38</v>
      </c>
      <c r="B51" s="35">
        <v>2</v>
      </c>
      <c r="C51" s="13">
        <v>4</v>
      </c>
      <c r="D51" s="12">
        <v>6</v>
      </c>
    </row>
    <row r="52" spans="1:4" ht="18" customHeight="1" x14ac:dyDescent="0.2">
      <c r="A52" s="8">
        <v>39</v>
      </c>
      <c r="B52" s="35">
        <v>1</v>
      </c>
      <c r="C52" s="13">
        <v>2</v>
      </c>
      <c r="D52" s="12">
        <v>3</v>
      </c>
    </row>
    <row r="53" spans="1:4" ht="18" customHeight="1" x14ac:dyDescent="0.2">
      <c r="A53" s="8" t="s">
        <v>17</v>
      </c>
      <c r="B53" s="35">
        <v>16</v>
      </c>
      <c r="C53" s="13">
        <v>13</v>
      </c>
      <c r="D53" s="12">
        <v>29</v>
      </c>
    </row>
    <row r="54" spans="1:4" ht="18" customHeight="1" x14ac:dyDescent="0.2">
      <c r="A54" s="8">
        <v>40</v>
      </c>
      <c r="B54" s="35">
        <v>3</v>
      </c>
      <c r="C54" s="13">
        <v>6</v>
      </c>
      <c r="D54" s="12">
        <v>9</v>
      </c>
    </row>
    <row r="55" spans="1:4" ht="18" customHeight="1" x14ac:dyDescent="0.2">
      <c r="A55" s="8">
        <v>41</v>
      </c>
      <c r="B55" s="35">
        <v>5</v>
      </c>
      <c r="C55" s="13">
        <v>3</v>
      </c>
      <c r="D55" s="12">
        <v>8</v>
      </c>
    </row>
    <row r="56" spans="1:4" ht="18" customHeight="1" x14ac:dyDescent="0.2">
      <c r="A56" s="8">
        <v>42</v>
      </c>
      <c r="B56" s="35">
        <v>0</v>
      </c>
      <c r="C56" s="13">
        <v>2</v>
      </c>
      <c r="D56" s="12">
        <v>2</v>
      </c>
    </row>
    <row r="57" spans="1:4" ht="18" customHeight="1" x14ac:dyDescent="0.2">
      <c r="A57" s="8">
        <v>43</v>
      </c>
      <c r="B57" s="35">
        <v>2</v>
      </c>
      <c r="C57" s="13">
        <v>7</v>
      </c>
      <c r="D57" s="12">
        <v>9</v>
      </c>
    </row>
    <row r="58" spans="1:4" ht="18" customHeight="1" x14ac:dyDescent="0.2">
      <c r="A58" s="8">
        <v>44</v>
      </c>
      <c r="B58" s="35">
        <v>4</v>
      </c>
      <c r="C58" s="13">
        <v>3</v>
      </c>
      <c r="D58" s="12">
        <v>7</v>
      </c>
    </row>
    <row r="59" spans="1:4" ht="18" customHeight="1" x14ac:dyDescent="0.2">
      <c r="A59" s="8" t="s">
        <v>16</v>
      </c>
      <c r="B59" s="35">
        <v>14</v>
      </c>
      <c r="C59" s="13">
        <v>21</v>
      </c>
      <c r="D59" s="12">
        <v>35</v>
      </c>
    </row>
    <row r="60" spans="1:4" ht="18" customHeight="1" x14ac:dyDescent="0.2">
      <c r="A60" s="8">
        <v>45</v>
      </c>
      <c r="B60" s="35">
        <v>9</v>
      </c>
      <c r="C60" s="13">
        <v>1</v>
      </c>
      <c r="D60" s="12">
        <v>10</v>
      </c>
    </row>
    <row r="61" spans="1:4" ht="18" customHeight="1" x14ac:dyDescent="0.2">
      <c r="A61" s="8">
        <v>46</v>
      </c>
      <c r="B61" s="35">
        <v>3</v>
      </c>
      <c r="C61" s="13">
        <v>2</v>
      </c>
      <c r="D61" s="12">
        <v>5</v>
      </c>
    </row>
    <row r="62" spans="1:4" ht="18" customHeight="1" x14ac:dyDescent="0.2">
      <c r="A62" s="8">
        <v>47</v>
      </c>
      <c r="B62" s="35">
        <v>8</v>
      </c>
      <c r="C62" s="13">
        <v>10</v>
      </c>
      <c r="D62" s="12">
        <v>18</v>
      </c>
    </row>
    <row r="63" spans="1:4" ht="18" customHeight="1" x14ac:dyDescent="0.2">
      <c r="A63" s="8">
        <v>48</v>
      </c>
      <c r="B63" s="35">
        <v>5</v>
      </c>
      <c r="C63" s="13">
        <v>4</v>
      </c>
      <c r="D63" s="12">
        <v>9</v>
      </c>
    </row>
    <row r="64" spans="1:4" ht="18" customHeight="1" x14ac:dyDescent="0.2">
      <c r="A64" s="8">
        <v>49</v>
      </c>
      <c r="B64" s="35">
        <v>5</v>
      </c>
      <c r="C64" s="13">
        <v>5</v>
      </c>
      <c r="D64" s="12">
        <v>10</v>
      </c>
    </row>
    <row r="65" spans="1:4" ht="18" customHeight="1" x14ac:dyDescent="0.2">
      <c r="A65" s="8" t="s">
        <v>15</v>
      </c>
      <c r="B65" s="35">
        <v>30</v>
      </c>
      <c r="C65" s="13">
        <v>22</v>
      </c>
      <c r="D65" s="12">
        <v>52</v>
      </c>
    </row>
    <row r="66" spans="1:4" ht="18" customHeight="1" x14ac:dyDescent="0.2">
      <c r="A66" s="8">
        <v>50</v>
      </c>
      <c r="B66" s="35">
        <v>1</v>
      </c>
      <c r="C66" s="13">
        <v>7</v>
      </c>
      <c r="D66" s="12">
        <v>8</v>
      </c>
    </row>
    <row r="67" spans="1:4" ht="18" customHeight="1" x14ac:dyDescent="0.2">
      <c r="A67" s="8">
        <v>51</v>
      </c>
      <c r="B67" s="35">
        <v>5</v>
      </c>
      <c r="C67" s="13">
        <v>4</v>
      </c>
      <c r="D67" s="12">
        <v>9</v>
      </c>
    </row>
    <row r="68" spans="1:4" ht="18" customHeight="1" x14ac:dyDescent="0.2">
      <c r="A68" s="8">
        <v>52</v>
      </c>
      <c r="B68" s="35">
        <v>1</v>
      </c>
      <c r="C68" s="13">
        <v>4</v>
      </c>
      <c r="D68" s="12">
        <v>5</v>
      </c>
    </row>
    <row r="69" spans="1:4" ht="18" customHeight="1" x14ac:dyDescent="0.2">
      <c r="A69" s="8">
        <v>53</v>
      </c>
      <c r="B69" s="35">
        <v>6</v>
      </c>
      <c r="C69" s="13">
        <v>4</v>
      </c>
      <c r="D69" s="12">
        <v>10</v>
      </c>
    </row>
    <row r="70" spans="1:4" ht="18" customHeight="1" x14ac:dyDescent="0.2">
      <c r="A70" s="8">
        <v>54</v>
      </c>
      <c r="B70" s="35">
        <v>9</v>
      </c>
      <c r="C70" s="13">
        <v>4</v>
      </c>
      <c r="D70" s="12">
        <v>13</v>
      </c>
    </row>
    <row r="71" spans="1:4" ht="18" customHeight="1" x14ac:dyDescent="0.2">
      <c r="A71" s="8" t="s">
        <v>14</v>
      </c>
      <c r="B71" s="35">
        <v>22</v>
      </c>
      <c r="C71" s="13">
        <v>23</v>
      </c>
      <c r="D71" s="12">
        <v>45</v>
      </c>
    </row>
    <row r="72" spans="1:4" ht="18" customHeight="1" x14ac:dyDescent="0.2">
      <c r="A72" s="8">
        <v>55</v>
      </c>
      <c r="B72" s="35">
        <v>5</v>
      </c>
      <c r="C72" s="13">
        <v>13</v>
      </c>
      <c r="D72" s="12">
        <v>18</v>
      </c>
    </row>
    <row r="73" spans="1:4" ht="18" customHeight="1" x14ac:dyDescent="0.2">
      <c r="A73" s="8">
        <v>56</v>
      </c>
      <c r="B73" s="35">
        <v>6</v>
      </c>
      <c r="C73" s="13">
        <v>5</v>
      </c>
      <c r="D73" s="12">
        <v>11</v>
      </c>
    </row>
    <row r="74" spans="1:4" ht="18" customHeight="1" x14ac:dyDescent="0.2">
      <c r="A74" s="8">
        <v>57</v>
      </c>
      <c r="B74" s="35">
        <v>1</v>
      </c>
      <c r="C74" s="13">
        <v>8</v>
      </c>
      <c r="D74" s="12">
        <v>9</v>
      </c>
    </row>
    <row r="75" spans="1:4" ht="18" customHeight="1" x14ac:dyDescent="0.2">
      <c r="A75" s="8">
        <v>58</v>
      </c>
      <c r="B75" s="35">
        <v>9</v>
      </c>
      <c r="C75" s="13">
        <v>2</v>
      </c>
      <c r="D75" s="12">
        <v>11</v>
      </c>
    </row>
    <row r="76" spans="1:4" ht="18" customHeight="1" x14ac:dyDescent="0.2">
      <c r="A76" s="8">
        <v>59</v>
      </c>
      <c r="B76" s="35">
        <v>5</v>
      </c>
      <c r="C76" s="13">
        <v>8</v>
      </c>
      <c r="D76" s="12">
        <v>13</v>
      </c>
    </row>
    <row r="77" spans="1:4" ht="18" customHeight="1" x14ac:dyDescent="0.2">
      <c r="A77" s="8" t="s">
        <v>13</v>
      </c>
      <c r="B77" s="35">
        <v>26</v>
      </c>
      <c r="C77" s="13">
        <v>36</v>
      </c>
      <c r="D77" s="12">
        <v>62</v>
      </c>
    </row>
    <row r="78" spans="1:4" ht="18" customHeight="1" x14ac:dyDescent="0.2">
      <c r="A78" s="8">
        <v>60</v>
      </c>
      <c r="B78" s="35">
        <v>8</v>
      </c>
      <c r="C78" s="13">
        <v>6</v>
      </c>
      <c r="D78" s="12">
        <v>14</v>
      </c>
    </row>
    <row r="79" spans="1:4" ht="18" customHeight="1" x14ac:dyDescent="0.2">
      <c r="A79" s="8">
        <v>61</v>
      </c>
      <c r="B79" s="35">
        <v>6</v>
      </c>
      <c r="C79" s="13">
        <v>8</v>
      </c>
      <c r="D79" s="12">
        <v>14</v>
      </c>
    </row>
    <row r="80" spans="1:4" ht="18" customHeight="1" x14ac:dyDescent="0.2">
      <c r="A80" s="8">
        <v>62</v>
      </c>
      <c r="B80" s="35">
        <v>9</v>
      </c>
      <c r="C80" s="13">
        <v>9</v>
      </c>
      <c r="D80" s="12">
        <v>18</v>
      </c>
    </row>
    <row r="81" spans="1:4" ht="18" customHeight="1" x14ac:dyDescent="0.2">
      <c r="A81" s="8">
        <v>63</v>
      </c>
      <c r="B81" s="35">
        <v>11</v>
      </c>
      <c r="C81" s="13">
        <v>7</v>
      </c>
      <c r="D81" s="12">
        <v>18</v>
      </c>
    </row>
    <row r="82" spans="1:4" ht="18" customHeight="1" x14ac:dyDescent="0.2">
      <c r="A82" s="8">
        <v>64</v>
      </c>
      <c r="B82" s="35">
        <v>9</v>
      </c>
      <c r="C82" s="13">
        <v>7</v>
      </c>
      <c r="D82" s="12">
        <v>16</v>
      </c>
    </row>
    <row r="83" spans="1:4" ht="18" customHeight="1" x14ac:dyDescent="0.2">
      <c r="A83" s="8" t="s">
        <v>12</v>
      </c>
      <c r="B83" s="35">
        <v>43</v>
      </c>
      <c r="C83" s="13">
        <v>37</v>
      </c>
      <c r="D83" s="12">
        <v>80</v>
      </c>
    </row>
    <row r="84" spans="1:4" ht="18" customHeight="1" x14ac:dyDescent="0.2">
      <c r="A84" s="8" t="s">
        <v>11</v>
      </c>
      <c r="B84" s="35">
        <v>208</v>
      </c>
      <c r="C84" s="13">
        <v>205</v>
      </c>
      <c r="D84" s="12">
        <v>413</v>
      </c>
    </row>
    <row r="85" spans="1:4" ht="18" customHeight="1" x14ac:dyDescent="0.2">
      <c r="A85" s="8">
        <v>65</v>
      </c>
      <c r="B85" s="35">
        <v>4</v>
      </c>
      <c r="C85" s="13">
        <v>2</v>
      </c>
      <c r="D85" s="12">
        <v>6</v>
      </c>
    </row>
    <row r="86" spans="1:4" ht="18" customHeight="1" x14ac:dyDescent="0.2">
      <c r="A86" s="8">
        <v>66</v>
      </c>
      <c r="B86" s="35">
        <v>6</v>
      </c>
      <c r="C86" s="13">
        <v>6</v>
      </c>
      <c r="D86" s="12">
        <v>12</v>
      </c>
    </row>
    <row r="87" spans="1:4" ht="18" customHeight="1" x14ac:dyDescent="0.2">
      <c r="A87" s="8">
        <v>67</v>
      </c>
      <c r="B87" s="35">
        <v>7</v>
      </c>
      <c r="C87" s="13">
        <v>3</v>
      </c>
      <c r="D87" s="12">
        <v>10</v>
      </c>
    </row>
    <row r="88" spans="1:4" ht="18" customHeight="1" x14ac:dyDescent="0.2">
      <c r="A88" s="8">
        <v>68</v>
      </c>
      <c r="B88" s="35">
        <v>5</v>
      </c>
      <c r="C88" s="13">
        <v>5</v>
      </c>
      <c r="D88" s="12">
        <v>10</v>
      </c>
    </row>
    <row r="89" spans="1:4" ht="18" customHeight="1" x14ac:dyDescent="0.2">
      <c r="A89" s="8">
        <v>69</v>
      </c>
      <c r="B89" s="35">
        <v>8</v>
      </c>
      <c r="C89" s="13">
        <v>5</v>
      </c>
      <c r="D89" s="12">
        <v>13</v>
      </c>
    </row>
    <row r="90" spans="1:4" ht="18" customHeight="1" x14ac:dyDescent="0.2">
      <c r="A90" s="8" t="s">
        <v>10</v>
      </c>
      <c r="B90" s="35">
        <v>30</v>
      </c>
      <c r="C90" s="13">
        <v>21</v>
      </c>
      <c r="D90" s="12">
        <v>51</v>
      </c>
    </row>
    <row r="91" spans="1:4" ht="18" customHeight="1" x14ac:dyDescent="0.2">
      <c r="A91" s="8">
        <v>70</v>
      </c>
      <c r="B91" s="35">
        <v>7</v>
      </c>
      <c r="C91" s="13">
        <v>9</v>
      </c>
      <c r="D91" s="12">
        <v>16</v>
      </c>
    </row>
    <row r="92" spans="1:4" ht="18" customHeight="1" x14ac:dyDescent="0.2">
      <c r="A92" s="8">
        <v>71</v>
      </c>
      <c r="B92" s="35">
        <v>3</v>
      </c>
      <c r="C92" s="13">
        <v>5</v>
      </c>
      <c r="D92" s="12">
        <v>8</v>
      </c>
    </row>
    <row r="93" spans="1:4" ht="18" customHeight="1" x14ac:dyDescent="0.2">
      <c r="A93" s="8">
        <v>72</v>
      </c>
      <c r="B93" s="35">
        <v>8</v>
      </c>
      <c r="C93" s="13">
        <v>6</v>
      </c>
      <c r="D93" s="12">
        <v>14</v>
      </c>
    </row>
    <row r="94" spans="1:4" ht="18" customHeight="1" x14ac:dyDescent="0.2">
      <c r="A94" s="8">
        <v>73</v>
      </c>
      <c r="B94" s="35">
        <v>10</v>
      </c>
      <c r="C94" s="13">
        <v>15</v>
      </c>
      <c r="D94" s="12">
        <v>25</v>
      </c>
    </row>
    <row r="95" spans="1:4" ht="18" customHeight="1" x14ac:dyDescent="0.2">
      <c r="A95" s="8">
        <v>74</v>
      </c>
      <c r="B95" s="35">
        <v>8</v>
      </c>
      <c r="C95" s="13">
        <v>4</v>
      </c>
      <c r="D95" s="12">
        <v>12</v>
      </c>
    </row>
    <row r="96" spans="1:4" ht="18" customHeight="1" x14ac:dyDescent="0.2">
      <c r="A96" s="8" t="s">
        <v>9</v>
      </c>
      <c r="B96" s="35">
        <v>36</v>
      </c>
      <c r="C96" s="13">
        <v>39</v>
      </c>
      <c r="D96" s="12">
        <v>75</v>
      </c>
    </row>
    <row r="97" spans="1:4" ht="18" customHeight="1" x14ac:dyDescent="0.2">
      <c r="A97" s="8">
        <v>75</v>
      </c>
      <c r="B97" s="35">
        <v>6</v>
      </c>
      <c r="C97" s="13">
        <v>14</v>
      </c>
      <c r="D97" s="12">
        <v>20</v>
      </c>
    </row>
    <row r="98" spans="1:4" ht="18" customHeight="1" x14ac:dyDescent="0.2">
      <c r="A98" s="8">
        <v>76</v>
      </c>
      <c r="B98" s="35">
        <v>9</v>
      </c>
      <c r="C98" s="13">
        <v>9</v>
      </c>
      <c r="D98" s="12">
        <v>18</v>
      </c>
    </row>
    <row r="99" spans="1:4" ht="18" customHeight="1" x14ac:dyDescent="0.2">
      <c r="A99" s="8">
        <v>77</v>
      </c>
      <c r="B99" s="35">
        <v>4</v>
      </c>
      <c r="C99" s="13">
        <v>4</v>
      </c>
      <c r="D99" s="12">
        <v>8</v>
      </c>
    </row>
    <row r="100" spans="1:4" ht="18" customHeight="1" x14ac:dyDescent="0.2">
      <c r="A100" s="8">
        <v>78</v>
      </c>
      <c r="B100" s="35">
        <v>2</v>
      </c>
      <c r="C100" s="13">
        <v>6</v>
      </c>
      <c r="D100" s="12">
        <v>8</v>
      </c>
    </row>
    <row r="101" spans="1:4" ht="18" customHeight="1" x14ac:dyDescent="0.2">
      <c r="A101" s="8">
        <v>79</v>
      </c>
      <c r="B101" s="35">
        <v>5</v>
      </c>
      <c r="C101" s="13">
        <v>9</v>
      </c>
      <c r="D101" s="12">
        <v>14</v>
      </c>
    </row>
    <row r="102" spans="1:4" ht="18" customHeight="1" x14ac:dyDescent="0.2">
      <c r="A102" s="8" t="s">
        <v>8</v>
      </c>
      <c r="B102" s="35">
        <v>26</v>
      </c>
      <c r="C102" s="13">
        <v>42</v>
      </c>
      <c r="D102" s="12">
        <v>68</v>
      </c>
    </row>
    <row r="103" spans="1:4" ht="18" customHeight="1" x14ac:dyDescent="0.2">
      <c r="A103" s="8">
        <v>80</v>
      </c>
      <c r="B103" s="35">
        <v>5</v>
      </c>
      <c r="C103" s="13">
        <v>8</v>
      </c>
      <c r="D103" s="12">
        <v>13</v>
      </c>
    </row>
    <row r="104" spans="1:4" ht="18" customHeight="1" x14ac:dyDescent="0.2">
      <c r="A104" s="8">
        <v>81</v>
      </c>
      <c r="B104" s="35">
        <v>10</v>
      </c>
      <c r="C104" s="13">
        <v>5</v>
      </c>
      <c r="D104" s="12">
        <v>15</v>
      </c>
    </row>
    <row r="105" spans="1:4" ht="18" customHeight="1" x14ac:dyDescent="0.2">
      <c r="A105" s="8">
        <v>82</v>
      </c>
      <c r="B105" s="35">
        <v>6</v>
      </c>
      <c r="C105" s="13">
        <v>9</v>
      </c>
      <c r="D105" s="12">
        <v>15</v>
      </c>
    </row>
    <row r="106" spans="1:4" ht="18" customHeight="1" x14ac:dyDescent="0.2">
      <c r="A106" s="8">
        <v>83</v>
      </c>
      <c r="B106" s="35">
        <v>2</v>
      </c>
      <c r="C106" s="13">
        <v>2</v>
      </c>
      <c r="D106" s="12">
        <v>4</v>
      </c>
    </row>
    <row r="107" spans="1:4" ht="18" customHeight="1" x14ac:dyDescent="0.2">
      <c r="A107" s="8">
        <v>84</v>
      </c>
      <c r="B107" s="35">
        <v>3</v>
      </c>
      <c r="C107" s="13">
        <v>10</v>
      </c>
      <c r="D107" s="12">
        <v>13</v>
      </c>
    </row>
    <row r="108" spans="1:4" ht="18" customHeight="1" x14ac:dyDescent="0.2">
      <c r="A108" s="8" t="s">
        <v>7</v>
      </c>
      <c r="B108" s="35">
        <v>26</v>
      </c>
      <c r="C108" s="13">
        <v>34</v>
      </c>
      <c r="D108" s="12">
        <v>60</v>
      </c>
    </row>
    <row r="109" spans="1:4" ht="18" customHeight="1" x14ac:dyDescent="0.2">
      <c r="A109" s="8">
        <v>85</v>
      </c>
      <c r="B109" s="35">
        <v>5</v>
      </c>
      <c r="C109" s="13">
        <v>12</v>
      </c>
      <c r="D109" s="12">
        <v>17</v>
      </c>
    </row>
    <row r="110" spans="1:4" ht="18" customHeight="1" x14ac:dyDescent="0.2">
      <c r="A110" s="8">
        <v>86</v>
      </c>
      <c r="B110" s="35">
        <v>3</v>
      </c>
      <c r="C110" s="13">
        <v>6</v>
      </c>
      <c r="D110" s="12">
        <v>9</v>
      </c>
    </row>
    <row r="111" spans="1:4" ht="18" customHeight="1" x14ac:dyDescent="0.2">
      <c r="A111" s="8">
        <v>87</v>
      </c>
      <c r="B111" s="35">
        <v>3</v>
      </c>
      <c r="C111" s="13">
        <v>9</v>
      </c>
      <c r="D111" s="12">
        <v>12</v>
      </c>
    </row>
    <row r="112" spans="1:4" ht="18" customHeight="1" x14ac:dyDescent="0.2">
      <c r="A112" s="8">
        <v>88</v>
      </c>
      <c r="B112" s="35">
        <v>5</v>
      </c>
      <c r="C112" s="13">
        <v>3</v>
      </c>
      <c r="D112" s="12">
        <v>8</v>
      </c>
    </row>
    <row r="113" spans="1:4" ht="18" customHeight="1" x14ac:dyDescent="0.2">
      <c r="A113" s="8">
        <v>89</v>
      </c>
      <c r="B113" s="35">
        <v>1</v>
      </c>
      <c r="C113" s="13">
        <v>1</v>
      </c>
      <c r="D113" s="12">
        <v>2</v>
      </c>
    </row>
    <row r="114" spans="1:4" ht="18" customHeight="1" x14ac:dyDescent="0.2">
      <c r="A114" s="8" t="s">
        <v>6</v>
      </c>
      <c r="B114" s="35">
        <v>17</v>
      </c>
      <c r="C114" s="13">
        <v>31</v>
      </c>
      <c r="D114" s="12">
        <v>48</v>
      </c>
    </row>
    <row r="115" spans="1:4" ht="18" customHeight="1" x14ac:dyDescent="0.2">
      <c r="A115" s="8">
        <v>90</v>
      </c>
      <c r="B115" s="35">
        <v>1</v>
      </c>
      <c r="C115" s="13">
        <v>3</v>
      </c>
      <c r="D115" s="12">
        <v>4</v>
      </c>
    </row>
    <row r="116" spans="1:4" ht="18" customHeight="1" x14ac:dyDescent="0.2">
      <c r="A116" s="8">
        <v>91</v>
      </c>
      <c r="B116" s="35">
        <v>0</v>
      </c>
      <c r="C116" s="13">
        <v>3</v>
      </c>
      <c r="D116" s="12">
        <v>3</v>
      </c>
    </row>
    <row r="117" spans="1:4" ht="18" customHeight="1" x14ac:dyDescent="0.2">
      <c r="A117" s="8">
        <v>92</v>
      </c>
      <c r="B117" s="35">
        <v>0</v>
      </c>
      <c r="C117" s="13">
        <v>2</v>
      </c>
      <c r="D117" s="12">
        <v>2</v>
      </c>
    </row>
    <row r="118" spans="1:4" ht="18" customHeight="1" x14ac:dyDescent="0.2">
      <c r="A118" s="8">
        <v>93</v>
      </c>
      <c r="B118" s="35">
        <v>1</v>
      </c>
      <c r="C118" s="13">
        <v>3</v>
      </c>
      <c r="D118" s="12">
        <v>4</v>
      </c>
    </row>
    <row r="119" spans="1:4" ht="18" customHeight="1" x14ac:dyDescent="0.2">
      <c r="A119" s="8">
        <v>94</v>
      </c>
      <c r="B119" s="35">
        <v>0</v>
      </c>
      <c r="C119" s="13">
        <v>2</v>
      </c>
      <c r="D119" s="12">
        <v>2</v>
      </c>
    </row>
    <row r="120" spans="1:4" ht="18" customHeight="1" x14ac:dyDescent="0.2">
      <c r="A120" s="8" t="s">
        <v>5</v>
      </c>
      <c r="B120" s="35">
        <v>2</v>
      </c>
      <c r="C120" s="13">
        <v>13</v>
      </c>
      <c r="D120" s="12">
        <v>15</v>
      </c>
    </row>
    <row r="121" spans="1:4" ht="18" customHeight="1" x14ac:dyDescent="0.2">
      <c r="A121" s="8">
        <v>95</v>
      </c>
      <c r="B121" s="35">
        <v>1</v>
      </c>
      <c r="C121" s="13">
        <v>1</v>
      </c>
      <c r="D121" s="12">
        <v>2</v>
      </c>
    </row>
    <row r="122" spans="1:4" ht="18" customHeight="1" x14ac:dyDescent="0.2">
      <c r="A122" s="8">
        <v>96</v>
      </c>
      <c r="B122" s="35">
        <v>1</v>
      </c>
      <c r="C122" s="13">
        <v>0</v>
      </c>
      <c r="D122" s="12">
        <v>1</v>
      </c>
    </row>
    <row r="123" spans="1:4" ht="18" customHeight="1" x14ac:dyDescent="0.2">
      <c r="A123" s="8">
        <v>97</v>
      </c>
      <c r="B123" s="35">
        <v>0</v>
      </c>
      <c r="C123" s="13">
        <v>0</v>
      </c>
      <c r="D123" s="12">
        <v>0</v>
      </c>
    </row>
    <row r="124" spans="1:4" ht="18" customHeight="1" x14ac:dyDescent="0.2">
      <c r="A124" s="8">
        <v>98</v>
      </c>
      <c r="B124" s="35">
        <v>0</v>
      </c>
      <c r="C124" s="13">
        <v>1</v>
      </c>
      <c r="D124" s="12">
        <v>1</v>
      </c>
    </row>
    <row r="125" spans="1:4" ht="18" customHeight="1" x14ac:dyDescent="0.2">
      <c r="A125" s="8">
        <v>99</v>
      </c>
      <c r="B125" s="35">
        <v>0</v>
      </c>
      <c r="C125" s="13">
        <v>0</v>
      </c>
      <c r="D125" s="12">
        <v>0</v>
      </c>
    </row>
    <row r="126" spans="1:4" ht="18" customHeight="1" x14ac:dyDescent="0.2">
      <c r="A126" s="8" t="s">
        <v>4</v>
      </c>
      <c r="B126" s="35">
        <v>2</v>
      </c>
      <c r="C126" s="13">
        <v>2</v>
      </c>
      <c r="D126" s="12">
        <v>4</v>
      </c>
    </row>
    <row r="127" spans="1:4" ht="18" customHeight="1" x14ac:dyDescent="0.2">
      <c r="A127" s="8">
        <v>100</v>
      </c>
      <c r="B127" s="35">
        <v>0</v>
      </c>
      <c r="C127" s="13">
        <v>1</v>
      </c>
      <c r="D127" s="12">
        <v>1</v>
      </c>
    </row>
    <row r="128" spans="1:4" ht="18" customHeight="1" x14ac:dyDescent="0.2">
      <c r="A128" s="15" t="s">
        <v>3</v>
      </c>
      <c r="B128" s="35">
        <v>0</v>
      </c>
      <c r="C128" s="13">
        <v>2</v>
      </c>
      <c r="D128" s="12">
        <v>2</v>
      </c>
    </row>
    <row r="129" spans="1:4" ht="18" customHeight="1" x14ac:dyDescent="0.2">
      <c r="A129" s="8" t="s">
        <v>2</v>
      </c>
      <c r="B129" s="35">
        <v>0</v>
      </c>
      <c r="C129" s="13">
        <v>3</v>
      </c>
      <c r="D129" s="12">
        <v>3</v>
      </c>
    </row>
    <row r="130" spans="1:4" ht="18" customHeight="1" x14ac:dyDescent="0.2">
      <c r="A130" s="8" t="s">
        <v>1</v>
      </c>
      <c r="B130" s="28">
        <v>139</v>
      </c>
      <c r="C130" s="6">
        <v>185</v>
      </c>
      <c r="D130" s="5">
        <v>324</v>
      </c>
    </row>
    <row r="131" spans="1:4" ht="18" customHeight="1" x14ac:dyDescent="0.2">
      <c r="A131" s="4" t="s">
        <v>0</v>
      </c>
      <c r="B131" s="27">
        <v>380</v>
      </c>
      <c r="C131" s="2">
        <v>423</v>
      </c>
      <c r="D131" s="1">
        <v>803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CA4E44E-B92F-4D34-83F1-0CCDD0471C0C}">
  <sheetPr codeName="Sheet7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92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8</v>
      </c>
      <c r="C5" s="45">
        <v>11</v>
      </c>
      <c r="D5" s="44">
        <v>19</v>
      </c>
    </row>
    <row r="6" spans="1:4" ht="18" customHeight="1" x14ac:dyDescent="0.2">
      <c r="A6" s="8">
        <v>1</v>
      </c>
      <c r="B6" s="40">
        <v>10</v>
      </c>
      <c r="C6" s="13">
        <v>15</v>
      </c>
      <c r="D6" s="12">
        <v>25</v>
      </c>
    </row>
    <row r="7" spans="1:4" ht="18" customHeight="1" x14ac:dyDescent="0.2">
      <c r="A7" s="8">
        <v>2</v>
      </c>
      <c r="B7" s="40">
        <v>14</v>
      </c>
      <c r="C7" s="13">
        <v>16</v>
      </c>
      <c r="D7" s="12">
        <v>30</v>
      </c>
    </row>
    <row r="8" spans="1:4" ht="18" customHeight="1" x14ac:dyDescent="0.2">
      <c r="A8" s="8">
        <v>3</v>
      </c>
      <c r="B8" s="40">
        <v>12</v>
      </c>
      <c r="C8" s="13">
        <v>17</v>
      </c>
      <c r="D8" s="12">
        <v>29</v>
      </c>
    </row>
    <row r="9" spans="1:4" ht="18" customHeight="1" x14ac:dyDescent="0.2">
      <c r="A9" s="8">
        <v>4</v>
      </c>
      <c r="B9" s="43">
        <v>20</v>
      </c>
      <c r="C9" s="42">
        <v>19</v>
      </c>
      <c r="D9" s="41">
        <v>39</v>
      </c>
    </row>
    <row r="10" spans="1:4" ht="18" customHeight="1" x14ac:dyDescent="0.2">
      <c r="A10" s="8" t="s">
        <v>25</v>
      </c>
      <c r="B10" s="35">
        <v>64</v>
      </c>
      <c r="C10" s="13">
        <v>78</v>
      </c>
      <c r="D10" s="12">
        <v>142</v>
      </c>
    </row>
    <row r="11" spans="1:4" ht="18" customHeight="1" x14ac:dyDescent="0.2">
      <c r="A11" s="8">
        <v>5</v>
      </c>
      <c r="B11" s="40">
        <v>26</v>
      </c>
      <c r="C11" s="13">
        <v>26</v>
      </c>
      <c r="D11" s="12">
        <v>52</v>
      </c>
    </row>
    <row r="12" spans="1:4" ht="18" customHeight="1" x14ac:dyDescent="0.2">
      <c r="A12" s="8">
        <v>6</v>
      </c>
      <c r="B12" s="40">
        <v>32</v>
      </c>
      <c r="C12" s="13">
        <v>22</v>
      </c>
      <c r="D12" s="12">
        <v>54</v>
      </c>
    </row>
    <row r="13" spans="1:4" ht="18" customHeight="1" x14ac:dyDescent="0.2">
      <c r="A13" s="8">
        <v>7</v>
      </c>
      <c r="B13" s="40">
        <v>31</v>
      </c>
      <c r="C13" s="13">
        <v>28</v>
      </c>
      <c r="D13" s="12">
        <v>59</v>
      </c>
    </row>
    <row r="14" spans="1:4" ht="18" customHeight="1" x14ac:dyDescent="0.2">
      <c r="A14" s="8">
        <v>8</v>
      </c>
      <c r="B14" s="40">
        <v>27</v>
      </c>
      <c r="C14" s="13">
        <v>26</v>
      </c>
      <c r="D14" s="12">
        <v>53</v>
      </c>
    </row>
    <row r="15" spans="1:4" ht="18" customHeight="1" x14ac:dyDescent="0.2">
      <c r="A15" s="8">
        <v>9</v>
      </c>
      <c r="B15" s="40">
        <v>23</v>
      </c>
      <c r="C15" s="13">
        <v>26</v>
      </c>
      <c r="D15" s="12">
        <v>49</v>
      </c>
    </row>
    <row r="16" spans="1:4" ht="18" customHeight="1" x14ac:dyDescent="0.2">
      <c r="A16" s="8" t="s">
        <v>24</v>
      </c>
      <c r="B16" s="35">
        <v>139</v>
      </c>
      <c r="C16" s="13">
        <v>128</v>
      </c>
      <c r="D16" s="12">
        <v>267</v>
      </c>
    </row>
    <row r="17" spans="1:4" ht="18" customHeight="1" x14ac:dyDescent="0.2">
      <c r="A17" s="8">
        <v>10</v>
      </c>
      <c r="B17" s="35">
        <v>33</v>
      </c>
      <c r="C17" s="13">
        <v>30</v>
      </c>
      <c r="D17" s="12">
        <v>63</v>
      </c>
    </row>
    <row r="18" spans="1:4" ht="18" customHeight="1" x14ac:dyDescent="0.2">
      <c r="A18" s="8">
        <v>11</v>
      </c>
      <c r="B18" s="35">
        <v>34</v>
      </c>
      <c r="C18" s="13">
        <v>29</v>
      </c>
      <c r="D18" s="12">
        <v>63</v>
      </c>
    </row>
    <row r="19" spans="1:4" ht="18" customHeight="1" x14ac:dyDescent="0.2">
      <c r="A19" s="8">
        <v>12</v>
      </c>
      <c r="B19" s="35">
        <v>34</v>
      </c>
      <c r="C19" s="13">
        <v>22</v>
      </c>
      <c r="D19" s="12">
        <v>56</v>
      </c>
    </row>
    <row r="20" spans="1:4" ht="18" customHeight="1" x14ac:dyDescent="0.2">
      <c r="A20" s="8">
        <v>13</v>
      </c>
      <c r="B20" s="35">
        <v>40</v>
      </c>
      <c r="C20" s="13">
        <v>24</v>
      </c>
      <c r="D20" s="12">
        <v>64</v>
      </c>
    </row>
    <row r="21" spans="1:4" ht="18" customHeight="1" x14ac:dyDescent="0.2">
      <c r="A21" s="8">
        <v>14</v>
      </c>
      <c r="B21" s="35">
        <v>43</v>
      </c>
      <c r="C21" s="13">
        <v>34</v>
      </c>
      <c r="D21" s="12">
        <v>77</v>
      </c>
    </row>
    <row r="22" spans="1:4" ht="18" customHeight="1" x14ac:dyDescent="0.2">
      <c r="A22" s="8" t="s">
        <v>23</v>
      </c>
      <c r="B22" s="35">
        <v>184</v>
      </c>
      <c r="C22" s="13">
        <v>139</v>
      </c>
      <c r="D22" s="12">
        <v>323</v>
      </c>
    </row>
    <row r="23" spans="1:4" ht="18" customHeight="1" x14ac:dyDescent="0.2">
      <c r="A23" s="8" t="s">
        <v>22</v>
      </c>
      <c r="B23" s="35">
        <v>387</v>
      </c>
      <c r="C23" s="13">
        <v>345</v>
      </c>
      <c r="D23" s="12">
        <v>732</v>
      </c>
    </row>
    <row r="24" spans="1:4" ht="18" customHeight="1" x14ac:dyDescent="0.2">
      <c r="A24" s="8">
        <v>15</v>
      </c>
      <c r="B24" s="35">
        <v>36</v>
      </c>
      <c r="C24" s="13">
        <v>43</v>
      </c>
      <c r="D24" s="12">
        <v>79</v>
      </c>
    </row>
    <row r="25" spans="1:4" ht="18" customHeight="1" x14ac:dyDescent="0.2">
      <c r="A25" s="8">
        <v>16</v>
      </c>
      <c r="B25" s="35">
        <v>38</v>
      </c>
      <c r="C25" s="13">
        <v>37</v>
      </c>
      <c r="D25" s="12">
        <v>75</v>
      </c>
    </row>
    <row r="26" spans="1:4" ht="18" customHeight="1" x14ac:dyDescent="0.2">
      <c r="A26" s="8">
        <v>17</v>
      </c>
      <c r="B26" s="35">
        <v>37</v>
      </c>
      <c r="C26" s="13">
        <v>40</v>
      </c>
      <c r="D26" s="12">
        <v>77</v>
      </c>
    </row>
    <row r="27" spans="1:4" ht="18" customHeight="1" x14ac:dyDescent="0.2">
      <c r="A27" s="8">
        <v>18</v>
      </c>
      <c r="B27" s="35">
        <v>58</v>
      </c>
      <c r="C27" s="13">
        <v>42</v>
      </c>
      <c r="D27" s="12">
        <v>100</v>
      </c>
    </row>
    <row r="28" spans="1:4" ht="18" customHeight="1" x14ac:dyDescent="0.2">
      <c r="A28" s="8">
        <v>19</v>
      </c>
      <c r="B28" s="35">
        <v>37</v>
      </c>
      <c r="C28" s="13">
        <v>48</v>
      </c>
      <c r="D28" s="12">
        <v>85</v>
      </c>
    </row>
    <row r="29" spans="1:4" ht="18" customHeight="1" x14ac:dyDescent="0.2">
      <c r="A29" s="8" t="s">
        <v>21</v>
      </c>
      <c r="B29" s="35">
        <v>206</v>
      </c>
      <c r="C29" s="13">
        <v>210</v>
      </c>
      <c r="D29" s="12">
        <v>416</v>
      </c>
    </row>
    <row r="30" spans="1:4" ht="18" customHeight="1" x14ac:dyDescent="0.2">
      <c r="A30" s="8">
        <v>20</v>
      </c>
      <c r="B30" s="35">
        <v>46</v>
      </c>
      <c r="C30" s="13">
        <v>47</v>
      </c>
      <c r="D30" s="12">
        <v>93</v>
      </c>
    </row>
    <row r="31" spans="1:4" ht="18" customHeight="1" x14ac:dyDescent="0.2">
      <c r="A31" s="8">
        <v>21</v>
      </c>
      <c r="B31" s="35">
        <v>40</v>
      </c>
      <c r="C31" s="13">
        <v>56</v>
      </c>
      <c r="D31" s="12">
        <v>96</v>
      </c>
    </row>
    <row r="32" spans="1:4" ht="18" customHeight="1" x14ac:dyDescent="0.2">
      <c r="A32" s="8">
        <v>22</v>
      </c>
      <c r="B32" s="35">
        <v>46</v>
      </c>
      <c r="C32" s="13">
        <v>42</v>
      </c>
      <c r="D32" s="12">
        <v>88</v>
      </c>
    </row>
    <row r="33" spans="1:4" ht="18" customHeight="1" x14ac:dyDescent="0.2">
      <c r="A33" s="8">
        <v>23</v>
      </c>
      <c r="B33" s="35">
        <v>49</v>
      </c>
      <c r="C33" s="13">
        <v>33</v>
      </c>
      <c r="D33" s="12">
        <v>82</v>
      </c>
    </row>
    <row r="34" spans="1:4" ht="18" customHeight="1" x14ac:dyDescent="0.2">
      <c r="A34" s="8">
        <v>24</v>
      </c>
      <c r="B34" s="35">
        <v>44</v>
      </c>
      <c r="C34" s="13">
        <v>36</v>
      </c>
      <c r="D34" s="12">
        <v>80</v>
      </c>
    </row>
    <row r="35" spans="1:4" ht="18" customHeight="1" x14ac:dyDescent="0.2">
      <c r="A35" s="8" t="s">
        <v>20</v>
      </c>
      <c r="B35" s="35">
        <v>225</v>
      </c>
      <c r="C35" s="13">
        <v>214</v>
      </c>
      <c r="D35" s="12">
        <v>439</v>
      </c>
    </row>
    <row r="36" spans="1:4" ht="18" customHeight="1" x14ac:dyDescent="0.2">
      <c r="A36" s="8">
        <v>25</v>
      </c>
      <c r="B36" s="35">
        <v>39</v>
      </c>
      <c r="C36" s="13">
        <v>36</v>
      </c>
      <c r="D36" s="12">
        <v>75</v>
      </c>
    </row>
    <row r="37" spans="1:4" ht="18" customHeight="1" x14ac:dyDescent="0.2">
      <c r="A37" s="8">
        <v>26</v>
      </c>
      <c r="B37" s="35">
        <v>41</v>
      </c>
      <c r="C37" s="13">
        <v>37</v>
      </c>
      <c r="D37" s="12">
        <v>78</v>
      </c>
    </row>
    <row r="38" spans="1:4" ht="18" customHeight="1" x14ac:dyDescent="0.2">
      <c r="A38" s="8">
        <v>27</v>
      </c>
      <c r="B38" s="35">
        <v>36</v>
      </c>
      <c r="C38" s="13">
        <v>28</v>
      </c>
      <c r="D38" s="12">
        <v>64</v>
      </c>
    </row>
    <row r="39" spans="1:4" ht="18" customHeight="1" x14ac:dyDescent="0.2">
      <c r="A39" s="8">
        <v>28</v>
      </c>
      <c r="B39" s="35">
        <v>37</v>
      </c>
      <c r="C39" s="13">
        <v>33</v>
      </c>
      <c r="D39" s="12">
        <v>70</v>
      </c>
    </row>
    <row r="40" spans="1:4" ht="18" customHeight="1" x14ac:dyDescent="0.2">
      <c r="A40" s="8">
        <v>29</v>
      </c>
      <c r="B40" s="35">
        <v>32</v>
      </c>
      <c r="C40" s="13">
        <v>22</v>
      </c>
      <c r="D40" s="12">
        <v>54</v>
      </c>
    </row>
    <row r="41" spans="1:4" ht="18" customHeight="1" x14ac:dyDescent="0.2">
      <c r="A41" s="8" t="s">
        <v>19</v>
      </c>
      <c r="B41" s="35">
        <v>185</v>
      </c>
      <c r="C41" s="13">
        <v>156</v>
      </c>
      <c r="D41" s="12">
        <v>341</v>
      </c>
    </row>
    <row r="42" spans="1:4" ht="18" customHeight="1" x14ac:dyDescent="0.2">
      <c r="A42" s="8">
        <v>30</v>
      </c>
      <c r="B42" s="35">
        <v>42</v>
      </c>
      <c r="C42" s="13">
        <v>28</v>
      </c>
      <c r="D42" s="12">
        <v>70</v>
      </c>
    </row>
    <row r="43" spans="1:4" ht="18" customHeight="1" x14ac:dyDescent="0.2">
      <c r="A43" s="8">
        <v>31</v>
      </c>
      <c r="B43" s="35">
        <v>18</v>
      </c>
      <c r="C43" s="13">
        <v>26</v>
      </c>
      <c r="D43" s="12">
        <v>44</v>
      </c>
    </row>
    <row r="44" spans="1:4" ht="18" customHeight="1" x14ac:dyDescent="0.2">
      <c r="A44" s="8">
        <v>32</v>
      </c>
      <c r="B44" s="35">
        <v>15</v>
      </c>
      <c r="C44" s="13">
        <v>19</v>
      </c>
      <c r="D44" s="12">
        <v>34</v>
      </c>
    </row>
    <row r="45" spans="1:4" ht="18" customHeight="1" x14ac:dyDescent="0.2">
      <c r="A45" s="8">
        <v>33</v>
      </c>
      <c r="B45" s="35">
        <v>32</v>
      </c>
      <c r="C45" s="13">
        <v>27</v>
      </c>
      <c r="D45" s="12">
        <v>59</v>
      </c>
    </row>
    <row r="46" spans="1:4" ht="18" customHeight="1" x14ac:dyDescent="0.2">
      <c r="A46" s="8">
        <v>34</v>
      </c>
      <c r="B46" s="35">
        <v>36</v>
      </c>
      <c r="C46" s="13">
        <v>29</v>
      </c>
      <c r="D46" s="12">
        <v>65</v>
      </c>
    </row>
    <row r="47" spans="1:4" ht="18" customHeight="1" x14ac:dyDescent="0.2">
      <c r="A47" s="8" t="s">
        <v>18</v>
      </c>
      <c r="B47" s="35">
        <v>143</v>
      </c>
      <c r="C47" s="13">
        <v>129</v>
      </c>
      <c r="D47" s="12">
        <v>272</v>
      </c>
    </row>
    <row r="48" spans="1:4" ht="18" customHeight="1" x14ac:dyDescent="0.2">
      <c r="A48" s="8">
        <v>35</v>
      </c>
      <c r="B48" s="35">
        <v>32</v>
      </c>
      <c r="C48" s="13">
        <v>22</v>
      </c>
      <c r="D48" s="12">
        <v>54</v>
      </c>
    </row>
    <row r="49" spans="1:4" ht="18" customHeight="1" x14ac:dyDescent="0.2">
      <c r="A49" s="8">
        <v>36</v>
      </c>
      <c r="B49" s="35">
        <v>36</v>
      </c>
      <c r="C49" s="13">
        <v>25</v>
      </c>
      <c r="D49" s="12">
        <v>61</v>
      </c>
    </row>
    <row r="50" spans="1:4" ht="18" customHeight="1" x14ac:dyDescent="0.2">
      <c r="A50" s="8">
        <v>37</v>
      </c>
      <c r="B50" s="35">
        <v>24</v>
      </c>
      <c r="C50" s="13">
        <v>28</v>
      </c>
      <c r="D50" s="12">
        <v>52</v>
      </c>
    </row>
    <row r="51" spans="1:4" ht="18" customHeight="1" x14ac:dyDescent="0.2">
      <c r="A51" s="8">
        <v>38</v>
      </c>
      <c r="B51" s="35">
        <v>46</v>
      </c>
      <c r="C51" s="13">
        <v>35</v>
      </c>
      <c r="D51" s="12">
        <v>81</v>
      </c>
    </row>
    <row r="52" spans="1:4" ht="18" customHeight="1" x14ac:dyDescent="0.2">
      <c r="A52" s="8">
        <v>39</v>
      </c>
      <c r="B52" s="35">
        <v>41</v>
      </c>
      <c r="C52" s="13">
        <v>43</v>
      </c>
      <c r="D52" s="12">
        <v>84</v>
      </c>
    </row>
    <row r="53" spans="1:4" ht="18" customHeight="1" x14ac:dyDescent="0.2">
      <c r="A53" s="8" t="s">
        <v>17</v>
      </c>
      <c r="B53" s="35">
        <v>179</v>
      </c>
      <c r="C53" s="13">
        <v>153</v>
      </c>
      <c r="D53" s="12">
        <v>332</v>
      </c>
    </row>
    <row r="54" spans="1:4" ht="18" customHeight="1" x14ac:dyDescent="0.2">
      <c r="A54" s="8">
        <v>40</v>
      </c>
      <c r="B54" s="35">
        <v>52</v>
      </c>
      <c r="C54" s="13">
        <v>51</v>
      </c>
      <c r="D54" s="12">
        <v>103</v>
      </c>
    </row>
    <row r="55" spans="1:4" ht="18" customHeight="1" x14ac:dyDescent="0.2">
      <c r="A55" s="8">
        <v>41</v>
      </c>
      <c r="B55" s="35">
        <v>30</v>
      </c>
      <c r="C55" s="13">
        <v>41</v>
      </c>
      <c r="D55" s="12">
        <v>71</v>
      </c>
    </row>
    <row r="56" spans="1:4" ht="18" customHeight="1" x14ac:dyDescent="0.2">
      <c r="A56" s="8">
        <v>42</v>
      </c>
      <c r="B56" s="35">
        <v>39</v>
      </c>
      <c r="C56" s="13">
        <v>35</v>
      </c>
      <c r="D56" s="12">
        <v>74</v>
      </c>
    </row>
    <row r="57" spans="1:4" ht="18" customHeight="1" x14ac:dyDescent="0.2">
      <c r="A57" s="8">
        <v>43</v>
      </c>
      <c r="B57" s="35">
        <v>48</v>
      </c>
      <c r="C57" s="13">
        <v>51</v>
      </c>
      <c r="D57" s="12">
        <v>99</v>
      </c>
    </row>
    <row r="58" spans="1:4" ht="18" customHeight="1" x14ac:dyDescent="0.2">
      <c r="A58" s="8">
        <v>44</v>
      </c>
      <c r="B58" s="35">
        <v>42</v>
      </c>
      <c r="C58" s="13">
        <v>47</v>
      </c>
      <c r="D58" s="12">
        <v>89</v>
      </c>
    </row>
    <row r="59" spans="1:4" ht="18" customHeight="1" x14ac:dyDescent="0.2">
      <c r="A59" s="8" t="s">
        <v>16</v>
      </c>
      <c r="B59" s="35">
        <v>211</v>
      </c>
      <c r="C59" s="13">
        <v>225</v>
      </c>
      <c r="D59" s="12">
        <v>436</v>
      </c>
    </row>
    <row r="60" spans="1:4" ht="18" customHeight="1" x14ac:dyDescent="0.2">
      <c r="A60" s="8">
        <v>45</v>
      </c>
      <c r="B60" s="35">
        <v>59</v>
      </c>
      <c r="C60" s="13">
        <v>56</v>
      </c>
      <c r="D60" s="12">
        <v>115</v>
      </c>
    </row>
    <row r="61" spans="1:4" ht="18" customHeight="1" x14ac:dyDescent="0.2">
      <c r="A61" s="8">
        <v>46</v>
      </c>
      <c r="B61" s="35">
        <v>66</v>
      </c>
      <c r="C61" s="13">
        <v>50</v>
      </c>
      <c r="D61" s="12">
        <v>116</v>
      </c>
    </row>
    <row r="62" spans="1:4" ht="18" customHeight="1" x14ac:dyDescent="0.2">
      <c r="A62" s="8">
        <v>47</v>
      </c>
      <c r="B62" s="35">
        <v>83</v>
      </c>
      <c r="C62" s="13">
        <v>65</v>
      </c>
      <c r="D62" s="12">
        <v>148</v>
      </c>
    </row>
    <row r="63" spans="1:4" ht="18" customHeight="1" x14ac:dyDescent="0.2">
      <c r="A63" s="8">
        <v>48</v>
      </c>
      <c r="B63" s="35">
        <v>66</v>
      </c>
      <c r="C63" s="13">
        <v>70</v>
      </c>
      <c r="D63" s="12">
        <v>136</v>
      </c>
    </row>
    <row r="64" spans="1:4" ht="18" customHeight="1" x14ac:dyDescent="0.2">
      <c r="A64" s="8">
        <v>49</v>
      </c>
      <c r="B64" s="35">
        <v>84</v>
      </c>
      <c r="C64" s="13">
        <v>73</v>
      </c>
      <c r="D64" s="12">
        <v>157</v>
      </c>
    </row>
    <row r="65" spans="1:4" ht="18" customHeight="1" x14ac:dyDescent="0.2">
      <c r="A65" s="8" t="s">
        <v>15</v>
      </c>
      <c r="B65" s="35">
        <v>358</v>
      </c>
      <c r="C65" s="13">
        <v>314</v>
      </c>
      <c r="D65" s="12">
        <v>672</v>
      </c>
    </row>
    <row r="66" spans="1:4" ht="18" customHeight="1" x14ac:dyDescent="0.2">
      <c r="A66" s="8">
        <v>50</v>
      </c>
      <c r="B66" s="35">
        <v>68</v>
      </c>
      <c r="C66" s="13">
        <v>97</v>
      </c>
      <c r="D66" s="12">
        <v>165</v>
      </c>
    </row>
    <row r="67" spans="1:4" ht="18" customHeight="1" x14ac:dyDescent="0.2">
      <c r="A67" s="8">
        <v>51</v>
      </c>
      <c r="B67" s="35">
        <v>84</v>
      </c>
      <c r="C67" s="13">
        <v>88</v>
      </c>
      <c r="D67" s="12">
        <v>172</v>
      </c>
    </row>
    <row r="68" spans="1:4" ht="18" customHeight="1" x14ac:dyDescent="0.2">
      <c r="A68" s="8">
        <v>52</v>
      </c>
      <c r="B68" s="35">
        <v>83</v>
      </c>
      <c r="C68" s="13">
        <v>77</v>
      </c>
      <c r="D68" s="12">
        <v>160</v>
      </c>
    </row>
    <row r="69" spans="1:4" ht="18" customHeight="1" x14ac:dyDescent="0.2">
      <c r="A69" s="8">
        <v>53</v>
      </c>
      <c r="B69" s="35">
        <v>78</v>
      </c>
      <c r="C69" s="13">
        <v>77</v>
      </c>
      <c r="D69" s="12">
        <v>155</v>
      </c>
    </row>
    <row r="70" spans="1:4" ht="18" customHeight="1" x14ac:dyDescent="0.2">
      <c r="A70" s="8">
        <v>54</v>
      </c>
      <c r="B70" s="35">
        <v>73</v>
      </c>
      <c r="C70" s="13">
        <v>65</v>
      </c>
      <c r="D70" s="12">
        <v>138</v>
      </c>
    </row>
    <row r="71" spans="1:4" ht="18" customHeight="1" x14ac:dyDescent="0.2">
      <c r="A71" s="8" t="s">
        <v>14</v>
      </c>
      <c r="B71" s="35">
        <v>386</v>
      </c>
      <c r="C71" s="13">
        <v>404</v>
      </c>
      <c r="D71" s="12">
        <v>790</v>
      </c>
    </row>
    <row r="72" spans="1:4" ht="18" customHeight="1" x14ac:dyDescent="0.2">
      <c r="A72" s="8">
        <v>55</v>
      </c>
      <c r="B72" s="35">
        <v>68</v>
      </c>
      <c r="C72" s="13">
        <v>80</v>
      </c>
      <c r="D72" s="12">
        <v>148</v>
      </c>
    </row>
    <row r="73" spans="1:4" ht="18" customHeight="1" x14ac:dyDescent="0.2">
      <c r="A73" s="8">
        <v>56</v>
      </c>
      <c r="B73" s="35">
        <v>66</v>
      </c>
      <c r="C73" s="13">
        <v>61</v>
      </c>
      <c r="D73" s="12">
        <v>127</v>
      </c>
    </row>
    <row r="74" spans="1:4" ht="18" customHeight="1" x14ac:dyDescent="0.2">
      <c r="A74" s="8">
        <v>57</v>
      </c>
      <c r="B74" s="35">
        <v>45</v>
      </c>
      <c r="C74" s="13">
        <v>50</v>
      </c>
      <c r="D74" s="12">
        <v>95</v>
      </c>
    </row>
    <row r="75" spans="1:4" ht="18" customHeight="1" x14ac:dyDescent="0.2">
      <c r="A75" s="8">
        <v>58</v>
      </c>
      <c r="B75" s="35">
        <v>55</v>
      </c>
      <c r="C75" s="13">
        <v>56</v>
      </c>
      <c r="D75" s="12">
        <v>111</v>
      </c>
    </row>
    <row r="76" spans="1:4" ht="18" customHeight="1" x14ac:dyDescent="0.2">
      <c r="A76" s="8">
        <v>59</v>
      </c>
      <c r="B76" s="35">
        <v>63</v>
      </c>
      <c r="C76" s="13">
        <v>60</v>
      </c>
      <c r="D76" s="12">
        <v>123</v>
      </c>
    </row>
    <row r="77" spans="1:4" ht="18" customHeight="1" x14ac:dyDescent="0.2">
      <c r="A77" s="8" t="s">
        <v>13</v>
      </c>
      <c r="B77" s="35">
        <v>297</v>
      </c>
      <c r="C77" s="13">
        <v>307</v>
      </c>
      <c r="D77" s="12">
        <v>604</v>
      </c>
    </row>
    <row r="78" spans="1:4" ht="18" customHeight="1" x14ac:dyDescent="0.2">
      <c r="A78" s="8">
        <v>60</v>
      </c>
      <c r="B78" s="35">
        <v>67</v>
      </c>
      <c r="C78" s="13">
        <v>66</v>
      </c>
      <c r="D78" s="12">
        <v>133</v>
      </c>
    </row>
    <row r="79" spans="1:4" ht="18" customHeight="1" x14ac:dyDescent="0.2">
      <c r="A79" s="8">
        <v>61</v>
      </c>
      <c r="B79" s="35">
        <v>74</v>
      </c>
      <c r="C79" s="13">
        <v>55</v>
      </c>
      <c r="D79" s="12">
        <v>129</v>
      </c>
    </row>
    <row r="80" spans="1:4" ht="18" customHeight="1" x14ac:dyDescent="0.2">
      <c r="A80" s="8">
        <v>62</v>
      </c>
      <c r="B80" s="35">
        <v>47</v>
      </c>
      <c r="C80" s="13">
        <v>60</v>
      </c>
      <c r="D80" s="12">
        <v>107</v>
      </c>
    </row>
    <row r="81" spans="1:4" ht="18" customHeight="1" x14ac:dyDescent="0.2">
      <c r="A81" s="8">
        <v>63</v>
      </c>
      <c r="B81" s="35">
        <v>67</v>
      </c>
      <c r="C81" s="13">
        <v>63</v>
      </c>
      <c r="D81" s="12">
        <v>130</v>
      </c>
    </row>
    <row r="82" spans="1:4" ht="18" customHeight="1" x14ac:dyDescent="0.2">
      <c r="A82" s="8">
        <v>64</v>
      </c>
      <c r="B82" s="35">
        <v>60</v>
      </c>
      <c r="C82" s="13">
        <v>68</v>
      </c>
      <c r="D82" s="12">
        <v>128</v>
      </c>
    </row>
    <row r="83" spans="1:4" ht="18" customHeight="1" x14ac:dyDescent="0.2">
      <c r="A83" s="8" t="s">
        <v>12</v>
      </c>
      <c r="B83" s="35">
        <v>315</v>
      </c>
      <c r="C83" s="13">
        <v>312</v>
      </c>
      <c r="D83" s="12">
        <v>627</v>
      </c>
    </row>
    <row r="84" spans="1:4" ht="18" customHeight="1" x14ac:dyDescent="0.2">
      <c r="A84" s="8" t="s">
        <v>11</v>
      </c>
      <c r="B84" s="35">
        <v>2505</v>
      </c>
      <c r="C84" s="13">
        <v>2424</v>
      </c>
      <c r="D84" s="12">
        <v>4929</v>
      </c>
    </row>
    <row r="85" spans="1:4" ht="18" customHeight="1" x14ac:dyDescent="0.2">
      <c r="A85" s="8">
        <v>65</v>
      </c>
      <c r="B85" s="35">
        <v>66</v>
      </c>
      <c r="C85" s="13">
        <v>55</v>
      </c>
      <c r="D85" s="12">
        <v>121</v>
      </c>
    </row>
    <row r="86" spans="1:4" ht="18" customHeight="1" x14ac:dyDescent="0.2">
      <c r="A86" s="8">
        <v>66</v>
      </c>
      <c r="B86" s="35">
        <v>57</v>
      </c>
      <c r="C86" s="13">
        <v>63</v>
      </c>
      <c r="D86" s="12">
        <v>120</v>
      </c>
    </row>
    <row r="87" spans="1:4" ht="18" customHeight="1" x14ac:dyDescent="0.2">
      <c r="A87" s="8">
        <v>67</v>
      </c>
      <c r="B87" s="35">
        <v>53</v>
      </c>
      <c r="C87" s="13">
        <v>61</v>
      </c>
      <c r="D87" s="12">
        <v>114</v>
      </c>
    </row>
    <row r="88" spans="1:4" ht="18" customHeight="1" x14ac:dyDescent="0.2">
      <c r="A88" s="8">
        <v>68</v>
      </c>
      <c r="B88" s="35">
        <v>60</v>
      </c>
      <c r="C88" s="13">
        <v>59</v>
      </c>
      <c r="D88" s="12">
        <v>119</v>
      </c>
    </row>
    <row r="89" spans="1:4" ht="18" customHeight="1" x14ac:dyDescent="0.2">
      <c r="A89" s="8">
        <v>69</v>
      </c>
      <c r="B89" s="35">
        <v>65</v>
      </c>
      <c r="C89" s="13">
        <v>62</v>
      </c>
      <c r="D89" s="12">
        <v>127</v>
      </c>
    </row>
    <row r="90" spans="1:4" ht="18" customHeight="1" x14ac:dyDescent="0.2">
      <c r="A90" s="8" t="s">
        <v>10</v>
      </c>
      <c r="B90" s="35">
        <v>301</v>
      </c>
      <c r="C90" s="13">
        <v>300</v>
      </c>
      <c r="D90" s="12">
        <v>601</v>
      </c>
    </row>
    <row r="91" spans="1:4" ht="18" customHeight="1" x14ac:dyDescent="0.2">
      <c r="A91" s="8">
        <v>70</v>
      </c>
      <c r="B91" s="35">
        <v>60</v>
      </c>
      <c r="C91" s="13">
        <v>84</v>
      </c>
      <c r="D91" s="12">
        <v>144</v>
      </c>
    </row>
    <row r="92" spans="1:4" ht="18" customHeight="1" x14ac:dyDescent="0.2">
      <c r="A92" s="8">
        <v>71</v>
      </c>
      <c r="B92" s="35">
        <v>66</v>
      </c>
      <c r="C92" s="13">
        <v>61</v>
      </c>
      <c r="D92" s="12">
        <v>127</v>
      </c>
    </row>
    <row r="93" spans="1:4" ht="18" customHeight="1" x14ac:dyDescent="0.2">
      <c r="A93" s="8">
        <v>72</v>
      </c>
      <c r="B93" s="35">
        <v>73</v>
      </c>
      <c r="C93" s="13">
        <v>82</v>
      </c>
      <c r="D93" s="12">
        <v>155</v>
      </c>
    </row>
    <row r="94" spans="1:4" ht="18" customHeight="1" x14ac:dyDescent="0.2">
      <c r="A94" s="8">
        <v>73</v>
      </c>
      <c r="B94" s="35">
        <v>79</v>
      </c>
      <c r="C94" s="13">
        <v>102</v>
      </c>
      <c r="D94" s="12">
        <v>181</v>
      </c>
    </row>
    <row r="95" spans="1:4" ht="18" customHeight="1" x14ac:dyDescent="0.2">
      <c r="A95" s="8">
        <v>74</v>
      </c>
      <c r="B95" s="35">
        <v>81</v>
      </c>
      <c r="C95" s="13">
        <v>100</v>
      </c>
      <c r="D95" s="12">
        <v>181</v>
      </c>
    </row>
    <row r="96" spans="1:4" ht="18" customHeight="1" x14ac:dyDescent="0.2">
      <c r="A96" s="8" t="s">
        <v>9</v>
      </c>
      <c r="B96" s="35">
        <v>359</v>
      </c>
      <c r="C96" s="13">
        <v>429</v>
      </c>
      <c r="D96" s="12">
        <v>788</v>
      </c>
    </row>
    <row r="97" spans="1:4" ht="18" customHeight="1" x14ac:dyDescent="0.2">
      <c r="A97" s="8">
        <v>75</v>
      </c>
      <c r="B97" s="35">
        <v>97</v>
      </c>
      <c r="C97" s="13">
        <v>95</v>
      </c>
      <c r="D97" s="12">
        <v>192</v>
      </c>
    </row>
    <row r="98" spans="1:4" ht="18" customHeight="1" x14ac:dyDescent="0.2">
      <c r="A98" s="8">
        <v>76</v>
      </c>
      <c r="B98" s="35">
        <v>89</v>
      </c>
      <c r="C98" s="13">
        <v>108</v>
      </c>
      <c r="D98" s="12">
        <v>197</v>
      </c>
    </row>
    <row r="99" spans="1:4" ht="18" customHeight="1" x14ac:dyDescent="0.2">
      <c r="A99" s="8">
        <v>77</v>
      </c>
      <c r="B99" s="35">
        <v>35</v>
      </c>
      <c r="C99" s="13">
        <v>41</v>
      </c>
      <c r="D99" s="12">
        <v>76</v>
      </c>
    </row>
    <row r="100" spans="1:4" ht="18" customHeight="1" x14ac:dyDescent="0.2">
      <c r="A100" s="8">
        <v>78</v>
      </c>
      <c r="B100" s="35">
        <v>44</v>
      </c>
      <c r="C100" s="13">
        <v>62</v>
      </c>
      <c r="D100" s="12">
        <v>106</v>
      </c>
    </row>
    <row r="101" spans="1:4" ht="18" customHeight="1" x14ac:dyDescent="0.2">
      <c r="A101" s="8">
        <v>79</v>
      </c>
      <c r="B101" s="35">
        <v>52</v>
      </c>
      <c r="C101" s="13">
        <v>85</v>
      </c>
      <c r="D101" s="12">
        <v>137</v>
      </c>
    </row>
    <row r="102" spans="1:4" ht="18" customHeight="1" x14ac:dyDescent="0.2">
      <c r="A102" s="8" t="s">
        <v>8</v>
      </c>
      <c r="B102" s="35">
        <v>317</v>
      </c>
      <c r="C102" s="13">
        <v>391</v>
      </c>
      <c r="D102" s="12">
        <v>708</v>
      </c>
    </row>
    <row r="103" spans="1:4" ht="18" customHeight="1" x14ac:dyDescent="0.2">
      <c r="A103" s="8">
        <v>80</v>
      </c>
      <c r="B103" s="35">
        <v>47</v>
      </c>
      <c r="C103" s="13">
        <v>69</v>
      </c>
      <c r="D103" s="12">
        <v>116</v>
      </c>
    </row>
    <row r="104" spans="1:4" ht="18" customHeight="1" x14ac:dyDescent="0.2">
      <c r="A104" s="8">
        <v>81</v>
      </c>
      <c r="B104" s="35">
        <v>54</v>
      </c>
      <c r="C104" s="13">
        <v>56</v>
      </c>
      <c r="D104" s="12">
        <v>110</v>
      </c>
    </row>
    <row r="105" spans="1:4" ht="18" customHeight="1" x14ac:dyDescent="0.2">
      <c r="A105" s="8">
        <v>82</v>
      </c>
      <c r="B105" s="35">
        <v>35</v>
      </c>
      <c r="C105" s="13">
        <v>70</v>
      </c>
      <c r="D105" s="12">
        <v>105</v>
      </c>
    </row>
    <row r="106" spans="1:4" ht="18" customHeight="1" x14ac:dyDescent="0.2">
      <c r="A106" s="8">
        <v>83</v>
      </c>
      <c r="B106" s="35">
        <v>33</v>
      </c>
      <c r="C106" s="13">
        <v>51</v>
      </c>
      <c r="D106" s="12">
        <v>84</v>
      </c>
    </row>
    <row r="107" spans="1:4" ht="18" customHeight="1" x14ac:dyDescent="0.2">
      <c r="A107" s="8">
        <v>84</v>
      </c>
      <c r="B107" s="35">
        <v>22</v>
      </c>
      <c r="C107" s="13">
        <v>51</v>
      </c>
      <c r="D107" s="12">
        <v>73</v>
      </c>
    </row>
    <row r="108" spans="1:4" ht="18" customHeight="1" x14ac:dyDescent="0.2">
      <c r="A108" s="8" t="s">
        <v>7</v>
      </c>
      <c r="B108" s="35">
        <v>191</v>
      </c>
      <c r="C108" s="13">
        <v>297</v>
      </c>
      <c r="D108" s="12">
        <v>488</v>
      </c>
    </row>
    <row r="109" spans="1:4" ht="18" customHeight="1" x14ac:dyDescent="0.2">
      <c r="A109" s="8">
        <v>85</v>
      </c>
      <c r="B109" s="35">
        <v>32</v>
      </c>
      <c r="C109" s="13">
        <v>52</v>
      </c>
      <c r="D109" s="12">
        <v>84</v>
      </c>
    </row>
    <row r="110" spans="1:4" ht="18" customHeight="1" x14ac:dyDescent="0.2">
      <c r="A110" s="8">
        <v>86</v>
      </c>
      <c r="B110" s="35">
        <v>29</v>
      </c>
      <c r="C110" s="13">
        <v>52</v>
      </c>
      <c r="D110" s="12">
        <v>81</v>
      </c>
    </row>
    <row r="111" spans="1:4" ht="18" customHeight="1" x14ac:dyDescent="0.2">
      <c r="A111" s="8">
        <v>87</v>
      </c>
      <c r="B111" s="35">
        <v>29</v>
      </c>
      <c r="C111" s="13">
        <v>60</v>
      </c>
      <c r="D111" s="12">
        <v>89</v>
      </c>
    </row>
    <row r="112" spans="1:4" ht="18" customHeight="1" x14ac:dyDescent="0.2">
      <c r="A112" s="8">
        <v>88</v>
      </c>
      <c r="B112" s="35">
        <v>24</v>
      </c>
      <c r="C112" s="13">
        <v>36</v>
      </c>
      <c r="D112" s="12">
        <v>60</v>
      </c>
    </row>
    <row r="113" spans="1:4" ht="18" customHeight="1" x14ac:dyDescent="0.2">
      <c r="A113" s="8">
        <v>89</v>
      </c>
      <c r="B113" s="35">
        <v>27</v>
      </c>
      <c r="C113" s="13">
        <v>47</v>
      </c>
      <c r="D113" s="12">
        <v>74</v>
      </c>
    </row>
    <row r="114" spans="1:4" ht="18" customHeight="1" x14ac:dyDescent="0.2">
      <c r="A114" s="8" t="s">
        <v>6</v>
      </c>
      <c r="B114" s="35">
        <v>141</v>
      </c>
      <c r="C114" s="13">
        <v>247</v>
      </c>
      <c r="D114" s="12">
        <v>388</v>
      </c>
    </row>
    <row r="115" spans="1:4" ht="18" customHeight="1" x14ac:dyDescent="0.2">
      <c r="A115" s="8">
        <v>90</v>
      </c>
      <c r="B115" s="35">
        <v>19</v>
      </c>
      <c r="C115" s="13">
        <v>34</v>
      </c>
      <c r="D115" s="12">
        <v>53</v>
      </c>
    </row>
    <row r="116" spans="1:4" ht="18" customHeight="1" x14ac:dyDescent="0.2">
      <c r="A116" s="8">
        <v>91</v>
      </c>
      <c r="B116" s="35">
        <v>9</v>
      </c>
      <c r="C116" s="13">
        <v>25</v>
      </c>
      <c r="D116" s="12">
        <v>34</v>
      </c>
    </row>
    <row r="117" spans="1:4" ht="18" customHeight="1" x14ac:dyDescent="0.2">
      <c r="A117" s="8">
        <v>92</v>
      </c>
      <c r="B117" s="35">
        <v>14</v>
      </c>
      <c r="C117" s="13">
        <v>26</v>
      </c>
      <c r="D117" s="12">
        <v>40</v>
      </c>
    </row>
    <row r="118" spans="1:4" ht="18" customHeight="1" x14ac:dyDescent="0.2">
      <c r="A118" s="8">
        <v>93</v>
      </c>
      <c r="B118" s="35">
        <v>7</v>
      </c>
      <c r="C118" s="13">
        <v>18</v>
      </c>
      <c r="D118" s="12">
        <v>25</v>
      </c>
    </row>
    <row r="119" spans="1:4" ht="18" customHeight="1" x14ac:dyDescent="0.2">
      <c r="A119" s="8">
        <v>94</v>
      </c>
      <c r="B119" s="35">
        <v>1</v>
      </c>
      <c r="C119" s="13">
        <v>16</v>
      </c>
      <c r="D119" s="12">
        <v>17</v>
      </c>
    </row>
    <row r="120" spans="1:4" ht="18" customHeight="1" x14ac:dyDescent="0.2">
      <c r="A120" s="8" t="s">
        <v>5</v>
      </c>
      <c r="B120" s="35">
        <v>50</v>
      </c>
      <c r="C120" s="13">
        <v>119</v>
      </c>
      <c r="D120" s="12">
        <v>169</v>
      </c>
    </row>
    <row r="121" spans="1:4" ht="18" customHeight="1" x14ac:dyDescent="0.2">
      <c r="A121" s="8">
        <v>95</v>
      </c>
      <c r="B121" s="35">
        <v>7</v>
      </c>
      <c r="C121" s="13">
        <v>14</v>
      </c>
      <c r="D121" s="12">
        <v>21</v>
      </c>
    </row>
    <row r="122" spans="1:4" ht="18" customHeight="1" x14ac:dyDescent="0.2">
      <c r="A122" s="8">
        <v>96</v>
      </c>
      <c r="B122" s="35">
        <v>1</v>
      </c>
      <c r="C122" s="13">
        <v>8</v>
      </c>
      <c r="D122" s="12">
        <v>9</v>
      </c>
    </row>
    <row r="123" spans="1:4" ht="18" customHeight="1" x14ac:dyDescent="0.2">
      <c r="A123" s="8">
        <v>97</v>
      </c>
      <c r="B123" s="35">
        <v>0</v>
      </c>
      <c r="C123" s="13">
        <v>9</v>
      </c>
      <c r="D123" s="12">
        <v>9</v>
      </c>
    </row>
    <row r="124" spans="1:4" ht="18" customHeight="1" x14ac:dyDescent="0.2">
      <c r="A124" s="8">
        <v>98</v>
      </c>
      <c r="B124" s="35">
        <v>0</v>
      </c>
      <c r="C124" s="13">
        <v>14</v>
      </c>
      <c r="D124" s="12">
        <v>14</v>
      </c>
    </row>
    <row r="125" spans="1:4" ht="18" customHeight="1" x14ac:dyDescent="0.2">
      <c r="A125" s="8">
        <v>99</v>
      </c>
      <c r="B125" s="35">
        <v>0</v>
      </c>
      <c r="C125" s="13">
        <v>3</v>
      </c>
      <c r="D125" s="12">
        <v>3</v>
      </c>
    </row>
    <row r="126" spans="1:4" ht="18" customHeight="1" x14ac:dyDescent="0.2">
      <c r="A126" s="8" t="s">
        <v>4</v>
      </c>
      <c r="B126" s="35">
        <v>8</v>
      </c>
      <c r="C126" s="13">
        <v>48</v>
      </c>
      <c r="D126" s="12">
        <v>56</v>
      </c>
    </row>
    <row r="127" spans="1:4" ht="18" customHeight="1" x14ac:dyDescent="0.2">
      <c r="A127" s="8">
        <v>100</v>
      </c>
      <c r="B127" s="35">
        <v>0</v>
      </c>
      <c r="C127" s="13">
        <v>2</v>
      </c>
      <c r="D127" s="12">
        <v>2</v>
      </c>
    </row>
    <row r="128" spans="1:4" ht="18" customHeight="1" x14ac:dyDescent="0.2">
      <c r="A128" s="15" t="s">
        <v>3</v>
      </c>
      <c r="B128" s="35">
        <v>0</v>
      </c>
      <c r="C128" s="13">
        <v>12</v>
      </c>
      <c r="D128" s="12">
        <v>12</v>
      </c>
    </row>
    <row r="129" spans="1:4" ht="18" customHeight="1" x14ac:dyDescent="0.2">
      <c r="A129" s="8" t="s">
        <v>2</v>
      </c>
      <c r="B129" s="35">
        <v>0</v>
      </c>
      <c r="C129" s="13">
        <v>14</v>
      </c>
      <c r="D129" s="12">
        <v>14</v>
      </c>
    </row>
    <row r="130" spans="1:4" ht="18" customHeight="1" x14ac:dyDescent="0.2">
      <c r="A130" s="8" t="s">
        <v>1</v>
      </c>
      <c r="B130" s="28">
        <v>1367</v>
      </c>
      <c r="C130" s="6">
        <v>1845</v>
      </c>
      <c r="D130" s="5">
        <v>3212</v>
      </c>
    </row>
    <row r="131" spans="1:4" ht="18" customHeight="1" x14ac:dyDescent="0.2">
      <c r="A131" s="4" t="s">
        <v>0</v>
      </c>
      <c r="B131" s="27">
        <v>4259</v>
      </c>
      <c r="C131" s="2">
        <v>4614</v>
      </c>
      <c r="D131" s="1">
        <v>8873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DB34317-77E0-44A8-89C7-87B945567333}">
  <sheetPr codeName="Sheet74">
    <pageSetUpPr fitToPage="1"/>
  </sheetPr>
  <dimension ref="A1:D131"/>
  <sheetViews>
    <sheetView workbookViewId="0">
      <pane ySplit="4" topLeftCell="A20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93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2</v>
      </c>
      <c r="C5" s="45">
        <v>2</v>
      </c>
      <c r="D5" s="44">
        <v>4</v>
      </c>
    </row>
    <row r="6" spans="1:4" ht="18" customHeight="1" x14ac:dyDescent="0.2">
      <c r="A6" s="8">
        <v>1</v>
      </c>
      <c r="B6" s="40">
        <v>5</v>
      </c>
      <c r="C6" s="13">
        <v>2</v>
      </c>
      <c r="D6" s="12">
        <v>7</v>
      </c>
    </row>
    <row r="7" spans="1:4" ht="18" customHeight="1" x14ac:dyDescent="0.2">
      <c r="A7" s="8">
        <v>2</v>
      </c>
      <c r="B7" s="40">
        <v>4</v>
      </c>
      <c r="C7" s="13">
        <v>2</v>
      </c>
      <c r="D7" s="12">
        <v>6</v>
      </c>
    </row>
    <row r="8" spans="1:4" ht="18" customHeight="1" x14ac:dyDescent="0.2">
      <c r="A8" s="8">
        <v>3</v>
      </c>
      <c r="B8" s="40">
        <v>3</v>
      </c>
      <c r="C8" s="13">
        <v>7</v>
      </c>
      <c r="D8" s="12">
        <v>10</v>
      </c>
    </row>
    <row r="9" spans="1:4" ht="18" customHeight="1" x14ac:dyDescent="0.2">
      <c r="A9" s="8">
        <v>4</v>
      </c>
      <c r="B9" s="43">
        <v>4</v>
      </c>
      <c r="C9" s="42">
        <v>4</v>
      </c>
      <c r="D9" s="41">
        <v>8</v>
      </c>
    </row>
    <row r="10" spans="1:4" ht="18" customHeight="1" x14ac:dyDescent="0.2">
      <c r="A10" s="8" t="s">
        <v>25</v>
      </c>
      <c r="B10" s="35">
        <v>18</v>
      </c>
      <c r="C10" s="13">
        <v>17</v>
      </c>
      <c r="D10" s="12">
        <v>35</v>
      </c>
    </row>
    <row r="11" spans="1:4" ht="18" customHeight="1" x14ac:dyDescent="0.2">
      <c r="A11" s="8">
        <v>5</v>
      </c>
      <c r="B11" s="40">
        <v>2</v>
      </c>
      <c r="C11" s="13">
        <v>2</v>
      </c>
      <c r="D11" s="12">
        <v>4</v>
      </c>
    </row>
    <row r="12" spans="1:4" ht="18" customHeight="1" x14ac:dyDescent="0.2">
      <c r="A12" s="8">
        <v>6</v>
      </c>
      <c r="B12" s="40">
        <v>4</v>
      </c>
      <c r="C12" s="13">
        <v>2</v>
      </c>
      <c r="D12" s="12">
        <v>6</v>
      </c>
    </row>
    <row r="13" spans="1:4" ht="18" customHeight="1" x14ac:dyDescent="0.2">
      <c r="A13" s="8">
        <v>7</v>
      </c>
      <c r="B13" s="40">
        <v>3</v>
      </c>
      <c r="C13" s="13">
        <v>6</v>
      </c>
      <c r="D13" s="12">
        <v>9</v>
      </c>
    </row>
    <row r="14" spans="1:4" ht="18" customHeight="1" x14ac:dyDescent="0.2">
      <c r="A14" s="8">
        <v>8</v>
      </c>
      <c r="B14" s="40">
        <v>5</v>
      </c>
      <c r="C14" s="13">
        <v>5</v>
      </c>
      <c r="D14" s="12">
        <v>10</v>
      </c>
    </row>
    <row r="15" spans="1:4" ht="18" customHeight="1" x14ac:dyDescent="0.2">
      <c r="A15" s="8">
        <v>9</v>
      </c>
      <c r="B15" s="40">
        <v>4</v>
      </c>
      <c r="C15" s="13">
        <v>4</v>
      </c>
      <c r="D15" s="12">
        <v>8</v>
      </c>
    </row>
    <row r="16" spans="1:4" ht="18" customHeight="1" x14ac:dyDescent="0.2">
      <c r="A16" s="8" t="s">
        <v>24</v>
      </c>
      <c r="B16" s="35">
        <v>18</v>
      </c>
      <c r="C16" s="13">
        <v>19</v>
      </c>
      <c r="D16" s="12">
        <v>37</v>
      </c>
    </row>
    <row r="17" spans="1:4" ht="18" customHeight="1" x14ac:dyDescent="0.2">
      <c r="A17" s="8">
        <v>10</v>
      </c>
      <c r="B17" s="35">
        <v>6</v>
      </c>
      <c r="C17" s="13">
        <v>8</v>
      </c>
      <c r="D17" s="12">
        <v>14</v>
      </c>
    </row>
    <row r="18" spans="1:4" ht="18" customHeight="1" x14ac:dyDescent="0.2">
      <c r="A18" s="8">
        <v>11</v>
      </c>
      <c r="B18" s="35">
        <v>3</v>
      </c>
      <c r="C18" s="13">
        <v>11</v>
      </c>
      <c r="D18" s="12">
        <v>14</v>
      </c>
    </row>
    <row r="19" spans="1:4" ht="18" customHeight="1" x14ac:dyDescent="0.2">
      <c r="A19" s="8">
        <v>12</v>
      </c>
      <c r="B19" s="35">
        <v>7</v>
      </c>
      <c r="C19" s="13">
        <v>2</v>
      </c>
      <c r="D19" s="12">
        <v>9</v>
      </c>
    </row>
    <row r="20" spans="1:4" ht="18" customHeight="1" x14ac:dyDescent="0.2">
      <c r="A20" s="8">
        <v>13</v>
      </c>
      <c r="B20" s="35">
        <v>12</v>
      </c>
      <c r="C20" s="13">
        <v>9</v>
      </c>
      <c r="D20" s="12">
        <v>21</v>
      </c>
    </row>
    <row r="21" spans="1:4" ht="18" customHeight="1" x14ac:dyDescent="0.2">
      <c r="A21" s="8">
        <v>14</v>
      </c>
      <c r="B21" s="35">
        <v>8</v>
      </c>
      <c r="C21" s="13">
        <v>4</v>
      </c>
      <c r="D21" s="12">
        <v>12</v>
      </c>
    </row>
    <row r="22" spans="1:4" ht="18" customHeight="1" x14ac:dyDescent="0.2">
      <c r="A22" s="8" t="s">
        <v>23</v>
      </c>
      <c r="B22" s="35">
        <v>36</v>
      </c>
      <c r="C22" s="13">
        <v>34</v>
      </c>
      <c r="D22" s="12">
        <v>70</v>
      </c>
    </row>
    <row r="23" spans="1:4" ht="18" customHeight="1" x14ac:dyDescent="0.2">
      <c r="A23" s="8" t="s">
        <v>22</v>
      </c>
      <c r="B23" s="35">
        <v>72</v>
      </c>
      <c r="C23" s="13">
        <v>70</v>
      </c>
      <c r="D23" s="12">
        <v>142</v>
      </c>
    </row>
    <row r="24" spans="1:4" ht="18" customHeight="1" x14ac:dyDescent="0.2">
      <c r="A24" s="8">
        <v>15</v>
      </c>
      <c r="B24" s="35">
        <v>9</v>
      </c>
      <c r="C24" s="13">
        <v>8</v>
      </c>
      <c r="D24" s="12">
        <v>17</v>
      </c>
    </row>
    <row r="25" spans="1:4" ht="18" customHeight="1" x14ac:dyDescent="0.2">
      <c r="A25" s="8">
        <v>16</v>
      </c>
      <c r="B25" s="35">
        <v>15</v>
      </c>
      <c r="C25" s="13">
        <v>8</v>
      </c>
      <c r="D25" s="12">
        <v>23</v>
      </c>
    </row>
    <row r="26" spans="1:4" ht="18" customHeight="1" x14ac:dyDescent="0.2">
      <c r="A26" s="8">
        <v>17</v>
      </c>
      <c r="B26" s="35">
        <v>6</v>
      </c>
      <c r="C26" s="13">
        <v>9</v>
      </c>
      <c r="D26" s="12">
        <v>15</v>
      </c>
    </row>
    <row r="27" spans="1:4" ht="18" customHeight="1" x14ac:dyDescent="0.2">
      <c r="A27" s="8">
        <v>18</v>
      </c>
      <c r="B27" s="35">
        <v>6</v>
      </c>
      <c r="C27" s="13">
        <v>5</v>
      </c>
      <c r="D27" s="12">
        <v>11</v>
      </c>
    </row>
    <row r="28" spans="1:4" ht="18" customHeight="1" x14ac:dyDescent="0.2">
      <c r="A28" s="8">
        <v>19</v>
      </c>
      <c r="B28" s="35">
        <v>6</v>
      </c>
      <c r="C28" s="13">
        <v>7</v>
      </c>
      <c r="D28" s="12">
        <v>13</v>
      </c>
    </row>
    <row r="29" spans="1:4" ht="18" customHeight="1" x14ac:dyDescent="0.2">
      <c r="A29" s="8" t="s">
        <v>21</v>
      </c>
      <c r="B29" s="35">
        <v>42</v>
      </c>
      <c r="C29" s="13">
        <v>37</v>
      </c>
      <c r="D29" s="12">
        <v>79</v>
      </c>
    </row>
    <row r="30" spans="1:4" ht="18" customHeight="1" x14ac:dyDescent="0.2">
      <c r="A30" s="8">
        <v>20</v>
      </c>
      <c r="B30" s="35">
        <v>13</v>
      </c>
      <c r="C30" s="13">
        <v>11</v>
      </c>
      <c r="D30" s="12">
        <v>24</v>
      </c>
    </row>
    <row r="31" spans="1:4" ht="18" customHeight="1" x14ac:dyDescent="0.2">
      <c r="A31" s="8">
        <v>21</v>
      </c>
      <c r="B31" s="35">
        <v>7</v>
      </c>
      <c r="C31" s="13">
        <v>6</v>
      </c>
      <c r="D31" s="12">
        <v>13</v>
      </c>
    </row>
    <row r="32" spans="1:4" ht="18" customHeight="1" x14ac:dyDescent="0.2">
      <c r="A32" s="8">
        <v>22</v>
      </c>
      <c r="B32" s="35">
        <v>4</v>
      </c>
      <c r="C32" s="13">
        <v>5</v>
      </c>
      <c r="D32" s="12">
        <v>9</v>
      </c>
    </row>
    <row r="33" spans="1:4" ht="18" customHeight="1" x14ac:dyDescent="0.2">
      <c r="A33" s="8">
        <v>23</v>
      </c>
      <c r="B33" s="35">
        <v>8</v>
      </c>
      <c r="C33" s="13">
        <v>6</v>
      </c>
      <c r="D33" s="12">
        <v>14</v>
      </c>
    </row>
    <row r="34" spans="1:4" ht="18" customHeight="1" x14ac:dyDescent="0.2">
      <c r="A34" s="8">
        <v>24</v>
      </c>
      <c r="B34" s="35">
        <v>13</v>
      </c>
      <c r="C34" s="13">
        <v>5</v>
      </c>
      <c r="D34" s="12">
        <v>18</v>
      </c>
    </row>
    <row r="35" spans="1:4" ht="18" customHeight="1" x14ac:dyDescent="0.2">
      <c r="A35" s="8" t="s">
        <v>20</v>
      </c>
      <c r="B35" s="35">
        <v>45</v>
      </c>
      <c r="C35" s="13">
        <v>33</v>
      </c>
      <c r="D35" s="12">
        <v>78</v>
      </c>
    </row>
    <row r="36" spans="1:4" ht="18" customHeight="1" x14ac:dyDescent="0.2">
      <c r="A36" s="8">
        <v>25</v>
      </c>
      <c r="B36" s="35">
        <v>13</v>
      </c>
      <c r="C36" s="13">
        <v>7</v>
      </c>
      <c r="D36" s="12">
        <v>20</v>
      </c>
    </row>
    <row r="37" spans="1:4" ht="18" customHeight="1" x14ac:dyDescent="0.2">
      <c r="A37" s="8">
        <v>26</v>
      </c>
      <c r="B37" s="35">
        <v>17</v>
      </c>
      <c r="C37" s="13">
        <v>6</v>
      </c>
      <c r="D37" s="12">
        <v>23</v>
      </c>
    </row>
    <row r="38" spans="1:4" ht="18" customHeight="1" x14ac:dyDescent="0.2">
      <c r="A38" s="8">
        <v>27</v>
      </c>
      <c r="B38" s="35">
        <v>11</v>
      </c>
      <c r="C38" s="13">
        <v>7</v>
      </c>
      <c r="D38" s="12">
        <v>18</v>
      </c>
    </row>
    <row r="39" spans="1:4" ht="18" customHeight="1" x14ac:dyDescent="0.2">
      <c r="A39" s="8">
        <v>28</v>
      </c>
      <c r="B39" s="35">
        <v>6</v>
      </c>
      <c r="C39" s="13">
        <v>5</v>
      </c>
      <c r="D39" s="12">
        <v>11</v>
      </c>
    </row>
    <row r="40" spans="1:4" ht="18" customHeight="1" x14ac:dyDescent="0.2">
      <c r="A40" s="8">
        <v>29</v>
      </c>
      <c r="B40" s="35">
        <v>5</v>
      </c>
      <c r="C40" s="13">
        <v>4</v>
      </c>
      <c r="D40" s="12">
        <v>9</v>
      </c>
    </row>
    <row r="41" spans="1:4" ht="18" customHeight="1" x14ac:dyDescent="0.2">
      <c r="A41" s="8" t="s">
        <v>19</v>
      </c>
      <c r="B41" s="35">
        <v>52</v>
      </c>
      <c r="C41" s="13">
        <v>29</v>
      </c>
      <c r="D41" s="12">
        <v>81</v>
      </c>
    </row>
    <row r="42" spans="1:4" ht="18" customHeight="1" x14ac:dyDescent="0.2">
      <c r="A42" s="8">
        <v>30</v>
      </c>
      <c r="B42" s="35">
        <v>5</v>
      </c>
      <c r="C42" s="13">
        <v>3</v>
      </c>
      <c r="D42" s="12">
        <v>8</v>
      </c>
    </row>
    <row r="43" spans="1:4" ht="18" customHeight="1" x14ac:dyDescent="0.2">
      <c r="A43" s="8">
        <v>31</v>
      </c>
      <c r="B43" s="35">
        <v>3</v>
      </c>
      <c r="C43" s="13">
        <v>4</v>
      </c>
      <c r="D43" s="12">
        <v>7</v>
      </c>
    </row>
    <row r="44" spans="1:4" ht="18" customHeight="1" x14ac:dyDescent="0.2">
      <c r="A44" s="8">
        <v>32</v>
      </c>
      <c r="B44" s="35">
        <v>6</v>
      </c>
      <c r="C44" s="13">
        <v>6</v>
      </c>
      <c r="D44" s="12">
        <v>12</v>
      </c>
    </row>
    <row r="45" spans="1:4" ht="18" customHeight="1" x14ac:dyDescent="0.2">
      <c r="A45" s="8">
        <v>33</v>
      </c>
      <c r="B45" s="35">
        <v>7</v>
      </c>
      <c r="C45" s="13">
        <v>5</v>
      </c>
      <c r="D45" s="12">
        <v>12</v>
      </c>
    </row>
    <row r="46" spans="1:4" ht="18" customHeight="1" x14ac:dyDescent="0.2">
      <c r="A46" s="8">
        <v>34</v>
      </c>
      <c r="B46" s="35">
        <v>3</v>
      </c>
      <c r="C46" s="13">
        <v>5</v>
      </c>
      <c r="D46" s="12">
        <v>8</v>
      </c>
    </row>
    <row r="47" spans="1:4" ht="18" customHeight="1" x14ac:dyDescent="0.2">
      <c r="A47" s="8" t="s">
        <v>18</v>
      </c>
      <c r="B47" s="35">
        <v>24</v>
      </c>
      <c r="C47" s="13">
        <v>23</v>
      </c>
      <c r="D47" s="12">
        <v>47</v>
      </c>
    </row>
    <row r="48" spans="1:4" ht="18" customHeight="1" x14ac:dyDescent="0.2">
      <c r="A48" s="8">
        <v>35</v>
      </c>
      <c r="B48" s="35">
        <v>2</v>
      </c>
      <c r="C48" s="13">
        <v>4</v>
      </c>
      <c r="D48" s="12">
        <v>6</v>
      </c>
    </row>
    <row r="49" spans="1:4" ht="18" customHeight="1" x14ac:dyDescent="0.2">
      <c r="A49" s="8">
        <v>36</v>
      </c>
      <c r="B49" s="35">
        <v>10</v>
      </c>
      <c r="C49" s="13">
        <v>5</v>
      </c>
      <c r="D49" s="12">
        <v>15</v>
      </c>
    </row>
    <row r="50" spans="1:4" ht="18" customHeight="1" x14ac:dyDescent="0.2">
      <c r="A50" s="8">
        <v>37</v>
      </c>
      <c r="B50" s="35">
        <v>4</v>
      </c>
      <c r="C50" s="13">
        <v>4</v>
      </c>
      <c r="D50" s="12">
        <v>8</v>
      </c>
    </row>
    <row r="51" spans="1:4" ht="18" customHeight="1" x14ac:dyDescent="0.2">
      <c r="A51" s="8">
        <v>38</v>
      </c>
      <c r="B51" s="35">
        <v>9</v>
      </c>
      <c r="C51" s="13">
        <v>9</v>
      </c>
      <c r="D51" s="12">
        <v>18</v>
      </c>
    </row>
    <row r="52" spans="1:4" ht="18" customHeight="1" x14ac:dyDescent="0.2">
      <c r="A52" s="8">
        <v>39</v>
      </c>
      <c r="B52" s="35">
        <v>8</v>
      </c>
      <c r="C52" s="13">
        <v>9</v>
      </c>
      <c r="D52" s="12">
        <v>17</v>
      </c>
    </row>
    <row r="53" spans="1:4" ht="18" customHeight="1" x14ac:dyDescent="0.2">
      <c r="A53" s="8" t="s">
        <v>17</v>
      </c>
      <c r="B53" s="35">
        <v>33</v>
      </c>
      <c r="C53" s="13">
        <v>31</v>
      </c>
      <c r="D53" s="12">
        <v>64</v>
      </c>
    </row>
    <row r="54" spans="1:4" ht="18" customHeight="1" x14ac:dyDescent="0.2">
      <c r="A54" s="8">
        <v>40</v>
      </c>
      <c r="B54" s="35">
        <v>9</v>
      </c>
      <c r="C54" s="13">
        <v>7</v>
      </c>
      <c r="D54" s="12">
        <v>16</v>
      </c>
    </row>
    <row r="55" spans="1:4" ht="18" customHeight="1" x14ac:dyDescent="0.2">
      <c r="A55" s="8">
        <v>41</v>
      </c>
      <c r="B55" s="35">
        <v>10</v>
      </c>
      <c r="C55" s="13">
        <v>9</v>
      </c>
      <c r="D55" s="12">
        <v>19</v>
      </c>
    </row>
    <row r="56" spans="1:4" ht="18" customHeight="1" x14ac:dyDescent="0.2">
      <c r="A56" s="8">
        <v>42</v>
      </c>
      <c r="B56" s="35">
        <v>12</v>
      </c>
      <c r="C56" s="13">
        <v>6</v>
      </c>
      <c r="D56" s="12">
        <v>18</v>
      </c>
    </row>
    <row r="57" spans="1:4" ht="18" customHeight="1" x14ac:dyDescent="0.2">
      <c r="A57" s="8">
        <v>43</v>
      </c>
      <c r="B57" s="35">
        <v>9</v>
      </c>
      <c r="C57" s="13">
        <v>6</v>
      </c>
      <c r="D57" s="12">
        <v>15</v>
      </c>
    </row>
    <row r="58" spans="1:4" ht="18" customHeight="1" x14ac:dyDescent="0.2">
      <c r="A58" s="8">
        <v>44</v>
      </c>
      <c r="B58" s="35">
        <v>9</v>
      </c>
      <c r="C58" s="13">
        <v>7</v>
      </c>
      <c r="D58" s="12">
        <v>16</v>
      </c>
    </row>
    <row r="59" spans="1:4" ht="18" customHeight="1" x14ac:dyDescent="0.2">
      <c r="A59" s="8" t="s">
        <v>16</v>
      </c>
      <c r="B59" s="35">
        <v>49</v>
      </c>
      <c r="C59" s="13">
        <v>35</v>
      </c>
      <c r="D59" s="12">
        <v>84</v>
      </c>
    </row>
    <row r="60" spans="1:4" ht="18" customHeight="1" x14ac:dyDescent="0.2">
      <c r="A60" s="8">
        <v>45</v>
      </c>
      <c r="B60" s="35">
        <v>8</v>
      </c>
      <c r="C60" s="13">
        <v>13</v>
      </c>
      <c r="D60" s="12">
        <v>21</v>
      </c>
    </row>
    <row r="61" spans="1:4" ht="18" customHeight="1" x14ac:dyDescent="0.2">
      <c r="A61" s="8">
        <v>46</v>
      </c>
      <c r="B61" s="35">
        <v>10</v>
      </c>
      <c r="C61" s="13">
        <v>16</v>
      </c>
      <c r="D61" s="12">
        <v>26</v>
      </c>
    </row>
    <row r="62" spans="1:4" ht="18" customHeight="1" x14ac:dyDescent="0.2">
      <c r="A62" s="8">
        <v>47</v>
      </c>
      <c r="B62" s="35">
        <v>6</v>
      </c>
      <c r="C62" s="13">
        <v>10</v>
      </c>
      <c r="D62" s="12">
        <v>16</v>
      </c>
    </row>
    <row r="63" spans="1:4" ht="18" customHeight="1" x14ac:dyDescent="0.2">
      <c r="A63" s="8">
        <v>48</v>
      </c>
      <c r="B63" s="35">
        <v>13</v>
      </c>
      <c r="C63" s="13">
        <v>7</v>
      </c>
      <c r="D63" s="12">
        <v>20</v>
      </c>
    </row>
    <row r="64" spans="1:4" ht="18" customHeight="1" x14ac:dyDescent="0.2">
      <c r="A64" s="8">
        <v>49</v>
      </c>
      <c r="B64" s="35">
        <v>17</v>
      </c>
      <c r="C64" s="13">
        <v>14</v>
      </c>
      <c r="D64" s="12">
        <v>31</v>
      </c>
    </row>
    <row r="65" spans="1:4" ht="18" customHeight="1" x14ac:dyDescent="0.2">
      <c r="A65" s="8" t="s">
        <v>15</v>
      </c>
      <c r="B65" s="35">
        <v>54</v>
      </c>
      <c r="C65" s="13">
        <v>60</v>
      </c>
      <c r="D65" s="12">
        <v>114</v>
      </c>
    </row>
    <row r="66" spans="1:4" ht="18" customHeight="1" x14ac:dyDescent="0.2">
      <c r="A66" s="8">
        <v>50</v>
      </c>
      <c r="B66" s="35">
        <v>18</v>
      </c>
      <c r="C66" s="13">
        <v>11</v>
      </c>
      <c r="D66" s="12">
        <v>29</v>
      </c>
    </row>
    <row r="67" spans="1:4" ht="18" customHeight="1" x14ac:dyDescent="0.2">
      <c r="A67" s="8">
        <v>51</v>
      </c>
      <c r="B67" s="35">
        <v>12</v>
      </c>
      <c r="C67" s="13">
        <v>14</v>
      </c>
      <c r="D67" s="12">
        <v>26</v>
      </c>
    </row>
    <row r="68" spans="1:4" ht="18" customHeight="1" x14ac:dyDescent="0.2">
      <c r="A68" s="8">
        <v>52</v>
      </c>
      <c r="B68" s="35">
        <v>16</v>
      </c>
      <c r="C68" s="13">
        <v>11</v>
      </c>
      <c r="D68" s="12">
        <v>27</v>
      </c>
    </row>
    <row r="69" spans="1:4" ht="18" customHeight="1" x14ac:dyDescent="0.2">
      <c r="A69" s="8">
        <v>53</v>
      </c>
      <c r="B69" s="35">
        <v>13</v>
      </c>
      <c r="C69" s="13">
        <v>10</v>
      </c>
      <c r="D69" s="12">
        <v>23</v>
      </c>
    </row>
    <row r="70" spans="1:4" ht="18" customHeight="1" x14ac:dyDescent="0.2">
      <c r="A70" s="8">
        <v>54</v>
      </c>
      <c r="B70" s="35">
        <v>14</v>
      </c>
      <c r="C70" s="13">
        <v>7</v>
      </c>
      <c r="D70" s="12">
        <v>21</v>
      </c>
    </row>
    <row r="71" spans="1:4" ht="18" customHeight="1" x14ac:dyDescent="0.2">
      <c r="A71" s="8" t="s">
        <v>14</v>
      </c>
      <c r="B71" s="35">
        <v>73</v>
      </c>
      <c r="C71" s="13">
        <v>53</v>
      </c>
      <c r="D71" s="12">
        <v>126</v>
      </c>
    </row>
    <row r="72" spans="1:4" ht="18" customHeight="1" x14ac:dyDescent="0.2">
      <c r="A72" s="8">
        <v>55</v>
      </c>
      <c r="B72" s="35">
        <v>7</v>
      </c>
      <c r="C72" s="13">
        <v>11</v>
      </c>
      <c r="D72" s="12">
        <v>18</v>
      </c>
    </row>
    <row r="73" spans="1:4" ht="18" customHeight="1" x14ac:dyDescent="0.2">
      <c r="A73" s="8">
        <v>56</v>
      </c>
      <c r="B73" s="35">
        <v>8</v>
      </c>
      <c r="C73" s="13">
        <v>6</v>
      </c>
      <c r="D73" s="12">
        <v>14</v>
      </c>
    </row>
    <row r="74" spans="1:4" ht="18" customHeight="1" x14ac:dyDescent="0.2">
      <c r="A74" s="8">
        <v>57</v>
      </c>
      <c r="B74" s="35">
        <v>10</v>
      </c>
      <c r="C74" s="13">
        <v>9</v>
      </c>
      <c r="D74" s="12">
        <v>19</v>
      </c>
    </row>
    <row r="75" spans="1:4" ht="18" customHeight="1" x14ac:dyDescent="0.2">
      <c r="A75" s="8">
        <v>58</v>
      </c>
      <c r="B75" s="35">
        <v>16</v>
      </c>
      <c r="C75" s="13">
        <v>11</v>
      </c>
      <c r="D75" s="12">
        <v>27</v>
      </c>
    </row>
    <row r="76" spans="1:4" ht="18" customHeight="1" x14ac:dyDescent="0.2">
      <c r="A76" s="8">
        <v>59</v>
      </c>
      <c r="B76" s="35">
        <v>11</v>
      </c>
      <c r="C76" s="13">
        <v>16</v>
      </c>
      <c r="D76" s="12">
        <v>27</v>
      </c>
    </row>
    <row r="77" spans="1:4" ht="18" customHeight="1" x14ac:dyDescent="0.2">
      <c r="A77" s="8" t="s">
        <v>13</v>
      </c>
      <c r="B77" s="35">
        <v>52</v>
      </c>
      <c r="C77" s="13">
        <v>53</v>
      </c>
      <c r="D77" s="12">
        <v>105</v>
      </c>
    </row>
    <row r="78" spans="1:4" ht="18" customHeight="1" x14ac:dyDescent="0.2">
      <c r="A78" s="8">
        <v>60</v>
      </c>
      <c r="B78" s="35">
        <v>6</v>
      </c>
      <c r="C78" s="13">
        <v>3</v>
      </c>
      <c r="D78" s="12">
        <v>9</v>
      </c>
    </row>
    <row r="79" spans="1:4" ht="18" customHeight="1" x14ac:dyDescent="0.2">
      <c r="A79" s="8">
        <v>61</v>
      </c>
      <c r="B79" s="35">
        <v>15</v>
      </c>
      <c r="C79" s="13">
        <v>4</v>
      </c>
      <c r="D79" s="12">
        <v>19</v>
      </c>
    </row>
    <row r="80" spans="1:4" ht="18" customHeight="1" x14ac:dyDescent="0.2">
      <c r="A80" s="8">
        <v>62</v>
      </c>
      <c r="B80" s="35">
        <v>6</v>
      </c>
      <c r="C80" s="13">
        <v>11</v>
      </c>
      <c r="D80" s="12">
        <v>17</v>
      </c>
    </row>
    <row r="81" spans="1:4" ht="18" customHeight="1" x14ac:dyDescent="0.2">
      <c r="A81" s="8">
        <v>63</v>
      </c>
      <c r="B81" s="35">
        <v>14</v>
      </c>
      <c r="C81" s="13">
        <v>10</v>
      </c>
      <c r="D81" s="12">
        <v>24</v>
      </c>
    </row>
    <row r="82" spans="1:4" ht="18" customHeight="1" x14ac:dyDescent="0.2">
      <c r="A82" s="8">
        <v>64</v>
      </c>
      <c r="B82" s="35">
        <v>11</v>
      </c>
      <c r="C82" s="13">
        <v>12</v>
      </c>
      <c r="D82" s="12">
        <v>23</v>
      </c>
    </row>
    <row r="83" spans="1:4" ht="18" customHeight="1" x14ac:dyDescent="0.2">
      <c r="A83" s="8" t="s">
        <v>12</v>
      </c>
      <c r="B83" s="35">
        <v>52</v>
      </c>
      <c r="C83" s="13">
        <v>40</v>
      </c>
      <c r="D83" s="12">
        <v>92</v>
      </c>
    </row>
    <row r="84" spans="1:4" ht="18" customHeight="1" x14ac:dyDescent="0.2">
      <c r="A84" s="8" t="s">
        <v>11</v>
      </c>
      <c r="B84" s="35">
        <v>476</v>
      </c>
      <c r="C84" s="13">
        <v>394</v>
      </c>
      <c r="D84" s="12">
        <v>870</v>
      </c>
    </row>
    <row r="85" spans="1:4" ht="18" customHeight="1" x14ac:dyDescent="0.2">
      <c r="A85" s="8">
        <v>65</v>
      </c>
      <c r="B85" s="35">
        <v>12</v>
      </c>
      <c r="C85" s="13">
        <v>20</v>
      </c>
      <c r="D85" s="12">
        <v>32</v>
      </c>
    </row>
    <row r="86" spans="1:4" ht="18" customHeight="1" x14ac:dyDescent="0.2">
      <c r="A86" s="8">
        <v>66</v>
      </c>
      <c r="B86" s="35">
        <v>14</v>
      </c>
      <c r="C86" s="13">
        <v>10</v>
      </c>
      <c r="D86" s="12">
        <v>24</v>
      </c>
    </row>
    <row r="87" spans="1:4" ht="18" customHeight="1" x14ac:dyDescent="0.2">
      <c r="A87" s="8">
        <v>67</v>
      </c>
      <c r="B87" s="35">
        <v>13</v>
      </c>
      <c r="C87" s="13">
        <v>16</v>
      </c>
      <c r="D87" s="12">
        <v>29</v>
      </c>
    </row>
    <row r="88" spans="1:4" ht="18" customHeight="1" x14ac:dyDescent="0.2">
      <c r="A88" s="8">
        <v>68</v>
      </c>
      <c r="B88" s="35">
        <v>16</v>
      </c>
      <c r="C88" s="13">
        <v>21</v>
      </c>
      <c r="D88" s="12">
        <v>37</v>
      </c>
    </row>
    <row r="89" spans="1:4" ht="18" customHeight="1" x14ac:dyDescent="0.2">
      <c r="A89" s="8">
        <v>69</v>
      </c>
      <c r="B89" s="35">
        <v>13</v>
      </c>
      <c r="C89" s="13">
        <v>16</v>
      </c>
      <c r="D89" s="12">
        <v>29</v>
      </c>
    </row>
    <row r="90" spans="1:4" ht="18" customHeight="1" x14ac:dyDescent="0.2">
      <c r="A90" s="8" t="s">
        <v>10</v>
      </c>
      <c r="B90" s="35">
        <v>68</v>
      </c>
      <c r="C90" s="13">
        <v>83</v>
      </c>
      <c r="D90" s="12">
        <v>151</v>
      </c>
    </row>
    <row r="91" spans="1:4" ht="18" customHeight="1" x14ac:dyDescent="0.2">
      <c r="A91" s="8">
        <v>70</v>
      </c>
      <c r="B91" s="35">
        <v>15</v>
      </c>
      <c r="C91" s="13">
        <v>15</v>
      </c>
      <c r="D91" s="12">
        <v>30</v>
      </c>
    </row>
    <row r="92" spans="1:4" ht="18" customHeight="1" x14ac:dyDescent="0.2">
      <c r="A92" s="8">
        <v>71</v>
      </c>
      <c r="B92" s="35">
        <v>25</v>
      </c>
      <c r="C92" s="13">
        <v>15</v>
      </c>
      <c r="D92" s="12">
        <v>40</v>
      </c>
    </row>
    <row r="93" spans="1:4" ht="18" customHeight="1" x14ac:dyDescent="0.2">
      <c r="A93" s="8">
        <v>72</v>
      </c>
      <c r="B93" s="35">
        <v>24</v>
      </c>
      <c r="C93" s="13">
        <v>19</v>
      </c>
      <c r="D93" s="12">
        <v>43</v>
      </c>
    </row>
    <row r="94" spans="1:4" ht="18" customHeight="1" x14ac:dyDescent="0.2">
      <c r="A94" s="8">
        <v>73</v>
      </c>
      <c r="B94" s="35">
        <v>17</v>
      </c>
      <c r="C94" s="13">
        <v>18</v>
      </c>
      <c r="D94" s="12">
        <v>35</v>
      </c>
    </row>
    <row r="95" spans="1:4" ht="18" customHeight="1" x14ac:dyDescent="0.2">
      <c r="A95" s="8">
        <v>74</v>
      </c>
      <c r="B95" s="35">
        <v>20</v>
      </c>
      <c r="C95" s="13">
        <v>19</v>
      </c>
      <c r="D95" s="12">
        <v>39</v>
      </c>
    </row>
    <row r="96" spans="1:4" ht="18" customHeight="1" x14ac:dyDescent="0.2">
      <c r="A96" s="8" t="s">
        <v>9</v>
      </c>
      <c r="B96" s="35">
        <v>101</v>
      </c>
      <c r="C96" s="13">
        <v>86</v>
      </c>
      <c r="D96" s="12">
        <v>187</v>
      </c>
    </row>
    <row r="97" spans="1:4" ht="18" customHeight="1" x14ac:dyDescent="0.2">
      <c r="A97" s="8">
        <v>75</v>
      </c>
      <c r="B97" s="35">
        <v>28</v>
      </c>
      <c r="C97" s="13">
        <v>41</v>
      </c>
      <c r="D97" s="12">
        <v>69</v>
      </c>
    </row>
    <row r="98" spans="1:4" ht="18" customHeight="1" x14ac:dyDescent="0.2">
      <c r="A98" s="8">
        <v>76</v>
      </c>
      <c r="B98" s="35">
        <v>24</v>
      </c>
      <c r="C98" s="13">
        <v>22</v>
      </c>
      <c r="D98" s="12">
        <v>46</v>
      </c>
    </row>
    <row r="99" spans="1:4" ht="18" customHeight="1" x14ac:dyDescent="0.2">
      <c r="A99" s="8">
        <v>77</v>
      </c>
      <c r="B99" s="35">
        <v>9</v>
      </c>
      <c r="C99" s="13">
        <v>9</v>
      </c>
      <c r="D99" s="12">
        <v>18</v>
      </c>
    </row>
    <row r="100" spans="1:4" ht="18" customHeight="1" x14ac:dyDescent="0.2">
      <c r="A100" s="8">
        <v>78</v>
      </c>
      <c r="B100" s="35">
        <v>9</v>
      </c>
      <c r="C100" s="13">
        <v>23</v>
      </c>
      <c r="D100" s="12">
        <v>32</v>
      </c>
    </row>
    <row r="101" spans="1:4" ht="18" customHeight="1" x14ac:dyDescent="0.2">
      <c r="A101" s="8">
        <v>79</v>
      </c>
      <c r="B101" s="35">
        <v>14</v>
      </c>
      <c r="C101" s="13">
        <v>26</v>
      </c>
      <c r="D101" s="12">
        <v>40</v>
      </c>
    </row>
    <row r="102" spans="1:4" ht="18" customHeight="1" x14ac:dyDescent="0.2">
      <c r="A102" s="8" t="s">
        <v>8</v>
      </c>
      <c r="B102" s="35">
        <v>84</v>
      </c>
      <c r="C102" s="13">
        <v>121</v>
      </c>
      <c r="D102" s="12">
        <v>205</v>
      </c>
    </row>
    <row r="103" spans="1:4" ht="18" customHeight="1" x14ac:dyDescent="0.2">
      <c r="A103" s="8">
        <v>80</v>
      </c>
      <c r="B103" s="35">
        <v>16</v>
      </c>
      <c r="C103" s="13">
        <v>19</v>
      </c>
      <c r="D103" s="12">
        <v>35</v>
      </c>
    </row>
    <row r="104" spans="1:4" ht="18" customHeight="1" x14ac:dyDescent="0.2">
      <c r="A104" s="8">
        <v>81</v>
      </c>
      <c r="B104" s="35">
        <v>18</v>
      </c>
      <c r="C104" s="13">
        <v>25</v>
      </c>
      <c r="D104" s="12">
        <v>43</v>
      </c>
    </row>
    <row r="105" spans="1:4" ht="18" customHeight="1" x14ac:dyDescent="0.2">
      <c r="A105" s="8">
        <v>82</v>
      </c>
      <c r="B105" s="35">
        <v>11</v>
      </c>
      <c r="C105" s="13">
        <v>14</v>
      </c>
      <c r="D105" s="12">
        <v>25</v>
      </c>
    </row>
    <row r="106" spans="1:4" ht="18" customHeight="1" x14ac:dyDescent="0.2">
      <c r="A106" s="8">
        <v>83</v>
      </c>
      <c r="B106" s="35">
        <v>14</v>
      </c>
      <c r="C106" s="13">
        <v>12</v>
      </c>
      <c r="D106" s="12">
        <v>26</v>
      </c>
    </row>
    <row r="107" spans="1:4" ht="18" customHeight="1" x14ac:dyDescent="0.2">
      <c r="A107" s="8">
        <v>84</v>
      </c>
      <c r="B107" s="35">
        <v>4</v>
      </c>
      <c r="C107" s="13">
        <v>16</v>
      </c>
      <c r="D107" s="12">
        <v>20</v>
      </c>
    </row>
    <row r="108" spans="1:4" ht="18" customHeight="1" x14ac:dyDescent="0.2">
      <c r="A108" s="8" t="s">
        <v>7</v>
      </c>
      <c r="B108" s="35">
        <v>63</v>
      </c>
      <c r="C108" s="13">
        <v>86</v>
      </c>
      <c r="D108" s="12">
        <v>149</v>
      </c>
    </row>
    <row r="109" spans="1:4" ht="18" customHeight="1" x14ac:dyDescent="0.2">
      <c r="A109" s="8">
        <v>85</v>
      </c>
      <c r="B109" s="35">
        <v>8</v>
      </c>
      <c r="C109" s="13">
        <v>16</v>
      </c>
      <c r="D109" s="12">
        <v>24</v>
      </c>
    </row>
    <row r="110" spans="1:4" ht="18" customHeight="1" x14ac:dyDescent="0.2">
      <c r="A110" s="8">
        <v>86</v>
      </c>
      <c r="B110" s="35">
        <v>7</v>
      </c>
      <c r="C110" s="13">
        <v>14</v>
      </c>
      <c r="D110" s="12">
        <v>21</v>
      </c>
    </row>
    <row r="111" spans="1:4" ht="18" customHeight="1" x14ac:dyDescent="0.2">
      <c r="A111" s="8">
        <v>87</v>
      </c>
      <c r="B111" s="35">
        <v>5</v>
      </c>
      <c r="C111" s="13">
        <v>13</v>
      </c>
      <c r="D111" s="12">
        <v>18</v>
      </c>
    </row>
    <row r="112" spans="1:4" ht="18" customHeight="1" x14ac:dyDescent="0.2">
      <c r="A112" s="8">
        <v>88</v>
      </c>
      <c r="B112" s="35">
        <v>3</v>
      </c>
      <c r="C112" s="13">
        <v>13</v>
      </c>
      <c r="D112" s="12">
        <v>16</v>
      </c>
    </row>
    <row r="113" spans="1:4" ht="18" customHeight="1" x14ac:dyDescent="0.2">
      <c r="A113" s="8">
        <v>89</v>
      </c>
      <c r="B113" s="35">
        <v>9</v>
      </c>
      <c r="C113" s="13">
        <v>14</v>
      </c>
      <c r="D113" s="12">
        <v>23</v>
      </c>
    </row>
    <row r="114" spans="1:4" ht="18" customHeight="1" x14ac:dyDescent="0.2">
      <c r="A114" s="8" t="s">
        <v>6</v>
      </c>
      <c r="B114" s="35">
        <v>32</v>
      </c>
      <c r="C114" s="13">
        <v>70</v>
      </c>
      <c r="D114" s="12">
        <v>102</v>
      </c>
    </row>
    <row r="115" spans="1:4" ht="18" customHeight="1" x14ac:dyDescent="0.2">
      <c r="A115" s="8">
        <v>90</v>
      </c>
      <c r="B115" s="35">
        <v>6</v>
      </c>
      <c r="C115" s="13">
        <v>15</v>
      </c>
      <c r="D115" s="12">
        <v>21</v>
      </c>
    </row>
    <row r="116" spans="1:4" ht="18" customHeight="1" x14ac:dyDescent="0.2">
      <c r="A116" s="8">
        <v>91</v>
      </c>
      <c r="B116" s="35">
        <v>3</v>
      </c>
      <c r="C116" s="13">
        <v>16</v>
      </c>
      <c r="D116" s="12">
        <v>19</v>
      </c>
    </row>
    <row r="117" spans="1:4" ht="18" customHeight="1" x14ac:dyDescent="0.2">
      <c r="A117" s="8">
        <v>92</v>
      </c>
      <c r="B117" s="35">
        <v>3</v>
      </c>
      <c r="C117" s="13">
        <v>6</v>
      </c>
      <c r="D117" s="12">
        <v>9</v>
      </c>
    </row>
    <row r="118" spans="1:4" ht="18" customHeight="1" x14ac:dyDescent="0.2">
      <c r="A118" s="8">
        <v>93</v>
      </c>
      <c r="B118" s="35">
        <v>6</v>
      </c>
      <c r="C118" s="13">
        <v>8</v>
      </c>
      <c r="D118" s="12">
        <v>14</v>
      </c>
    </row>
    <row r="119" spans="1:4" ht="18" customHeight="1" x14ac:dyDescent="0.2">
      <c r="A119" s="8">
        <v>94</v>
      </c>
      <c r="B119" s="35">
        <v>5</v>
      </c>
      <c r="C119" s="13">
        <v>8</v>
      </c>
      <c r="D119" s="12">
        <v>13</v>
      </c>
    </row>
    <row r="120" spans="1:4" ht="18" customHeight="1" x14ac:dyDescent="0.2">
      <c r="A120" s="8" t="s">
        <v>5</v>
      </c>
      <c r="B120" s="35">
        <v>23</v>
      </c>
      <c r="C120" s="13">
        <v>53</v>
      </c>
      <c r="D120" s="12">
        <v>76</v>
      </c>
    </row>
    <row r="121" spans="1:4" ht="18" customHeight="1" x14ac:dyDescent="0.2">
      <c r="A121" s="8">
        <v>95</v>
      </c>
      <c r="B121" s="35">
        <v>0</v>
      </c>
      <c r="C121" s="13">
        <v>3</v>
      </c>
      <c r="D121" s="12">
        <v>3</v>
      </c>
    </row>
    <row r="122" spans="1:4" ht="18" customHeight="1" x14ac:dyDescent="0.2">
      <c r="A122" s="8">
        <v>96</v>
      </c>
      <c r="B122" s="35">
        <v>2</v>
      </c>
      <c r="C122" s="13">
        <v>8</v>
      </c>
      <c r="D122" s="12">
        <v>10</v>
      </c>
    </row>
    <row r="123" spans="1:4" ht="18" customHeight="1" x14ac:dyDescent="0.2">
      <c r="A123" s="8">
        <v>97</v>
      </c>
      <c r="B123" s="35">
        <v>0</v>
      </c>
      <c r="C123" s="13">
        <v>3</v>
      </c>
      <c r="D123" s="12">
        <v>3</v>
      </c>
    </row>
    <row r="124" spans="1:4" ht="18" customHeight="1" x14ac:dyDescent="0.2">
      <c r="A124" s="8">
        <v>98</v>
      </c>
      <c r="B124" s="35">
        <v>0</v>
      </c>
      <c r="C124" s="13">
        <v>4</v>
      </c>
      <c r="D124" s="12">
        <v>4</v>
      </c>
    </row>
    <row r="125" spans="1:4" ht="18" customHeight="1" x14ac:dyDescent="0.2">
      <c r="A125" s="8">
        <v>99</v>
      </c>
      <c r="B125" s="35">
        <v>0</v>
      </c>
      <c r="C125" s="13">
        <v>1</v>
      </c>
      <c r="D125" s="12">
        <v>1</v>
      </c>
    </row>
    <row r="126" spans="1:4" ht="18" customHeight="1" x14ac:dyDescent="0.2">
      <c r="A126" s="8" t="s">
        <v>4</v>
      </c>
      <c r="B126" s="35">
        <v>2</v>
      </c>
      <c r="C126" s="13">
        <v>19</v>
      </c>
      <c r="D126" s="12">
        <v>21</v>
      </c>
    </row>
    <row r="127" spans="1:4" ht="18" customHeight="1" x14ac:dyDescent="0.2">
      <c r="A127" s="8">
        <v>100</v>
      </c>
      <c r="B127" s="35">
        <v>0</v>
      </c>
      <c r="C127" s="13">
        <v>1</v>
      </c>
      <c r="D127" s="12">
        <v>1</v>
      </c>
    </row>
    <row r="128" spans="1:4" ht="18" customHeight="1" x14ac:dyDescent="0.2">
      <c r="A128" s="15" t="s">
        <v>3</v>
      </c>
      <c r="B128" s="35">
        <v>1</v>
      </c>
      <c r="C128" s="13">
        <v>3</v>
      </c>
      <c r="D128" s="12">
        <v>4</v>
      </c>
    </row>
    <row r="129" spans="1:4" ht="18" customHeight="1" x14ac:dyDescent="0.2">
      <c r="A129" s="8" t="s">
        <v>2</v>
      </c>
      <c r="B129" s="35">
        <v>1</v>
      </c>
      <c r="C129" s="13">
        <v>4</v>
      </c>
      <c r="D129" s="12">
        <v>5</v>
      </c>
    </row>
    <row r="130" spans="1:4" ht="18" customHeight="1" x14ac:dyDescent="0.2">
      <c r="A130" s="8" t="s">
        <v>1</v>
      </c>
      <c r="B130" s="28">
        <v>374</v>
      </c>
      <c r="C130" s="6">
        <v>522</v>
      </c>
      <c r="D130" s="5">
        <v>896</v>
      </c>
    </row>
    <row r="131" spans="1:4" ht="18" customHeight="1" x14ac:dyDescent="0.2">
      <c r="A131" s="4" t="s">
        <v>0</v>
      </c>
      <c r="B131" s="27">
        <v>922</v>
      </c>
      <c r="C131" s="2">
        <v>986</v>
      </c>
      <c r="D131" s="1">
        <v>1908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4A27AE0-B848-441E-9068-6550479A6710}">
  <sheetPr codeName="Sheet7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94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10</v>
      </c>
      <c r="C5" s="45">
        <v>12</v>
      </c>
      <c r="D5" s="44">
        <v>22</v>
      </c>
    </row>
    <row r="6" spans="1:4" ht="18" customHeight="1" x14ac:dyDescent="0.2">
      <c r="A6" s="8">
        <v>1</v>
      </c>
      <c r="B6" s="40">
        <v>13</v>
      </c>
      <c r="C6" s="13">
        <v>13</v>
      </c>
      <c r="D6" s="12">
        <v>26</v>
      </c>
    </row>
    <row r="7" spans="1:4" ht="18" customHeight="1" x14ac:dyDescent="0.2">
      <c r="A7" s="8">
        <v>2</v>
      </c>
      <c r="B7" s="40">
        <v>13</v>
      </c>
      <c r="C7" s="13">
        <v>14</v>
      </c>
      <c r="D7" s="12">
        <v>27</v>
      </c>
    </row>
    <row r="8" spans="1:4" ht="18" customHeight="1" x14ac:dyDescent="0.2">
      <c r="A8" s="8">
        <v>3</v>
      </c>
      <c r="B8" s="40">
        <v>15</v>
      </c>
      <c r="C8" s="13">
        <v>18</v>
      </c>
      <c r="D8" s="12">
        <v>33</v>
      </c>
    </row>
    <row r="9" spans="1:4" ht="18" customHeight="1" x14ac:dyDescent="0.2">
      <c r="A9" s="8">
        <v>4</v>
      </c>
      <c r="B9" s="43">
        <v>14</v>
      </c>
      <c r="C9" s="42">
        <v>26</v>
      </c>
      <c r="D9" s="41">
        <v>40</v>
      </c>
    </row>
    <row r="10" spans="1:4" ht="18" customHeight="1" x14ac:dyDescent="0.2">
      <c r="A10" s="8" t="s">
        <v>25</v>
      </c>
      <c r="B10" s="35">
        <v>65</v>
      </c>
      <c r="C10" s="13">
        <v>83</v>
      </c>
      <c r="D10" s="12">
        <v>148</v>
      </c>
    </row>
    <row r="11" spans="1:4" ht="18" customHeight="1" x14ac:dyDescent="0.2">
      <c r="A11" s="8">
        <v>5</v>
      </c>
      <c r="B11" s="40">
        <v>15</v>
      </c>
      <c r="C11" s="13">
        <v>22</v>
      </c>
      <c r="D11" s="12">
        <v>37</v>
      </c>
    </row>
    <row r="12" spans="1:4" ht="18" customHeight="1" x14ac:dyDescent="0.2">
      <c r="A12" s="8">
        <v>6</v>
      </c>
      <c r="B12" s="40">
        <v>19</v>
      </c>
      <c r="C12" s="13">
        <v>29</v>
      </c>
      <c r="D12" s="12">
        <v>48</v>
      </c>
    </row>
    <row r="13" spans="1:4" ht="18" customHeight="1" x14ac:dyDescent="0.2">
      <c r="A13" s="8">
        <v>7</v>
      </c>
      <c r="B13" s="40">
        <v>24</v>
      </c>
      <c r="C13" s="13">
        <v>28</v>
      </c>
      <c r="D13" s="12">
        <v>52</v>
      </c>
    </row>
    <row r="14" spans="1:4" ht="18" customHeight="1" x14ac:dyDescent="0.2">
      <c r="A14" s="8">
        <v>8</v>
      </c>
      <c r="B14" s="40">
        <v>22</v>
      </c>
      <c r="C14" s="13">
        <v>23</v>
      </c>
      <c r="D14" s="12">
        <v>45</v>
      </c>
    </row>
    <row r="15" spans="1:4" ht="18" customHeight="1" x14ac:dyDescent="0.2">
      <c r="A15" s="8">
        <v>9</v>
      </c>
      <c r="B15" s="40">
        <v>26</v>
      </c>
      <c r="C15" s="13">
        <v>28</v>
      </c>
      <c r="D15" s="12">
        <v>54</v>
      </c>
    </row>
    <row r="16" spans="1:4" ht="18" customHeight="1" x14ac:dyDescent="0.2">
      <c r="A16" s="8" t="s">
        <v>24</v>
      </c>
      <c r="B16" s="35">
        <v>106</v>
      </c>
      <c r="C16" s="13">
        <v>130</v>
      </c>
      <c r="D16" s="12">
        <v>236</v>
      </c>
    </row>
    <row r="17" spans="1:4" ht="18" customHeight="1" x14ac:dyDescent="0.2">
      <c r="A17" s="8">
        <v>10</v>
      </c>
      <c r="B17" s="35">
        <v>34</v>
      </c>
      <c r="C17" s="13">
        <v>28</v>
      </c>
      <c r="D17" s="12">
        <v>62</v>
      </c>
    </row>
    <row r="18" spans="1:4" ht="18" customHeight="1" x14ac:dyDescent="0.2">
      <c r="A18" s="8">
        <v>11</v>
      </c>
      <c r="B18" s="35">
        <v>23</v>
      </c>
      <c r="C18" s="13">
        <v>19</v>
      </c>
      <c r="D18" s="12">
        <v>42</v>
      </c>
    </row>
    <row r="19" spans="1:4" ht="18" customHeight="1" x14ac:dyDescent="0.2">
      <c r="A19" s="8">
        <v>12</v>
      </c>
      <c r="B19" s="35">
        <v>19</v>
      </c>
      <c r="C19" s="13">
        <v>21</v>
      </c>
      <c r="D19" s="12">
        <v>40</v>
      </c>
    </row>
    <row r="20" spans="1:4" ht="18" customHeight="1" x14ac:dyDescent="0.2">
      <c r="A20" s="8">
        <v>13</v>
      </c>
      <c r="B20" s="35">
        <v>23</v>
      </c>
      <c r="C20" s="13">
        <v>30</v>
      </c>
      <c r="D20" s="12">
        <v>53</v>
      </c>
    </row>
    <row r="21" spans="1:4" ht="18" customHeight="1" x14ac:dyDescent="0.2">
      <c r="A21" s="8">
        <v>14</v>
      </c>
      <c r="B21" s="35">
        <v>28</v>
      </c>
      <c r="C21" s="13">
        <v>21</v>
      </c>
      <c r="D21" s="12">
        <v>49</v>
      </c>
    </row>
    <row r="22" spans="1:4" ht="18" customHeight="1" x14ac:dyDescent="0.2">
      <c r="A22" s="8" t="s">
        <v>23</v>
      </c>
      <c r="B22" s="35">
        <v>127</v>
      </c>
      <c r="C22" s="13">
        <v>119</v>
      </c>
      <c r="D22" s="12">
        <v>246</v>
      </c>
    </row>
    <row r="23" spans="1:4" ht="18" customHeight="1" x14ac:dyDescent="0.2">
      <c r="A23" s="8" t="s">
        <v>22</v>
      </c>
      <c r="B23" s="35">
        <v>298</v>
      </c>
      <c r="C23" s="13">
        <v>332</v>
      </c>
      <c r="D23" s="12">
        <v>630</v>
      </c>
    </row>
    <row r="24" spans="1:4" ht="18" customHeight="1" x14ac:dyDescent="0.2">
      <c r="A24" s="8">
        <v>15</v>
      </c>
      <c r="B24" s="35">
        <v>26</v>
      </c>
      <c r="C24" s="13">
        <v>22</v>
      </c>
      <c r="D24" s="12">
        <v>48</v>
      </c>
    </row>
    <row r="25" spans="1:4" ht="18" customHeight="1" x14ac:dyDescent="0.2">
      <c r="A25" s="8">
        <v>16</v>
      </c>
      <c r="B25" s="35">
        <v>35</v>
      </c>
      <c r="C25" s="13">
        <v>24</v>
      </c>
      <c r="D25" s="12">
        <v>59</v>
      </c>
    </row>
    <row r="26" spans="1:4" ht="18" customHeight="1" x14ac:dyDescent="0.2">
      <c r="A26" s="8">
        <v>17</v>
      </c>
      <c r="B26" s="35">
        <v>36</v>
      </c>
      <c r="C26" s="13">
        <v>26</v>
      </c>
      <c r="D26" s="12">
        <v>62</v>
      </c>
    </row>
    <row r="27" spans="1:4" ht="18" customHeight="1" x14ac:dyDescent="0.2">
      <c r="A27" s="8">
        <v>18</v>
      </c>
      <c r="B27" s="35">
        <v>36</v>
      </c>
      <c r="C27" s="13">
        <v>31</v>
      </c>
      <c r="D27" s="12">
        <v>67</v>
      </c>
    </row>
    <row r="28" spans="1:4" ht="18" customHeight="1" x14ac:dyDescent="0.2">
      <c r="A28" s="8">
        <v>19</v>
      </c>
      <c r="B28" s="35">
        <v>23</v>
      </c>
      <c r="C28" s="13">
        <v>31</v>
      </c>
      <c r="D28" s="12">
        <v>54</v>
      </c>
    </row>
    <row r="29" spans="1:4" ht="18" customHeight="1" x14ac:dyDescent="0.2">
      <c r="A29" s="8" t="s">
        <v>21</v>
      </c>
      <c r="B29" s="35">
        <v>156</v>
      </c>
      <c r="C29" s="13">
        <v>134</v>
      </c>
      <c r="D29" s="12">
        <v>290</v>
      </c>
    </row>
    <row r="30" spans="1:4" ht="18" customHeight="1" x14ac:dyDescent="0.2">
      <c r="A30" s="8">
        <v>20</v>
      </c>
      <c r="B30" s="35">
        <v>35</v>
      </c>
      <c r="C30" s="13">
        <v>32</v>
      </c>
      <c r="D30" s="12">
        <v>67</v>
      </c>
    </row>
    <row r="31" spans="1:4" ht="18" customHeight="1" x14ac:dyDescent="0.2">
      <c r="A31" s="8">
        <v>21</v>
      </c>
      <c r="B31" s="35">
        <v>44</v>
      </c>
      <c r="C31" s="13">
        <v>21</v>
      </c>
      <c r="D31" s="12">
        <v>65</v>
      </c>
    </row>
    <row r="32" spans="1:4" ht="18" customHeight="1" x14ac:dyDescent="0.2">
      <c r="A32" s="8">
        <v>22</v>
      </c>
      <c r="B32" s="35">
        <v>34</v>
      </c>
      <c r="C32" s="13">
        <v>40</v>
      </c>
      <c r="D32" s="12">
        <v>74</v>
      </c>
    </row>
    <row r="33" spans="1:4" ht="18" customHeight="1" x14ac:dyDescent="0.2">
      <c r="A33" s="8">
        <v>23</v>
      </c>
      <c r="B33" s="35">
        <v>37</v>
      </c>
      <c r="C33" s="13">
        <v>49</v>
      </c>
      <c r="D33" s="12">
        <v>86</v>
      </c>
    </row>
    <row r="34" spans="1:4" ht="18" customHeight="1" x14ac:dyDescent="0.2">
      <c r="A34" s="8">
        <v>24</v>
      </c>
      <c r="B34" s="35">
        <v>40</v>
      </c>
      <c r="C34" s="13">
        <v>31</v>
      </c>
      <c r="D34" s="12">
        <v>71</v>
      </c>
    </row>
    <row r="35" spans="1:4" ht="18" customHeight="1" x14ac:dyDescent="0.2">
      <c r="A35" s="8" t="s">
        <v>20</v>
      </c>
      <c r="B35" s="35">
        <v>190</v>
      </c>
      <c r="C35" s="13">
        <v>173</v>
      </c>
      <c r="D35" s="12">
        <v>363</v>
      </c>
    </row>
    <row r="36" spans="1:4" ht="18" customHeight="1" x14ac:dyDescent="0.2">
      <c r="A36" s="8">
        <v>25</v>
      </c>
      <c r="B36" s="35">
        <v>41</v>
      </c>
      <c r="C36" s="13">
        <v>22</v>
      </c>
      <c r="D36" s="12">
        <v>63</v>
      </c>
    </row>
    <row r="37" spans="1:4" ht="18" customHeight="1" x14ac:dyDescent="0.2">
      <c r="A37" s="8">
        <v>26</v>
      </c>
      <c r="B37" s="35">
        <v>38</v>
      </c>
      <c r="C37" s="13">
        <v>30</v>
      </c>
      <c r="D37" s="12">
        <v>68</v>
      </c>
    </row>
    <row r="38" spans="1:4" ht="18" customHeight="1" x14ac:dyDescent="0.2">
      <c r="A38" s="8">
        <v>27</v>
      </c>
      <c r="B38" s="35">
        <v>37</v>
      </c>
      <c r="C38" s="13">
        <v>24</v>
      </c>
      <c r="D38" s="12">
        <v>61</v>
      </c>
    </row>
    <row r="39" spans="1:4" ht="18" customHeight="1" x14ac:dyDescent="0.2">
      <c r="A39" s="8">
        <v>28</v>
      </c>
      <c r="B39" s="35">
        <v>39</v>
      </c>
      <c r="C39" s="13">
        <v>25</v>
      </c>
      <c r="D39" s="12">
        <v>64</v>
      </c>
    </row>
    <row r="40" spans="1:4" ht="18" customHeight="1" x14ac:dyDescent="0.2">
      <c r="A40" s="8">
        <v>29</v>
      </c>
      <c r="B40" s="35">
        <v>34</v>
      </c>
      <c r="C40" s="13">
        <v>23</v>
      </c>
      <c r="D40" s="12">
        <v>57</v>
      </c>
    </row>
    <row r="41" spans="1:4" ht="18" customHeight="1" x14ac:dyDescent="0.2">
      <c r="A41" s="8" t="s">
        <v>19</v>
      </c>
      <c r="B41" s="35">
        <v>189</v>
      </c>
      <c r="C41" s="13">
        <v>124</v>
      </c>
      <c r="D41" s="12">
        <v>313</v>
      </c>
    </row>
    <row r="42" spans="1:4" ht="18" customHeight="1" x14ac:dyDescent="0.2">
      <c r="A42" s="8">
        <v>30</v>
      </c>
      <c r="B42" s="35">
        <v>42</v>
      </c>
      <c r="C42" s="13">
        <v>18</v>
      </c>
      <c r="D42" s="12">
        <v>60</v>
      </c>
    </row>
    <row r="43" spans="1:4" ht="18" customHeight="1" x14ac:dyDescent="0.2">
      <c r="A43" s="8">
        <v>31</v>
      </c>
      <c r="B43" s="35">
        <v>32</v>
      </c>
      <c r="C43" s="13">
        <v>26</v>
      </c>
      <c r="D43" s="12">
        <v>58</v>
      </c>
    </row>
    <row r="44" spans="1:4" ht="18" customHeight="1" x14ac:dyDescent="0.2">
      <c r="A44" s="8">
        <v>32</v>
      </c>
      <c r="B44" s="35">
        <v>33</v>
      </c>
      <c r="C44" s="13">
        <v>23</v>
      </c>
      <c r="D44" s="12">
        <v>56</v>
      </c>
    </row>
    <row r="45" spans="1:4" ht="18" customHeight="1" x14ac:dyDescent="0.2">
      <c r="A45" s="8">
        <v>33</v>
      </c>
      <c r="B45" s="35">
        <v>35</v>
      </c>
      <c r="C45" s="13">
        <v>26</v>
      </c>
      <c r="D45" s="12">
        <v>61</v>
      </c>
    </row>
    <row r="46" spans="1:4" ht="18" customHeight="1" x14ac:dyDescent="0.2">
      <c r="A46" s="8">
        <v>34</v>
      </c>
      <c r="B46" s="35">
        <v>41</v>
      </c>
      <c r="C46" s="13">
        <v>28</v>
      </c>
      <c r="D46" s="12">
        <v>69</v>
      </c>
    </row>
    <row r="47" spans="1:4" ht="18" customHeight="1" x14ac:dyDescent="0.2">
      <c r="A47" s="8" t="s">
        <v>18</v>
      </c>
      <c r="B47" s="35">
        <v>183</v>
      </c>
      <c r="C47" s="13">
        <v>121</v>
      </c>
      <c r="D47" s="12">
        <v>304</v>
      </c>
    </row>
    <row r="48" spans="1:4" ht="18" customHeight="1" x14ac:dyDescent="0.2">
      <c r="A48" s="8">
        <v>35</v>
      </c>
      <c r="B48" s="35">
        <v>32</v>
      </c>
      <c r="C48" s="13">
        <v>24</v>
      </c>
      <c r="D48" s="12">
        <v>56</v>
      </c>
    </row>
    <row r="49" spans="1:4" ht="18" customHeight="1" x14ac:dyDescent="0.2">
      <c r="A49" s="8">
        <v>36</v>
      </c>
      <c r="B49" s="35">
        <v>43</v>
      </c>
      <c r="C49" s="13">
        <v>36</v>
      </c>
      <c r="D49" s="12">
        <v>79</v>
      </c>
    </row>
    <row r="50" spans="1:4" ht="18" customHeight="1" x14ac:dyDescent="0.2">
      <c r="A50" s="8">
        <v>37</v>
      </c>
      <c r="B50" s="35">
        <v>28</v>
      </c>
      <c r="C50" s="13">
        <v>32</v>
      </c>
      <c r="D50" s="12">
        <v>60</v>
      </c>
    </row>
    <row r="51" spans="1:4" ht="18" customHeight="1" x14ac:dyDescent="0.2">
      <c r="A51" s="8">
        <v>38</v>
      </c>
      <c r="B51" s="35">
        <v>26</v>
      </c>
      <c r="C51" s="13">
        <v>35</v>
      </c>
      <c r="D51" s="12">
        <v>61</v>
      </c>
    </row>
    <row r="52" spans="1:4" ht="18" customHeight="1" x14ac:dyDescent="0.2">
      <c r="A52" s="8">
        <v>39</v>
      </c>
      <c r="B52" s="35">
        <v>41</v>
      </c>
      <c r="C52" s="13">
        <v>39</v>
      </c>
      <c r="D52" s="12">
        <v>80</v>
      </c>
    </row>
    <row r="53" spans="1:4" ht="18" customHeight="1" x14ac:dyDescent="0.2">
      <c r="A53" s="8" t="s">
        <v>17</v>
      </c>
      <c r="B53" s="35">
        <v>170</v>
      </c>
      <c r="C53" s="13">
        <v>166</v>
      </c>
      <c r="D53" s="12">
        <v>336</v>
      </c>
    </row>
    <row r="54" spans="1:4" ht="18" customHeight="1" x14ac:dyDescent="0.2">
      <c r="A54" s="8">
        <v>40</v>
      </c>
      <c r="B54" s="35">
        <v>35</v>
      </c>
      <c r="C54" s="13">
        <v>37</v>
      </c>
      <c r="D54" s="12">
        <v>72</v>
      </c>
    </row>
    <row r="55" spans="1:4" ht="18" customHeight="1" x14ac:dyDescent="0.2">
      <c r="A55" s="8">
        <v>41</v>
      </c>
      <c r="B55" s="35">
        <v>41</v>
      </c>
      <c r="C55" s="13">
        <v>34</v>
      </c>
      <c r="D55" s="12">
        <v>75</v>
      </c>
    </row>
    <row r="56" spans="1:4" ht="18" customHeight="1" x14ac:dyDescent="0.2">
      <c r="A56" s="8">
        <v>42</v>
      </c>
      <c r="B56" s="35">
        <v>40</v>
      </c>
      <c r="C56" s="13">
        <v>40</v>
      </c>
      <c r="D56" s="12">
        <v>80</v>
      </c>
    </row>
    <row r="57" spans="1:4" ht="18" customHeight="1" x14ac:dyDescent="0.2">
      <c r="A57" s="8">
        <v>43</v>
      </c>
      <c r="B57" s="35">
        <v>41</v>
      </c>
      <c r="C57" s="13">
        <v>43</v>
      </c>
      <c r="D57" s="12">
        <v>84</v>
      </c>
    </row>
    <row r="58" spans="1:4" ht="18" customHeight="1" x14ac:dyDescent="0.2">
      <c r="A58" s="8">
        <v>44</v>
      </c>
      <c r="B58" s="35">
        <v>46</v>
      </c>
      <c r="C58" s="13">
        <v>41</v>
      </c>
      <c r="D58" s="12">
        <v>87</v>
      </c>
    </row>
    <row r="59" spans="1:4" ht="18" customHeight="1" x14ac:dyDescent="0.2">
      <c r="A59" s="8" t="s">
        <v>16</v>
      </c>
      <c r="B59" s="35">
        <v>203</v>
      </c>
      <c r="C59" s="13">
        <v>195</v>
      </c>
      <c r="D59" s="12">
        <v>398</v>
      </c>
    </row>
    <row r="60" spans="1:4" ht="18" customHeight="1" x14ac:dyDescent="0.2">
      <c r="A60" s="8">
        <v>45</v>
      </c>
      <c r="B60" s="35">
        <v>43</v>
      </c>
      <c r="C60" s="13">
        <v>42</v>
      </c>
      <c r="D60" s="12">
        <v>85</v>
      </c>
    </row>
    <row r="61" spans="1:4" ht="18" customHeight="1" x14ac:dyDescent="0.2">
      <c r="A61" s="8">
        <v>46</v>
      </c>
      <c r="B61" s="35">
        <v>40</v>
      </c>
      <c r="C61" s="13">
        <v>46</v>
      </c>
      <c r="D61" s="12">
        <v>86</v>
      </c>
    </row>
    <row r="62" spans="1:4" ht="18" customHeight="1" x14ac:dyDescent="0.2">
      <c r="A62" s="8">
        <v>47</v>
      </c>
      <c r="B62" s="35">
        <v>46</v>
      </c>
      <c r="C62" s="13">
        <v>35</v>
      </c>
      <c r="D62" s="12">
        <v>81</v>
      </c>
    </row>
    <row r="63" spans="1:4" ht="18" customHeight="1" x14ac:dyDescent="0.2">
      <c r="A63" s="8">
        <v>48</v>
      </c>
      <c r="B63" s="35">
        <v>46</v>
      </c>
      <c r="C63" s="13">
        <v>47</v>
      </c>
      <c r="D63" s="12">
        <v>93</v>
      </c>
    </row>
    <row r="64" spans="1:4" ht="18" customHeight="1" x14ac:dyDescent="0.2">
      <c r="A64" s="8">
        <v>49</v>
      </c>
      <c r="B64" s="35">
        <v>43</v>
      </c>
      <c r="C64" s="13">
        <v>47</v>
      </c>
      <c r="D64" s="12">
        <v>90</v>
      </c>
    </row>
    <row r="65" spans="1:4" ht="18" customHeight="1" x14ac:dyDescent="0.2">
      <c r="A65" s="8" t="s">
        <v>15</v>
      </c>
      <c r="B65" s="35">
        <v>218</v>
      </c>
      <c r="C65" s="13">
        <v>217</v>
      </c>
      <c r="D65" s="12">
        <v>435</v>
      </c>
    </row>
    <row r="66" spans="1:4" ht="18" customHeight="1" x14ac:dyDescent="0.2">
      <c r="A66" s="8">
        <v>50</v>
      </c>
      <c r="B66" s="35">
        <v>56</v>
      </c>
      <c r="C66" s="13">
        <v>51</v>
      </c>
      <c r="D66" s="12">
        <v>107</v>
      </c>
    </row>
    <row r="67" spans="1:4" ht="18" customHeight="1" x14ac:dyDescent="0.2">
      <c r="A67" s="8">
        <v>51</v>
      </c>
      <c r="B67" s="35">
        <v>53</v>
      </c>
      <c r="C67" s="13">
        <v>50</v>
      </c>
      <c r="D67" s="12">
        <v>103</v>
      </c>
    </row>
    <row r="68" spans="1:4" ht="18" customHeight="1" x14ac:dyDescent="0.2">
      <c r="A68" s="8">
        <v>52</v>
      </c>
      <c r="B68" s="35">
        <v>51</v>
      </c>
      <c r="C68" s="13">
        <v>41</v>
      </c>
      <c r="D68" s="12">
        <v>92</v>
      </c>
    </row>
    <row r="69" spans="1:4" ht="18" customHeight="1" x14ac:dyDescent="0.2">
      <c r="A69" s="8">
        <v>53</v>
      </c>
      <c r="B69" s="35">
        <v>67</v>
      </c>
      <c r="C69" s="13">
        <v>56</v>
      </c>
      <c r="D69" s="12">
        <v>123</v>
      </c>
    </row>
    <row r="70" spans="1:4" ht="18" customHeight="1" x14ac:dyDescent="0.2">
      <c r="A70" s="8">
        <v>54</v>
      </c>
      <c r="B70" s="35">
        <v>41</v>
      </c>
      <c r="C70" s="13">
        <v>44</v>
      </c>
      <c r="D70" s="12">
        <v>85</v>
      </c>
    </row>
    <row r="71" spans="1:4" ht="18" customHeight="1" x14ac:dyDescent="0.2">
      <c r="A71" s="8" t="s">
        <v>14</v>
      </c>
      <c r="B71" s="35">
        <v>268</v>
      </c>
      <c r="C71" s="13">
        <v>242</v>
      </c>
      <c r="D71" s="12">
        <v>510</v>
      </c>
    </row>
    <row r="72" spans="1:4" ht="18" customHeight="1" x14ac:dyDescent="0.2">
      <c r="A72" s="8">
        <v>55</v>
      </c>
      <c r="B72" s="35">
        <v>54</v>
      </c>
      <c r="C72" s="13">
        <v>61</v>
      </c>
      <c r="D72" s="12">
        <v>115</v>
      </c>
    </row>
    <row r="73" spans="1:4" ht="18" customHeight="1" x14ac:dyDescent="0.2">
      <c r="A73" s="8">
        <v>56</v>
      </c>
      <c r="B73" s="35">
        <v>41</v>
      </c>
      <c r="C73" s="13">
        <v>43</v>
      </c>
      <c r="D73" s="12">
        <v>84</v>
      </c>
    </row>
    <row r="74" spans="1:4" ht="18" customHeight="1" x14ac:dyDescent="0.2">
      <c r="A74" s="8">
        <v>57</v>
      </c>
      <c r="B74" s="35">
        <v>34</v>
      </c>
      <c r="C74" s="13">
        <v>35</v>
      </c>
      <c r="D74" s="12">
        <v>69</v>
      </c>
    </row>
    <row r="75" spans="1:4" ht="18" customHeight="1" x14ac:dyDescent="0.2">
      <c r="A75" s="8">
        <v>58</v>
      </c>
      <c r="B75" s="35">
        <v>52</v>
      </c>
      <c r="C75" s="13">
        <v>49</v>
      </c>
      <c r="D75" s="12">
        <v>101</v>
      </c>
    </row>
    <row r="76" spans="1:4" ht="18" customHeight="1" x14ac:dyDescent="0.2">
      <c r="A76" s="8">
        <v>59</v>
      </c>
      <c r="B76" s="35">
        <v>45</v>
      </c>
      <c r="C76" s="13">
        <v>42</v>
      </c>
      <c r="D76" s="12">
        <v>87</v>
      </c>
    </row>
    <row r="77" spans="1:4" ht="18" customHeight="1" x14ac:dyDescent="0.2">
      <c r="A77" s="8" t="s">
        <v>13</v>
      </c>
      <c r="B77" s="35">
        <v>226</v>
      </c>
      <c r="C77" s="13">
        <v>230</v>
      </c>
      <c r="D77" s="12">
        <v>456</v>
      </c>
    </row>
    <row r="78" spans="1:4" ht="18" customHeight="1" x14ac:dyDescent="0.2">
      <c r="A78" s="8">
        <v>60</v>
      </c>
      <c r="B78" s="35">
        <v>42</v>
      </c>
      <c r="C78" s="13">
        <v>36</v>
      </c>
      <c r="D78" s="12">
        <v>78</v>
      </c>
    </row>
    <row r="79" spans="1:4" ht="18" customHeight="1" x14ac:dyDescent="0.2">
      <c r="A79" s="8">
        <v>61</v>
      </c>
      <c r="B79" s="35">
        <v>42</v>
      </c>
      <c r="C79" s="13">
        <v>44</v>
      </c>
      <c r="D79" s="12">
        <v>86</v>
      </c>
    </row>
    <row r="80" spans="1:4" ht="18" customHeight="1" x14ac:dyDescent="0.2">
      <c r="A80" s="8">
        <v>62</v>
      </c>
      <c r="B80" s="35">
        <v>51</v>
      </c>
      <c r="C80" s="13">
        <v>62</v>
      </c>
      <c r="D80" s="12">
        <v>113</v>
      </c>
    </row>
    <row r="81" spans="1:4" ht="18" customHeight="1" x14ac:dyDescent="0.2">
      <c r="A81" s="8">
        <v>63</v>
      </c>
      <c r="B81" s="35">
        <v>47</v>
      </c>
      <c r="C81" s="13">
        <v>42</v>
      </c>
      <c r="D81" s="12">
        <v>89</v>
      </c>
    </row>
    <row r="82" spans="1:4" ht="18" customHeight="1" x14ac:dyDescent="0.2">
      <c r="A82" s="8">
        <v>64</v>
      </c>
      <c r="B82" s="35">
        <v>44</v>
      </c>
      <c r="C82" s="13">
        <v>39</v>
      </c>
      <c r="D82" s="12">
        <v>83</v>
      </c>
    </row>
    <row r="83" spans="1:4" ht="18" customHeight="1" x14ac:dyDescent="0.2">
      <c r="A83" s="8" t="s">
        <v>12</v>
      </c>
      <c r="B83" s="35">
        <v>226</v>
      </c>
      <c r="C83" s="13">
        <v>223</v>
      </c>
      <c r="D83" s="12">
        <v>449</v>
      </c>
    </row>
    <row r="84" spans="1:4" ht="18" customHeight="1" x14ac:dyDescent="0.2">
      <c r="A84" s="8" t="s">
        <v>11</v>
      </c>
      <c r="B84" s="35">
        <v>2029</v>
      </c>
      <c r="C84" s="13">
        <v>1825</v>
      </c>
      <c r="D84" s="12">
        <v>3854</v>
      </c>
    </row>
    <row r="85" spans="1:4" ht="18" customHeight="1" x14ac:dyDescent="0.2">
      <c r="A85" s="8">
        <v>65</v>
      </c>
      <c r="B85" s="35">
        <v>48</v>
      </c>
      <c r="C85" s="13">
        <v>41</v>
      </c>
      <c r="D85" s="12">
        <v>89</v>
      </c>
    </row>
    <row r="86" spans="1:4" ht="18" customHeight="1" x14ac:dyDescent="0.2">
      <c r="A86" s="8">
        <v>66</v>
      </c>
      <c r="B86" s="35">
        <v>40</v>
      </c>
      <c r="C86" s="13">
        <v>41</v>
      </c>
      <c r="D86" s="12">
        <v>81</v>
      </c>
    </row>
    <row r="87" spans="1:4" ht="18" customHeight="1" x14ac:dyDescent="0.2">
      <c r="A87" s="8">
        <v>67</v>
      </c>
      <c r="B87" s="35">
        <v>47</v>
      </c>
      <c r="C87" s="13">
        <v>45</v>
      </c>
      <c r="D87" s="12">
        <v>92</v>
      </c>
    </row>
    <row r="88" spans="1:4" ht="18" customHeight="1" x14ac:dyDescent="0.2">
      <c r="A88" s="8">
        <v>68</v>
      </c>
      <c r="B88" s="35">
        <v>56</v>
      </c>
      <c r="C88" s="13">
        <v>55</v>
      </c>
      <c r="D88" s="12">
        <v>111</v>
      </c>
    </row>
    <row r="89" spans="1:4" ht="18" customHeight="1" x14ac:dyDescent="0.2">
      <c r="A89" s="8">
        <v>69</v>
      </c>
      <c r="B89" s="35">
        <v>53</v>
      </c>
      <c r="C89" s="13">
        <v>52</v>
      </c>
      <c r="D89" s="12">
        <v>105</v>
      </c>
    </row>
    <row r="90" spans="1:4" ht="18" customHeight="1" x14ac:dyDescent="0.2">
      <c r="A90" s="8" t="s">
        <v>10</v>
      </c>
      <c r="B90" s="35">
        <v>244</v>
      </c>
      <c r="C90" s="13">
        <v>234</v>
      </c>
      <c r="D90" s="12">
        <v>478</v>
      </c>
    </row>
    <row r="91" spans="1:4" ht="18" customHeight="1" x14ac:dyDescent="0.2">
      <c r="A91" s="8">
        <v>70</v>
      </c>
      <c r="B91" s="35">
        <v>49</v>
      </c>
      <c r="C91" s="13">
        <v>58</v>
      </c>
      <c r="D91" s="12">
        <v>107</v>
      </c>
    </row>
    <row r="92" spans="1:4" ht="18" customHeight="1" x14ac:dyDescent="0.2">
      <c r="A92" s="8">
        <v>71</v>
      </c>
      <c r="B92" s="35">
        <v>58</v>
      </c>
      <c r="C92" s="13">
        <v>49</v>
      </c>
      <c r="D92" s="12">
        <v>107</v>
      </c>
    </row>
    <row r="93" spans="1:4" ht="18" customHeight="1" x14ac:dyDescent="0.2">
      <c r="A93" s="8">
        <v>72</v>
      </c>
      <c r="B93" s="35">
        <v>51</v>
      </c>
      <c r="C93" s="13">
        <v>71</v>
      </c>
      <c r="D93" s="12">
        <v>122</v>
      </c>
    </row>
    <row r="94" spans="1:4" ht="18" customHeight="1" x14ac:dyDescent="0.2">
      <c r="A94" s="8">
        <v>73</v>
      </c>
      <c r="B94" s="35">
        <v>77</v>
      </c>
      <c r="C94" s="13">
        <v>44</v>
      </c>
      <c r="D94" s="12">
        <v>121</v>
      </c>
    </row>
    <row r="95" spans="1:4" ht="18" customHeight="1" x14ac:dyDescent="0.2">
      <c r="A95" s="8">
        <v>74</v>
      </c>
      <c r="B95" s="35">
        <v>60</v>
      </c>
      <c r="C95" s="13">
        <v>55</v>
      </c>
      <c r="D95" s="12">
        <v>115</v>
      </c>
    </row>
    <row r="96" spans="1:4" ht="18" customHeight="1" x14ac:dyDescent="0.2">
      <c r="A96" s="8" t="s">
        <v>9</v>
      </c>
      <c r="B96" s="35">
        <v>295</v>
      </c>
      <c r="C96" s="13">
        <v>277</v>
      </c>
      <c r="D96" s="12">
        <v>572</v>
      </c>
    </row>
    <row r="97" spans="1:4" ht="18" customHeight="1" x14ac:dyDescent="0.2">
      <c r="A97" s="8">
        <v>75</v>
      </c>
      <c r="B97" s="35">
        <v>74</v>
      </c>
      <c r="C97" s="13">
        <v>76</v>
      </c>
      <c r="D97" s="12">
        <v>150</v>
      </c>
    </row>
    <row r="98" spans="1:4" ht="18" customHeight="1" x14ac:dyDescent="0.2">
      <c r="A98" s="8">
        <v>76</v>
      </c>
      <c r="B98" s="35">
        <v>50</v>
      </c>
      <c r="C98" s="13">
        <v>53</v>
      </c>
      <c r="D98" s="12">
        <v>103</v>
      </c>
    </row>
    <row r="99" spans="1:4" ht="18" customHeight="1" x14ac:dyDescent="0.2">
      <c r="A99" s="8">
        <v>77</v>
      </c>
      <c r="B99" s="35">
        <v>21</v>
      </c>
      <c r="C99" s="13">
        <v>30</v>
      </c>
      <c r="D99" s="12">
        <v>51</v>
      </c>
    </row>
    <row r="100" spans="1:4" ht="18" customHeight="1" x14ac:dyDescent="0.2">
      <c r="A100" s="8">
        <v>78</v>
      </c>
      <c r="B100" s="35">
        <v>45</v>
      </c>
      <c r="C100" s="13">
        <v>39</v>
      </c>
      <c r="D100" s="12">
        <v>84</v>
      </c>
    </row>
    <row r="101" spans="1:4" ht="18" customHeight="1" x14ac:dyDescent="0.2">
      <c r="A101" s="8">
        <v>79</v>
      </c>
      <c r="B101" s="35">
        <v>36</v>
      </c>
      <c r="C101" s="13">
        <v>51</v>
      </c>
      <c r="D101" s="12">
        <v>87</v>
      </c>
    </row>
    <row r="102" spans="1:4" ht="18" customHeight="1" x14ac:dyDescent="0.2">
      <c r="A102" s="8" t="s">
        <v>8</v>
      </c>
      <c r="B102" s="35">
        <v>226</v>
      </c>
      <c r="C102" s="13">
        <v>249</v>
      </c>
      <c r="D102" s="12">
        <v>475</v>
      </c>
    </row>
    <row r="103" spans="1:4" ht="18" customHeight="1" x14ac:dyDescent="0.2">
      <c r="A103" s="8">
        <v>80</v>
      </c>
      <c r="B103" s="35">
        <v>32</v>
      </c>
      <c r="C103" s="13">
        <v>46</v>
      </c>
      <c r="D103" s="12">
        <v>78</v>
      </c>
    </row>
    <row r="104" spans="1:4" ht="18" customHeight="1" x14ac:dyDescent="0.2">
      <c r="A104" s="8">
        <v>81</v>
      </c>
      <c r="B104" s="35">
        <v>41</v>
      </c>
      <c r="C104" s="13">
        <v>45</v>
      </c>
      <c r="D104" s="12">
        <v>86</v>
      </c>
    </row>
    <row r="105" spans="1:4" ht="18" customHeight="1" x14ac:dyDescent="0.2">
      <c r="A105" s="8">
        <v>82</v>
      </c>
      <c r="B105" s="35">
        <v>30</v>
      </c>
      <c r="C105" s="13">
        <v>36</v>
      </c>
      <c r="D105" s="12">
        <v>66</v>
      </c>
    </row>
    <row r="106" spans="1:4" ht="18" customHeight="1" x14ac:dyDescent="0.2">
      <c r="A106" s="8">
        <v>83</v>
      </c>
      <c r="B106" s="35">
        <v>16</v>
      </c>
      <c r="C106" s="13">
        <v>29</v>
      </c>
      <c r="D106" s="12">
        <v>45</v>
      </c>
    </row>
    <row r="107" spans="1:4" ht="18" customHeight="1" x14ac:dyDescent="0.2">
      <c r="A107" s="8">
        <v>84</v>
      </c>
      <c r="B107" s="35">
        <v>19</v>
      </c>
      <c r="C107" s="13">
        <v>27</v>
      </c>
      <c r="D107" s="12">
        <v>46</v>
      </c>
    </row>
    <row r="108" spans="1:4" ht="18" customHeight="1" x14ac:dyDescent="0.2">
      <c r="A108" s="8" t="s">
        <v>7</v>
      </c>
      <c r="B108" s="35">
        <v>138</v>
      </c>
      <c r="C108" s="13">
        <v>183</v>
      </c>
      <c r="D108" s="12">
        <v>321</v>
      </c>
    </row>
    <row r="109" spans="1:4" ht="18" customHeight="1" x14ac:dyDescent="0.2">
      <c r="A109" s="8">
        <v>85</v>
      </c>
      <c r="B109" s="35">
        <v>22</v>
      </c>
      <c r="C109" s="13">
        <v>38</v>
      </c>
      <c r="D109" s="12">
        <v>60</v>
      </c>
    </row>
    <row r="110" spans="1:4" ht="18" customHeight="1" x14ac:dyDescent="0.2">
      <c r="A110" s="8">
        <v>86</v>
      </c>
      <c r="B110" s="35">
        <v>21</v>
      </c>
      <c r="C110" s="13">
        <v>34</v>
      </c>
      <c r="D110" s="12">
        <v>55</v>
      </c>
    </row>
    <row r="111" spans="1:4" ht="18" customHeight="1" x14ac:dyDescent="0.2">
      <c r="A111" s="8">
        <v>87</v>
      </c>
      <c r="B111" s="35">
        <v>19</v>
      </c>
      <c r="C111" s="13">
        <v>25</v>
      </c>
      <c r="D111" s="12">
        <v>44</v>
      </c>
    </row>
    <row r="112" spans="1:4" ht="18" customHeight="1" x14ac:dyDescent="0.2">
      <c r="A112" s="8">
        <v>88</v>
      </c>
      <c r="B112" s="35">
        <v>18</v>
      </c>
      <c r="C112" s="13">
        <v>27</v>
      </c>
      <c r="D112" s="12">
        <v>45</v>
      </c>
    </row>
    <row r="113" spans="1:4" ht="18" customHeight="1" x14ac:dyDescent="0.2">
      <c r="A113" s="8">
        <v>89</v>
      </c>
      <c r="B113" s="35">
        <v>13</v>
      </c>
      <c r="C113" s="13">
        <v>26</v>
      </c>
      <c r="D113" s="12">
        <v>39</v>
      </c>
    </row>
    <row r="114" spans="1:4" ht="18" customHeight="1" x14ac:dyDescent="0.2">
      <c r="A114" s="8" t="s">
        <v>6</v>
      </c>
      <c r="B114" s="35">
        <v>93</v>
      </c>
      <c r="C114" s="13">
        <v>150</v>
      </c>
      <c r="D114" s="12">
        <v>243</v>
      </c>
    </row>
    <row r="115" spans="1:4" ht="18" customHeight="1" x14ac:dyDescent="0.2">
      <c r="A115" s="8">
        <v>90</v>
      </c>
      <c r="B115" s="35">
        <v>9</v>
      </c>
      <c r="C115" s="13">
        <v>15</v>
      </c>
      <c r="D115" s="12">
        <v>24</v>
      </c>
    </row>
    <row r="116" spans="1:4" ht="18" customHeight="1" x14ac:dyDescent="0.2">
      <c r="A116" s="8">
        <v>91</v>
      </c>
      <c r="B116" s="35">
        <v>8</v>
      </c>
      <c r="C116" s="13">
        <v>20</v>
      </c>
      <c r="D116" s="12">
        <v>28</v>
      </c>
    </row>
    <row r="117" spans="1:4" ht="18" customHeight="1" x14ac:dyDescent="0.2">
      <c r="A117" s="8">
        <v>92</v>
      </c>
      <c r="B117" s="35">
        <v>7</v>
      </c>
      <c r="C117" s="13">
        <v>22</v>
      </c>
      <c r="D117" s="12">
        <v>29</v>
      </c>
    </row>
    <row r="118" spans="1:4" ht="18" customHeight="1" x14ac:dyDescent="0.2">
      <c r="A118" s="8">
        <v>93</v>
      </c>
      <c r="B118" s="35">
        <v>6</v>
      </c>
      <c r="C118" s="13">
        <v>12</v>
      </c>
      <c r="D118" s="12">
        <v>18</v>
      </c>
    </row>
    <row r="119" spans="1:4" ht="18" customHeight="1" x14ac:dyDescent="0.2">
      <c r="A119" s="8">
        <v>94</v>
      </c>
      <c r="B119" s="35">
        <v>8</v>
      </c>
      <c r="C119" s="13">
        <v>12</v>
      </c>
      <c r="D119" s="12">
        <v>20</v>
      </c>
    </row>
    <row r="120" spans="1:4" ht="18" customHeight="1" x14ac:dyDescent="0.2">
      <c r="A120" s="8" t="s">
        <v>5</v>
      </c>
      <c r="B120" s="35">
        <v>38</v>
      </c>
      <c r="C120" s="13">
        <v>81</v>
      </c>
      <c r="D120" s="12">
        <v>119</v>
      </c>
    </row>
    <row r="121" spans="1:4" ht="18" customHeight="1" x14ac:dyDescent="0.2">
      <c r="A121" s="8">
        <v>95</v>
      </c>
      <c r="B121" s="35">
        <v>3</v>
      </c>
      <c r="C121" s="13">
        <v>11</v>
      </c>
      <c r="D121" s="12">
        <v>14</v>
      </c>
    </row>
    <row r="122" spans="1:4" ht="18" customHeight="1" x14ac:dyDescent="0.2">
      <c r="A122" s="8">
        <v>96</v>
      </c>
      <c r="B122" s="35">
        <v>4</v>
      </c>
      <c r="C122" s="13">
        <v>10</v>
      </c>
      <c r="D122" s="12">
        <v>14</v>
      </c>
    </row>
    <row r="123" spans="1:4" ht="18" customHeight="1" x14ac:dyDescent="0.2">
      <c r="A123" s="8">
        <v>97</v>
      </c>
      <c r="B123" s="35">
        <v>1</v>
      </c>
      <c r="C123" s="13">
        <v>13</v>
      </c>
      <c r="D123" s="12">
        <v>14</v>
      </c>
    </row>
    <row r="124" spans="1:4" ht="18" customHeight="1" x14ac:dyDescent="0.2">
      <c r="A124" s="8">
        <v>98</v>
      </c>
      <c r="B124" s="35">
        <v>1</v>
      </c>
      <c r="C124" s="13">
        <v>2</v>
      </c>
      <c r="D124" s="12">
        <v>3</v>
      </c>
    </row>
    <row r="125" spans="1:4" ht="18" customHeight="1" x14ac:dyDescent="0.2">
      <c r="A125" s="8">
        <v>99</v>
      </c>
      <c r="B125" s="35">
        <v>1</v>
      </c>
      <c r="C125" s="13">
        <v>2</v>
      </c>
      <c r="D125" s="12">
        <v>3</v>
      </c>
    </row>
    <row r="126" spans="1:4" ht="18" customHeight="1" x14ac:dyDescent="0.2">
      <c r="A126" s="8" t="s">
        <v>4</v>
      </c>
      <c r="B126" s="35">
        <v>10</v>
      </c>
      <c r="C126" s="13">
        <v>38</v>
      </c>
      <c r="D126" s="12">
        <v>48</v>
      </c>
    </row>
    <row r="127" spans="1:4" ht="18" customHeight="1" x14ac:dyDescent="0.2">
      <c r="A127" s="8">
        <v>100</v>
      </c>
      <c r="B127" s="35">
        <v>0</v>
      </c>
      <c r="C127" s="13">
        <v>2</v>
      </c>
      <c r="D127" s="12">
        <v>2</v>
      </c>
    </row>
    <row r="128" spans="1:4" ht="18" customHeight="1" x14ac:dyDescent="0.2">
      <c r="A128" s="15" t="s">
        <v>3</v>
      </c>
      <c r="B128" s="35">
        <v>1</v>
      </c>
      <c r="C128" s="13">
        <v>0</v>
      </c>
      <c r="D128" s="12">
        <v>1</v>
      </c>
    </row>
    <row r="129" spans="1:4" ht="18" customHeight="1" x14ac:dyDescent="0.2">
      <c r="A129" s="8" t="s">
        <v>2</v>
      </c>
      <c r="B129" s="35">
        <v>1</v>
      </c>
      <c r="C129" s="13">
        <v>2</v>
      </c>
      <c r="D129" s="12">
        <v>3</v>
      </c>
    </row>
    <row r="130" spans="1:4" ht="18" customHeight="1" x14ac:dyDescent="0.2">
      <c r="A130" s="8" t="s">
        <v>1</v>
      </c>
      <c r="B130" s="28">
        <v>1045</v>
      </c>
      <c r="C130" s="6">
        <v>1214</v>
      </c>
      <c r="D130" s="5">
        <v>2259</v>
      </c>
    </row>
    <row r="131" spans="1:4" ht="18" customHeight="1" x14ac:dyDescent="0.2">
      <c r="A131" s="4" t="s">
        <v>0</v>
      </c>
      <c r="B131" s="27">
        <v>3372</v>
      </c>
      <c r="C131" s="2">
        <v>3371</v>
      </c>
      <c r="D131" s="1">
        <v>6743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71C0BFC-863C-43E7-A6D0-782F777F7E08}">
  <sheetPr codeName="Sheet7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95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13</v>
      </c>
      <c r="C5" s="45">
        <v>7</v>
      </c>
      <c r="D5" s="44">
        <v>20</v>
      </c>
    </row>
    <row r="6" spans="1:4" ht="18" customHeight="1" x14ac:dyDescent="0.2">
      <c r="A6" s="8">
        <v>1</v>
      </c>
      <c r="B6" s="40">
        <v>15</v>
      </c>
      <c r="C6" s="13">
        <v>16</v>
      </c>
      <c r="D6" s="12">
        <v>31</v>
      </c>
    </row>
    <row r="7" spans="1:4" ht="18" customHeight="1" x14ac:dyDescent="0.2">
      <c r="A7" s="8">
        <v>2</v>
      </c>
      <c r="B7" s="40">
        <v>14</v>
      </c>
      <c r="C7" s="13">
        <v>24</v>
      </c>
      <c r="D7" s="12">
        <v>38</v>
      </c>
    </row>
    <row r="8" spans="1:4" ht="18" customHeight="1" x14ac:dyDescent="0.2">
      <c r="A8" s="8">
        <v>3</v>
      </c>
      <c r="B8" s="40">
        <v>18</v>
      </c>
      <c r="C8" s="13">
        <v>17</v>
      </c>
      <c r="D8" s="12">
        <v>35</v>
      </c>
    </row>
    <row r="9" spans="1:4" ht="18" customHeight="1" x14ac:dyDescent="0.2">
      <c r="A9" s="8">
        <v>4</v>
      </c>
      <c r="B9" s="43">
        <v>21</v>
      </c>
      <c r="C9" s="42">
        <v>15</v>
      </c>
      <c r="D9" s="41">
        <v>36</v>
      </c>
    </row>
    <row r="10" spans="1:4" ht="18" customHeight="1" x14ac:dyDescent="0.2">
      <c r="A10" s="8" t="s">
        <v>25</v>
      </c>
      <c r="B10" s="35">
        <v>81</v>
      </c>
      <c r="C10" s="13">
        <v>79</v>
      </c>
      <c r="D10" s="12">
        <v>160</v>
      </c>
    </row>
    <row r="11" spans="1:4" ht="18" customHeight="1" x14ac:dyDescent="0.2">
      <c r="A11" s="8">
        <v>5</v>
      </c>
      <c r="B11" s="40">
        <v>20</v>
      </c>
      <c r="C11" s="13">
        <v>23</v>
      </c>
      <c r="D11" s="12">
        <v>43</v>
      </c>
    </row>
    <row r="12" spans="1:4" ht="18" customHeight="1" x14ac:dyDescent="0.2">
      <c r="A12" s="8">
        <v>6</v>
      </c>
      <c r="B12" s="40">
        <v>24</v>
      </c>
      <c r="C12" s="13">
        <v>32</v>
      </c>
      <c r="D12" s="12">
        <v>56</v>
      </c>
    </row>
    <row r="13" spans="1:4" ht="18" customHeight="1" x14ac:dyDescent="0.2">
      <c r="A13" s="8">
        <v>7</v>
      </c>
      <c r="B13" s="40">
        <v>30</v>
      </c>
      <c r="C13" s="13">
        <v>21</v>
      </c>
      <c r="D13" s="12">
        <v>51</v>
      </c>
    </row>
    <row r="14" spans="1:4" ht="18" customHeight="1" x14ac:dyDescent="0.2">
      <c r="A14" s="8">
        <v>8</v>
      </c>
      <c r="B14" s="40">
        <v>23</v>
      </c>
      <c r="C14" s="13">
        <v>28</v>
      </c>
      <c r="D14" s="12">
        <v>51</v>
      </c>
    </row>
    <row r="15" spans="1:4" ht="18" customHeight="1" x14ac:dyDescent="0.2">
      <c r="A15" s="8">
        <v>9</v>
      </c>
      <c r="B15" s="40">
        <v>21</v>
      </c>
      <c r="C15" s="13">
        <v>12</v>
      </c>
      <c r="D15" s="12">
        <v>33</v>
      </c>
    </row>
    <row r="16" spans="1:4" ht="18" customHeight="1" x14ac:dyDescent="0.2">
      <c r="A16" s="8" t="s">
        <v>24</v>
      </c>
      <c r="B16" s="35">
        <v>118</v>
      </c>
      <c r="C16" s="13">
        <v>116</v>
      </c>
      <c r="D16" s="12">
        <v>234</v>
      </c>
    </row>
    <row r="17" spans="1:4" ht="18" customHeight="1" x14ac:dyDescent="0.2">
      <c r="A17" s="8">
        <v>10</v>
      </c>
      <c r="B17" s="35">
        <v>22</v>
      </c>
      <c r="C17" s="13">
        <v>26</v>
      </c>
      <c r="D17" s="12">
        <v>48</v>
      </c>
    </row>
    <row r="18" spans="1:4" ht="18" customHeight="1" x14ac:dyDescent="0.2">
      <c r="A18" s="8">
        <v>11</v>
      </c>
      <c r="B18" s="35">
        <v>25</v>
      </c>
      <c r="C18" s="13">
        <v>21</v>
      </c>
      <c r="D18" s="12">
        <v>46</v>
      </c>
    </row>
    <row r="19" spans="1:4" ht="18" customHeight="1" x14ac:dyDescent="0.2">
      <c r="A19" s="8">
        <v>12</v>
      </c>
      <c r="B19" s="35">
        <v>34</v>
      </c>
      <c r="C19" s="13">
        <v>30</v>
      </c>
      <c r="D19" s="12">
        <v>64</v>
      </c>
    </row>
    <row r="20" spans="1:4" ht="18" customHeight="1" x14ac:dyDescent="0.2">
      <c r="A20" s="8">
        <v>13</v>
      </c>
      <c r="B20" s="35">
        <v>27</v>
      </c>
      <c r="C20" s="13">
        <v>36</v>
      </c>
      <c r="D20" s="12">
        <v>63</v>
      </c>
    </row>
    <row r="21" spans="1:4" ht="18" customHeight="1" x14ac:dyDescent="0.2">
      <c r="A21" s="8">
        <v>14</v>
      </c>
      <c r="B21" s="35">
        <v>30</v>
      </c>
      <c r="C21" s="13">
        <v>30</v>
      </c>
      <c r="D21" s="12">
        <v>60</v>
      </c>
    </row>
    <row r="22" spans="1:4" ht="18" customHeight="1" x14ac:dyDescent="0.2">
      <c r="A22" s="8" t="s">
        <v>23</v>
      </c>
      <c r="B22" s="35">
        <v>138</v>
      </c>
      <c r="C22" s="13">
        <v>143</v>
      </c>
      <c r="D22" s="12">
        <v>281</v>
      </c>
    </row>
    <row r="23" spans="1:4" ht="18" customHeight="1" x14ac:dyDescent="0.2">
      <c r="A23" s="8" t="s">
        <v>22</v>
      </c>
      <c r="B23" s="35">
        <v>337</v>
      </c>
      <c r="C23" s="13">
        <v>338</v>
      </c>
      <c r="D23" s="12">
        <v>675</v>
      </c>
    </row>
    <row r="24" spans="1:4" ht="18" customHeight="1" x14ac:dyDescent="0.2">
      <c r="A24" s="8">
        <v>15</v>
      </c>
      <c r="B24" s="35">
        <v>35</v>
      </c>
      <c r="C24" s="13">
        <v>38</v>
      </c>
      <c r="D24" s="12">
        <v>73</v>
      </c>
    </row>
    <row r="25" spans="1:4" ht="18" customHeight="1" x14ac:dyDescent="0.2">
      <c r="A25" s="8">
        <v>16</v>
      </c>
      <c r="B25" s="35">
        <v>35</v>
      </c>
      <c r="C25" s="13">
        <v>30</v>
      </c>
      <c r="D25" s="12">
        <v>65</v>
      </c>
    </row>
    <row r="26" spans="1:4" ht="18" customHeight="1" x14ac:dyDescent="0.2">
      <c r="A26" s="8">
        <v>17</v>
      </c>
      <c r="B26" s="35">
        <v>33</v>
      </c>
      <c r="C26" s="13">
        <v>35</v>
      </c>
      <c r="D26" s="12">
        <v>68</v>
      </c>
    </row>
    <row r="27" spans="1:4" ht="18" customHeight="1" x14ac:dyDescent="0.2">
      <c r="A27" s="8">
        <v>18</v>
      </c>
      <c r="B27" s="35">
        <v>38</v>
      </c>
      <c r="C27" s="13">
        <v>38</v>
      </c>
      <c r="D27" s="12">
        <v>76</v>
      </c>
    </row>
    <row r="28" spans="1:4" ht="18" customHeight="1" x14ac:dyDescent="0.2">
      <c r="A28" s="8">
        <v>19</v>
      </c>
      <c r="B28" s="35">
        <v>29</v>
      </c>
      <c r="C28" s="13">
        <v>43</v>
      </c>
      <c r="D28" s="12">
        <v>72</v>
      </c>
    </row>
    <row r="29" spans="1:4" ht="18" customHeight="1" x14ac:dyDescent="0.2">
      <c r="A29" s="8" t="s">
        <v>21</v>
      </c>
      <c r="B29" s="35">
        <v>170</v>
      </c>
      <c r="C29" s="13">
        <v>184</v>
      </c>
      <c r="D29" s="12">
        <v>354</v>
      </c>
    </row>
    <row r="30" spans="1:4" ht="18" customHeight="1" x14ac:dyDescent="0.2">
      <c r="A30" s="8">
        <v>20</v>
      </c>
      <c r="B30" s="35">
        <v>37</v>
      </c>
      <c r="C30" s="13">
        <v>39</v>
      </c>
      <c r="D30" s="12">
        <v>76</v>
      </c>
    </row>
    <row r="31" spans="1:4" ht="18" customHeight="1" x14ac:dyDescent="0.2">
      <c r="A31" s="8">
        <v>21</v>
      </c>
      <c r="B31" s="35">
        <v>38</v>
      </c>
      <c r="C31" s="13">
        <v>28</v>
      </c>
      <c r="D31" s="12">
        <v>66</v>
      </c>
    </row>
    <row r="32" spans="1:4" ht="18" customHeight="1" x14ac:dyDescent="0.2">
      <c r="A32" s="8">
        <v>22</v>
      </c>
      <c r="B32" s="35">
        <v>26</v>
      </c>
      <c r="C32" s="13">
        <v>40</v>
      </c>
      <c r="D32" s="12">
        <v>66</v>
      </c>
    </row>
    <row r="33" spans="1:4" ht="18" customHeight="1" x14ac:dyDescent="0.2">
      <c r="A33" s="8">
        <v>23</v>
      </c>
      <c r="B33" s="35">
        <v>38</v>
      </c>
      <c r="C33" s="13">
        <v>35</v>
      </c>
      <c r="D33" s="12">
        <v>73</v>
      </c>
    </row>
    <row r="34" spans="1:4" ht="18" customHeight="1" x14ac:dyDescent="0.2">
      <c r="A34" s="8">
        <v>24</v>
      </c>
      <c r="B34" s="35">
        <v>37</v>
      </c>
      <c r="C34" s="13">
        <v>30</v>
      </c>
      <c r="D34" s="12">
        <v>67</v>
      </c>
    </row>
    <row r="35" spans="1:4" ht="18" customHeight="1" x14ac:dyDescent="0.2">
      <c r="A35" s="8" t="s">
        <v>20</v>
      </c>
      <c r="B35" s="35">
        <v>176</v>
      </c>
      <c r="C35" s="13">
        <v>172</v>
      </c>
      <c r="D35" s="12">
        <v>348</v>
      </c>
    </row>
    <row r="36" spans="1:4" ht="18" customHeight="1" x14ac:dyDescent="0.2">
      <c r="A36" s="8">
        <v>25</v>
      </c>
      <c r="B36" s="35">
        <v>34</v>
      </c>
      <c r="C36" s="13">
        <v>22</v>
      </c>
      <c r="D36" s="12">
        <v>56</v>
      </c>
    </row>
    <row r="37" spans="1:4" ht="18" customHeight="1" x14ac:dyDescent="0.2">
      <c r="A37" s="8">
        <v>26</v>
      </c>
      <c r="B37" s="35">
        <v>39</v>
      </c>
      <c r="C37" s="13">
        <v>34</v>
      </c>
      <c r="D37" s="12">
        <v>73</v>
      </c>
    </row>
    <row r="38" spans="1:4" ht="18" customHeight="1" x14ac:dyDescent="0.2">
      <c r="A38" s="8">
        <v>27</v>
      </c>
      <c r="B38" s="35">
        <v>25</v>
      </c>
      <c r="C38" s="13">
        <v>26</v>
      </c>
      <c r="D38" s="12">
        <v>51</v>
      </c>
    </row>
    <row r="39" spans="1:4" ht="18" customHeight="1" x14ac:dyDescent="0.2">
      <c r="A39" s="8">
        <v>28</v>
      </c>
      <c r="B39" s="35">
        <v>24</v>
      </c>
      <c r="C39" s="13">
        <v>21</v>
      </c>
      <c r="D39" s="12">
        <v>45</v>
      </c>
    </row>
    <row r="40" spans="1:4" ht="18" customHeight="1" x14ac:dyDescent="0.2">
      <c r="A40" s="8">
        <v>29</v>
      </c>
      <c r="B40" s="35">
        <v>24</v>
      </c>
      <c r="C40" s="13">
        <v>14</v>
      </c>
      <c r="D40" s="12">
        <v>38</v>
      </c>
    </row>
    <row r="41" spans="1:4" ht="18" customHeight="1" x14ac:dyDescent="0.2">
      <c r="A41" s="8" t="s">
        <v>19</v>
      </c>
      <c r="B41" s="35">
        <v>146</v>
      </c>
      <c r="C41" s="13">
        <v>117</v>
      </c>
      <c r="D41" s="12">
        <v>263</v>
      </c>
    </row>
    <row r="42" spans="1:4" ht="18" customHeight="1" x14ac:dyDescent="0.2">
      <c r="A42" s="8">
        <v>30</v>
      </c>
      <c r="B42" s="35">
        <v>26</v>
      </c>
      <c r="C42" s="13">
        <v>20</v>
      </c>
      <c r="D42" s="12">
        <v>46</v>
      </c>
    </row>
    <row r="43" spans="1:4" ht="18" customHeight="1" x14ac:dyDescent="0.2">
      <c r="A43" s="8">
        <v>31</v>
      </c>
      <c r="B43" s="35">
        <v>19</v>
      </c>
      <c r="C43" s="13">
        <v>23</v>
      </c>
      <c r="D43" s="12">
        <v>42</v>
      </c>
    </row>
    <row r="44" spans="1:4" ht="18" customHeight="1" x14ac:dyDescent="0.2">
      <c r="A44" s="8">
        <v>32</v>
      </c>
      <c r="B44" s="35">
        <v>23</v>
      </c>
      <c r="C44" s="13">
        <v>17</v>
      </c>
      <c r="D44" s="12">
        <v>40</v>
      </c>
    </row>
    <row r="45" spans="1:4" ht="18" customHeight="1" x14ac:dyDescent="0.2">
      <c r="A45" s="8">
        <v>33</v>
      </c>
      <c r="B45" s="35">
        <v>21</v>
      </c>
      <c r="C45" s="13">
        <v>28</v>
      </c>
      <c r="D45" s="12">
        <v>49</v>
      </c>
    </row>
    <row r="46" spans="1:4" ht="18" customHeight="1" x14ac:dyDescent="0.2">
      <c r="A46" s="8">
        <v>34</v>
      </c>
      <c r="B46" s="35">
        <v>37</v>
      </c>
      <c r="C46" s="13">
        <v>30</v>
      </c>
      <c r="D46" s="12">
        <v>67</v>
      </c>
    </row>
    <row r="47" spans="1:4" ht="18" customHeight="1" x14ac:dyDescent="0.2">
      <c r="A47" s="8" t="s">
        <v>18</v>
      </c>
      <c r="B47" s="35">
        <v>126</v>
      </c>
      <c r="C47" s="13">
        <v>118</v>
      </c>
      <c r="D47" s="12">
        <v>244</v>
      </c>
    </row>
    <row r="48" spans="1:4" ht="18" customHeight="1" x14ac:dyDescent="0.2">
      <c r="A48" s="8">
        <v>35</v>
      </c>
      <c r="B48" s="35">
        <v>21</v>
      </c>
      <c r="C48" s="13">
        <v>22</v>
      </c>
      <c r="D48" s="12">
        <v>43</v>
      </c>
    </row>
    <row r="49" spans="1:4" ht="18" customHeight="1" x14ac:dyDescent="0.2">
      <c r="A49" s="8">
        <v>36</v>
      </c>
      <c r="B49" s="35">
        <v>31</v>
      </c>
      <c r="C49" s="13">
        <v>21</v>
      </c>
      <c r="D49" s="12">
        <v>52</v>
      </c>
    </row>
    <row r="50" spans="1:4" ht="18" customHeight="1" x14ac:dyDescent="0.2">
      <c r="A50" s="8">
        <v>37</v>
      </c>
      <c r="B50" s="35">
        <v>27</v>
      </c>
      <c r="C50" s="13">
        <v>31</v>
      </c>
      <c r="D50" s="12">
        <v>58</v>
      </c>
    </row>
    <row r="51" spans="1:4" ht="18" customHeight="1" x14ac:dyDescent="0.2">
      <c r="A51" s="8">
        <v>38</v>
      </c>
      <c r="B51" s="35">
        <v>28</v>
      </c>
      <c r="C51" s="13">
        <v>31</v>
      </c>
      <c r="D51" s="12">
        <v>59</v>
      </c>
    </row>
    <row r="52" spans="1:4" ht="18" customHeight="1" x14ac:dyDescent="0.2">
      <c r="A52" s="8">
        <v>39</v>
      </c>
      <c r="B52" s="35">
        <v>30</v>
      </c>
      <c r="C52" s="13">
        <v>31</v>
      </c>
      <c r="D52" s="12">
        <v>61</v>
      </c>
    </row>
    <row r="53" spans="1:4" ht="18" customHeight="1" x14ac:dyDescent="0.2">
      <c r="A53" s="8" t="s">
        <v>17</v>
      </c>
      <c r="B53" s="35">
        <v>137</v>
      </c>
      <c r="C53" s="13">
        <v>136</v>
      </c>
      <c r="D53" s="12">
        <v>273</v>
      </c>
    </row>
    <row r="54" spans="1:4" ht="18" customHeight="1" x14ac:dyDescent="0.2">
      <c r="A54" s="8">
        <v>40</v>
      </c>
      <c r="B54" s="35">
        <v>36</v>
      </c>
      <c r="C54" s="13">
        <v>38</v>
      </c>
      <c r="D54" s="12">
        <v>74</v>
      </c>
    </row>
    <row r="55" spans="1:4" ht="18" customHeight="1" x14ac:dyDescent="0.2">
      <c r="A55" s="8">
        <v>41</v>
      </c>
      <c r="B55" s="35">
        <v>53</v>
      </c>
      <c r="C55" s="13">
        <v>44</v>
      </c>
      <c r="D55" s="12">
        <v>97</v>
      </c>
    </row>
    <row r="56" spans="1:4" ht="18" customHeight="1" x14ac:dyDescent="0.2">
      <c r="A56" s="8">
        <v>42</v>
      </c>
      <c r="B56" s="35">
        <v>44</v>
      </c>
      <c r="C56" s="13">
        <v>34</v>
      </c>
      <c r="D56" s="12">
        <v>78</v>
      </c>
    </row>
    <row r="57" spans="1:4" ht="18" customHeight="1" x14ac:dyDescent="0.2">
      <c r="A57" s="8">
        <v>43</v>
      </c>
      <c r="B57" s="35">
        <v>34</v>
      </c>
      <c r="C57" s="13">
        <v>35</v>
      </c>
      <c r="D57" s="12">
        <v>69</v>
      </c>
    </row>
    <row r="58" spans="1:4" ht="18" customHeight="1" x14ac:dyDescent="0.2">
      <c r="A58" s="8">
        <v>44</v>
      </c>
      <c r="B58" s="35">
        <v>45</v>
      </c>
      <c r="C58" s="13">
        <v>49</v>
      </c>
      <c r="D58" s="12">
        <v>94</v>
      </c>
    </row>
    <row r="59" spans="1:4" ht="18" customHeight="1" x14ac:dyDescent="0.2">
      <c r="A59" s="8" t="s">
        <v>16</v>
      </c>
      <c r="B59" s="35">
        <v>212</v>
      </c>
      <c r="C59" s="13">
        <v>200</v>
      </c>
      <c r="D59" s="12">
        <v>412</v>
      </c>
    </row>
    <row r="60" spans="1:4" ht="18" customHeight="1" x14ac:dyDescent="0.2">
      <c r="A60" s="8">
        <v>45</v>
      </c>
      <c r="B60" s="35">
        <v>58</v>
      </c>
      <c r="C60" s="13">
        <v>39</v>
      </c>
      <c r="D60" s="12">
        <v>97</v>
      </c>
    </row>
    <row r="61" spans="1:4" ht="18" customHeight="1" x14ac:dyDescent="0.2">
      <c r="A61" s="8">
        <v>46</v>
      </c>
      <c r="B61" s="35">
        <v>47</v>
      </c>
      <c r="C61" s="13">
        <v>43</v>
      </c>
      <c r="D61" s="12">
        <v>90</v>
      </c>
    </row>
    <row r="62" spans="1:4" ht="18" customHeight="1" x14ac:dyDescent="0.2">
      <c r="A62" s="8">
        <v>47</v>
      </c>
      <c r="B62" s="35">
        <v>49</v>
      </c>
      <c r="C62" s="13">
        <v>62</v>
      </c>
      <c r="D62" s="12">
        <v>111</v>
      </c>
    </row>
    <row r="63" spans="1:4" ht="18" customHeight="1" x14ac:dyDescent="0.2">
      <c r="A63" s="8">
        <v>48</v>
      </c>
      <c r="B63" s="35">
        <v>60</v>
      </c>
      <c r="C63" s="13">
        <v>57</v>
      </c>
      <c r="D63" s="12">
        <v>117</v>
      </c>
    </row>
    <row r="64" spans="1:4" ht="18" customHeight="1" x14ac:dyDescent="0.2">
      <c r="A64" s="8">
        <v>49</v>
      </c>
      <c r="B64" s="35">
        <v>54</v>
      </c>
      <c r="C64" s="13">
        <v>55</v>
      </c>
      <c r="D64" s="12">
        <v>109</v>
      </c>
    </row>
    <row r="65" spans="1:4" ht="18" customHeight="1" x14ac:dyDescent="0.2">
      <c r="A65" s="8" t="s">
        <v>15</v>
      </c>
      <c r="B65" s="35">
        <v>268</v>
      </c>
      <c r="C65" s="13">
        <v>256</v>
      </c>
      <c r="D65" s="12">
        <v>524</v>
      </c>
    </row>
    <row r="66" spans="1:4" ht="18" customHeight="1" x14ac:dyDescent="0.2">
      <c r="A66" s="8">
        <v>50</v>
      </c>
      <c r="B66" s="35">
        <v>64</v>
      </c>
      <c r="C66" s="13">
        <v>53</v>
      </c>
      <c r="D66" s="12">
        <v>117</v>
      </c>
    </row>
    <row r="67" spans="1:4" ht="18" customHeight="1" x14ac:dyDescent="0.2">
      <c r="A67" s="8">
        <v>51</v>
      </c>
      <c r="B67" s="35">
        <v>53</v>
      </c>
      <c r="C67" s="13">
        <v>48</v>
      </c>
      <c r="D67" s="12">
        <v>101</v>
      </c>
    </row>
    <row r="68" spans="1:4" ht="18" customHeight="1" x14ac:dyDescent="0.2">
      <c r="A68" s="8">
        <v>52</v>
      </c>
      <c r="B68" s="35">
        <v>55</v>
      </c>
      <c r="C68" s="13">
        <v>60</v>
      </c>
      <c r="D68" s="12">
        <v>115</v>
      </c>
    </row>
    <row r="69" spans="1:4" ht="18" customHeight="1" x14ac:dyDescent="0.2">
      <c r="A69" s="8">
        <v>53</v>
      </c>
      <c r="B69" s="35">
        <v>44</v>
      </c>
      <c r="C69" s="13">
        <v>44</v>
      </c>
      <c r="D69" s="12">
        <v>88</v>
      </c>
    </row>
    <row r="70" spans="1:4" ht="18" customHeight="1" x14ac:dyDescent="0.2">
      <c r="A70" s="8">
        <v>54</v>
      </c>
      <c r="B70" s="35">
        <v>45</v>
      </c>
      <c r="C70" s="13">
        <v>42</v>
      </c>
      <c r="D70" s="12">
        <v>87</v>
      </c>
    </row>
    <row r="71" spans="1:4" ht="18" customHeight="1" x14ac:dyDescent="0.2">
      <c r="A71" s="8" t="s">
        <v>14</v>
      </c>
      <c r="B71" s="35">
        <v>261</v>
      </c>
      <c r="C71" s="13">
        <v>247</v>
      </c>
      <c r="D71" s="12">
        <v>508</v>
      </c>
    </row>
    <row r="72" spans="1:4" ht="18" customHeight="1" x14ac:dyDescent="0.2">
      <c r="A72" s="8">
        <v>55</v>
      </c>
      <c r="B72" s="35">
        <v>33</v>
      </c>
      <c r="C72" s="13">
        <v>40</v>
      </c>
      <c r="D72" s="12">
        <v>73</v>
      </c>
    </row>
    <row r="73" spans="1:4" ht="18" customHeight="1" x14ac:dyDescent="0.2">
      <c r="A73" s="8">
        <v>56</v>
      </c>
      <c r="B73" s="35">
        <v>44</v>
      </c>
      <c r="C73" s="13">
        <v>40</v>
      </c>
      <c r="D73" s="12">
        <v>84</v>
      </c>
    </row>
    <row r="74" spans="1:4" ht="18" customHeight="1" x14ac:dyDescent="0.2">
      <c r="A74" s="8">
        <v>57</v>
      </c>
      <c r="B74" s="35">
        <v>29</v>
      </c>
      <c r="C74" s="13">
        <v>32</v>
      </c>
      <c r="D74" s="12">
        <v>61</v>
      </c>
    </row>
    <row r="75" spans="1:4" ht="18" customHeight="1" x14ac:dyDescent="0.2">
      <c r="A75" s="8">
        <v>58</v>
      </c>
      <c r="B75" s="35">
        <v>55</v>
      </c>
      <c r="C75" s="13">
        <v>32</v>
      </c>
      <c r="D75" s="12">
        <v>87</v>
      </c>
    </row>
    <row r="76" spans="1:4" ht="18" customHeight="1" x14ac:dyDescent="0.2">
      <c r="A76" s="8">
        <v>59</v>
      </c>
      <c r="B76" s="35">
        <v>39</v>
      </c>
      <c r="C76" s="13">
        <v>43</v>
      </c>
      <c r="D76" s="12">
        <v>82</v>
      </c>
    </row>
    <row r="77" spans="1:4" ht="18" customHeight="1" x14ac:dyDescent="0.2">
      <c r="A77" s="8" t="s">
        <v>13</v>
      </c>
      <c r="B77" s="35">
        <v>200</v>
      </c>
      <c r="C77" s="13">
        <v>187</v>
      </c>
      <c r="D77" s="12">
        <v>387</v>
      </c>
    </row>
    <row r="78" spans="1:4" ht="18" customHeight="1" x14ac:dyDescent="0.2">
      <c r="A78" s="8">
        <v>60</v>
      </c>
      <c r="B78" s="35">
        <v>42</v>
      </c>
      <c r="C78" s="13">
        <v>45</v>
      </c>
      <c r="D78" s="12">
        <v>87</v>
      </c>
    </row>
    <row r="79" spans="1:4" ht="18" customHeight="1" x14ac:dyDescent="0.2">
      <c r="A79" s="8">
        <v>61</v>
      </c>
      <c r="B79" s="35">
        <v>38</v>
      </c>
      <c r="C79" s="13">
        <v>39</v>
      </c>
      <c r="D79" s="12">
        <v>77</v>
      </c>
    </row>
    <row r="80" spans="1:4" ht="18" customHeight="1" x14ac:dyDescent="0.2">
      <c r="A80" s="8">
        <v>62</v>
      </c>
      <c r="B80" s="35">
        <v>50</v>
      </c>
      <c r="C80" s="13">
        <v>26</v>
      </c>
      <c r="D80" s="12">
        <v>76</v>
      </c>
    </row>
    <row r="81" spans="1:4" ht="18" customHeight="1" x14ac:dyDescent="0.2">
      <c r="A81" s="8">
        <v>63</v>
      </c>
      <c r="B81" s="35">
        <v>41</v>
      </c>
      <c r="C81" s="13">
        <v>43</v>
      </c>
      <c r="D81" s="12">
        <v>84</v>
      </c>
    </row>
    <row r="82" spans="1:4" ht="18" customHeight="1" x14ac:dyDescent="0.2">
      <c r="A82" s="8">
        <v>64</v>
      </c>
      <c r="B82" s="35">
        <v>33</v>
      </c>
      <c r="C82" s="13">
        <v>38</v>
      </c>
      <c r="D82" s="12">
        <v>71</v>
      </c>
    </row>
    <row r="83" spans="1:4" ht="18" customHeight="1" x14ac:dyDescent="0.2">
      <c r="A83" s="8" t="s">
        <v>12</v>
      </c>
      <c r="B83" s="35">
        <v>204</v>
      </c>
      <c r="C83" s="13">
        <v>191</v>
      </c>
      <c r="D83" s="12">
        <v>395</v>
      </c>
    </row>
    <row r="84" spans="1:4" ht="18" customHeight="1" x14ac:dyDescent="0.2">
      <c r="A84" s="8" t="s">
        <v>11</v>
      </c>
      <c r="B84" s="35">
        <v>1900</v>
      </c>
      <c r="C84" s="13">
        <v>1808</v>
      </c>
      <c r="D84" s="12">
        <v>3708</v>
      </c>
    </row>
    <row r="85" spans="1:4" ht="18" customHeight="1" x14ac:dyDescent="0.2">
      <c r="A85" s="8">
        <v>65</v>
      </c>
      <c r="B85" s="35">
        <v>41</v>
      </c>
      <c r="C85" s="13">
        <v>37</v>
      </c>
      <c r="D85" s="12">
        <v>78</v>
      </c>
    </row>
    <row r="86" spans="1:4" ht="18" customHeight="1" x14ac:dyDescent="0.2">
      <c r="A86" s="8">
        <v>66</v>
      </c>
      <c r="B86" s="35">
        <v>40</v>
      </c>
      <c r="C86" s="13">
        <v>46</v>
      </c>
      <c r="D86" s="12">
        <v>86</v>
      </c>
    </row>
    <row r="87" spans="1:4" ht="18" customHeight="1" x14ac:dyDescent="0.2">
      <c r="A87" s="8">
        <v>67</v>
      </c>
      <c r="B87" s="35">
        <v>39</v>
      </c>
      <c r="C87" s="13">
        <v>45</v>
      </c>
      <c r="D87" s="12">
        <v>84</v>
      </c>
    </row>
    <row r="88" spans="1:4" ht="18" customHeight="1" x14ac:dyDescent="0.2">
      <c r="A88" s="8">
        <v>68</v>
      </c>
      <c r="B88" s="35">
        <v>56</v>
      </c>
      <c r="C88" s="13">
        <v>55</v>
      </c>
      <c r="D88" s="12">
        <v>111</v>
      </c>
    </row>
    <row r="89" spans="1:4" ht="18" customHeight="1" x14ac:dyDescent="0.2">
      <c r="A89" s="8">
        <v>69</v>
      </c>
      <c r="B89" s="35">
        <v>50</v>
      </c>
      <c r="C89" s="13">
        <v>42</v>
      </c>
      <c r="D89" s="12">
        <v>92</v>
      </c>
    </row>
    <row r="90" spans="1:4" ht="18" customHeight="1" x14ac:dyDescent="0.2">
      <c r="A90" s="8" t="s">
        <v>10</v>
      </c>
      <c r="B90" s="35">
        <v>226</v>
      </c>
      <c r="C90" s="13">
        <v>225</v>
      </c>
      <c r="D90" s="12">
        <v>451</v>
      </c>
    </row>
    <row r="91" spans="1:4" ht="18" customHeight="1" x14ac:dyDescent="0.2">
      <c r="A91" s="8">
        <v>70</v>
      </c>
      <c r="B91" s="35">
        <v>49</v>
      </c>
      <c r="C91" s="13">
        <v>47</v>
      </c>
      <c r="D91" s="12">
        <v>96</v>
      </c>
    </row>
    <row r="92" spans="1:4" ht="18" customHeight="1" x14ac:dyDescent="0.2">
      <c r="A92" s="8">
        <v>71</v>
      </c>
      <c r="B92" s="35">
        <v>51</v>
      </c>
      <c r="C92" s="13">
        <v>71</v>
      </c>
      <c r="D92" s="12">
        <v>122</v>
      </c>
    </row>
    <row r="93" spans="1:4" ht="18" customHeight="1" x14ac:dyDescent="0.2">
      <c r="A93" s="8">
        <v>72</v>
      </c>
      <c r="B93" s="35">
        <v>57</v>
      </c>
      <c r="C93" s="13">
        <v>66</v>
      </c>
      <c r="D93" s="12">
        <v>123</v>
      </c>
    </row>
    <row r="94" spans="1:4" ht="18" customHeight="1" x14ac:dyDescent="0.2">
      <c r="A94" s="8">
        <v>73</v>
      </c>
      <c r="B94" s="35">
        <v>74</v>
      </c>
      <c r="C94" s="13">
        <v>79</v>
      </c>
      <c r="D94" s="12">
        <v>153</v>
      </c>
    </row>
    <row r="95" spans="1:4" ht="18" customHeight="1" x14ac:dyDescent="0.2">
      <c r="A95" s="8">
        <v>74</v>
      </c>
      <c r="B95" s="35">
        <v>67</v>
      </c>
      <c r="C95" s="13">
        <v>71</v>
      </c>
      <c r="D95" s="12">
        <v>138</v>
      </c>
    </row>
    <row r="96" spans="1:4" ht="18" customHeight="1" x14ac:dyDescent="0.2">
      <c r="A96" s="8" t="s">
        <v>9</v>
      </c>
      <c r="B96" s="35">
        <v>298</v>
      </c>
      <c r="C96" s="13">
        <v>334</v>
      </c>
      <c r="D96" s="12">
        <v>632</v>
      </c>
    </row>
    <row r="97" spans="1:4" ht="18" customHeight="1" x14ac:dyDescent="0.2">
      <c r="A97" s="8">
        <v>75</v>
      </c>
      <c r="B97" s="35">
        <v>75</v>
      </c>
      <c r="C97" s="13">
        <v>52</v>
      </c>
      <c r="D97" s="12">
        <v>127</v>
      </c>
    </row>
    <row r="98" spans="1:4" ht="18" customHeight="1" x14ac:dyDescent="0.2">
      <c r="A98" s="8">
        <v>76</v>
      </c>
      <c r="B98" s="35">
        <v>45</v>
      </c>
      <c r="C98" s="13">
        <v>68</v>
      </c>
      <c r="D98" s="12">
        <v>113</v>
      </c>
    </row>
    <row r="99" spans="1:4" ht="18" customHeight="1" x14ac:dyDescent="0.2">
      <c r="A99" s="8">
        <v>77</v>
      </c>
      <c r="B99" s="35">
        <v>25</v>
      </c>
      <c r="C99" s="13">
        <v>25</v>
      </c>
      <c r="D99" s="12">
        <v>50</v>
      </c>
    </row>
    <row r="100" spans="1:4" ht="18" customHeight="1" x14ac:dyDescent="0.2">
      <c r="A100" s="8">
        <v>78</v>
      </c>
      <c r="B100" s="35">
        <v>27</v>
      </c>
      <c r="C100" s="13">
        <v>43</v>
      </c>
      <c r="D100" s="12">
        <v>70</v>
      </c>
    </row>
    <row r="101" spans="1:4" ht="18" customHeight="1" x14ac:dyDescent="0.2">
      <c r="A101" s="8">
        <v>79</v>
      </c>
      <c r="B101" s="35">
        <v>45</v>
      </c>
      <c r="C101" s="13">
        <v>23</v>
      </c>
      <c r="D101" s="12">
        <v>68</v>
      </c>
    </row>
    <row r="102" spans="1:4" ht="18" customHeight="1" x14ac:dyDescent="0.2">
      <c r="A102" s="8" t="s">
        <v>8</v>
      </c>
      <c r="B102" s="35">
        <v>217</v>
      </c>
      <c r="C102" s="13">
        <v>211</v>
      </c>
      <c r="D102" s="12">
        <v>428</v>
      </c>
    </row>
    <row r="103" spans="1:4" ht="18" customHeight="1" x14ac:dyDescent="0.2">
      <c r="A103" s="8">
        <v>80</v>
      </c>
      <c r="B103" s="35">
        <v>33</v>
      </c>
      <c r="C103" s="13">
        <v>29</v>
      </c>
      <c r="D103" s="12">
        <v>62</v>
      </c>
    </row>
    <row r="104" spans="1:4" ht="18" customHeight="1" x14ac:dyDescent="0.2">
      <c r="A104" s="8">
        <v>81</v>
      </c>
      <c r="B104" s="35">
        <v>38</v>
      </c>
      <c r="C104" s="13">
        <v>38</v>
      </c>
      <c r="D104" s="12">
        <v>76</v>
      </c>
    </row>
    <row r="105" spans="1:4" ht="18" customHeight="1" x14ac:dyDescent="0.2">
      <c r="A105" s="8">
        <v>82</v>
      </c>
      <c r="B105" s="35">
        <v>25</v>
      </c>
      <c r="C105" s="13">
        <v>29</v>
      </c>
      <c r="D105" s="12">
        <v>54</v>
      </c>
    </row>
    <row r="106" spans="1:4" ht="18" customHeight="1" x14ac:dyDescent="0.2">
      <c r="A106" s="8">
        <v>83</v>
      </c>
      <c r="B106" s="35">
        <v>21</v>
      </c>
      <c r="C106" s="13">
        <v>30</v>
      </c>
      <c r="D106" s="12">
        <v>51</v>
      </c>
    </row>
    <row r="107" spans="1:4" ht="18" customHeight="1" x14ac:dyDescent="0.2">
      <c r="A107" s="8">
        <v>84</v>
      </c>
      <c r="B107" s="35">
        <v>18</v>
      </c>
      <c r="C107" s="13">
        <v>28</v>
      </c>
      <c r="D107" s="12">
        <v>46</v>
      </c>
    </row>
    <row r="108" spans="1:4" ht="18" customHeight="1" x14ac:dyDescent="0.2">
      <c r="A108" s="8" t="s">
        <v>7</v>
      </c>
      <c r="B108" s="35">
        <v>135</v>
      </c>
      <c r="C108" s="13">
        <v>154</v>
      </c>
      <c r="D108" s="12">
        <v>289</v>
      </c>
    </row>
    <row r="109" spans="1:4" ht="18" customHeight="1" x14ac:dyDescent="0.2">
      <c r="A109" s="8">
        <v>85</v>
      </c>
      <c r="B109" s="35">
        <v>19</v>
      </c>
      <c r="C109" s="13">
        <v>36</v>
      </c>
      <c r="D109" s="12">
        <v>55</v>
      </c>
    </row>
    <row r="110" spans="1:4" ht="18" customHeight="1" x14ac:dyDescent="0.2">
      <c r="A110" s="8">
        <v>86</v>
      </c>
      <c r="B110" s="35">
        <v>13</v>
      </c>
      <c r="C110" s="13">
        <v>28</v>
      </c>
      <c r="D110" s="12">
        <v>41</v>
      </c>
    </row>
    <row r="111" spans="1:4" ht="18" customHeight="1" x14ac:dyDescent="0.2">
      <c r="A111" s="8">
        <v>87</v>
      </c>
      <c r="B111" s="35">
        <v>24</v>
      </c>
      <c r="C111" s="13">
        <v>35</v>
      </c>
      <c r="D111" s="12">
        <v>59</v>
      </c>
    </row>
    <row r="112" spans="1:4" ht="18" customHeight="1" x14ac:dyDescent="0.2">
      <c r="A112" s="8">
        <v>88</v>
      </c>
      <c r="B112" s="35">
        <v>12</v>
      </c>
      <c r="C112" s="13">
        <v>29</v>
      </c>
      <c r="D112" s="12">
        <v>41</v>
      </c>
    </row>
    <row r="113" spans="1:4" ht="18" customHeight="1" x14ac:dyDescent="0.2">
      <c r="A113" s="8">
        <v>89</v>
      </c>
      <c r="B113" s="35">
        <v>10</v>
      </c>
      <c r="C113" s="13">
        <v>32</v>
      </c>
      <c r="D113" s="12">
        <v>42</v>
      </c>
    </row>
    <row r="114" spans="1:4" ht="18" customHeight="1" x14ac:dyDescent="0.2">
      <c r="A114" s="8" t="s">
        <v>6</v>
      </c>
      <c r="B114" s="35">
        <v>78</v>
      </c>
      <c r="C114" s="13">
        <v>160</v>
      </c>
      <c r="D114" s="12">
        <v>238</v>
      </c>
    </row>
    <row r="115" spans="1:4" ht="18" customHeight="1" x14ac:dyDescent="0.2">
      <c r="A115" s="8">
        <v>90</v>
      </c>
      <c r="B115" s="35">
        <v>10</v>
      </c>
      <c r="C115" s="13">
        <v>29</v>
      </c>
      <c r="D115" s="12">
        <v>39</v>
      </c>
    </row>
    <row r="116" spans="1:4" ht="18" customHeight="1" x14ac:dyDescent="0.2">
      <c r="A116" s="8">
        <v>91</v>
      </c>
      <c r="B116" s="35">
        <v>10</v>
      </c>
      <c r="C116" s="13">
        <v>23</v>
      </c>
      <c r="D116" s="12">
        <v>33</v>
      </c>
    </row>
    <row r="117" spans="1:4" ht="18" customHeight="1" x14ac:dyDescent="0.2">
      <c r="A117" s="8">
        <v>92</v>
      </c>
      <c r="B117" s="35">
        <v>10</v>
      </c>
      <c r="C117" s="13">
        <v>18</v>
      </c>
      <c r="D117" s="12">
        <v>28</v>
      </c>
    </row>
    <row r="118" spans="1:4" ht="18" customHeight="1" x14ac:dyDescent="0.2">
      <c r="A118" s="8">
        <v>93</v>
      </c>
      <c r="B118" s="35">
        <v>6</v>
      </c>
      <c r="C118" s="13">
        <v>20</v>
      </c>
      <c r="D118" s="12">
        <v>26</v>
      </c>
    </row>
    <row r="119" spans="1:4" ht="18" customHeight="1" x14ac:dyDescent="0.2">
      <c r="A119" s="8">
        <v>94</v>
      </c>
      <c r="B119" s="35">
        <v>7</v>
      </c>
      <c r="C119" s="13">
        <v>14</v>
      </c>
      <c r="D119" s="12">
        <v>21</v>
      </c>
    </row>
    <row r="120" spans="1:4" ht="18" customHeight="1" x14ac:dyDescent="0.2">
      <c r="A120" s="8" t="s">
        <v>5</v>
      </c>
      <c r="B120" s="35">
        <v>43</v>
      </c>
      <c r="C120" s="13">
        <v>104</v>
      </c>
      <c r="D120" s="12">
        <v>147</v>
      </c>
    </row>
    <row r="121" spans="1:4" ht="18" customHeight="1" x14ac:dyDescent="0.2">
      <c r="A121" s="8">
        <v>95</v>
      </c>
      <c r="B121" s="35">
        <v>2</v>
      </c>
      <c r="C121" s="13">
        <v>6</v>
      </c>
      <c r="D121" s="12">
        <v>8</v>
      </c>
    </row>
    <row r="122" spans="1:4" ht="18" customHeight="1" x14ac:dyDescent="0.2">
      <c r="A122" s="8">
        <v>96</v>
      </c>
      <c r="B122" s="35">
        <v>2</v>
      </c>
      <c r="C122" s="13">
        <v>6</v>
      </c>
      <c r="D122" s="12">
        <v>8</v>
      </c>
    </row>
    <row r="123" spans="1:4" ht="18" customHeight="1" x14ac:dyDescent="0.2">
      <c r="A123" s="8">
        <v>97</v>
      </c>
      <c r="B123" s="35">
        <v>2</v>
      </c>
      <c r="C123" s="13">
        <v>6</v>
      </c>
      <c r="D123" s="12">
        <v>8</v>
      </c>
    </row>
    <row r="124" spans="1:4" ht="18" customHeight="1" x14ac:dyDescent="0.2">
      <c r="A124" s="8">
        <v>98</v>
      </c>
      <c r="B124" s="35">
        <v>1</v>
      </c>
      <c r="C124" s="13">
        <v>2</v>
      </c>
      <c r="D124" s="12">
        <v>3</v>
      </c>
    </row>
    <row r="125" spans="1:4" ht="18" customHeight="1" x14ac:dyDescent="0.2">
      <c r="A125" s="8">
        <v>99</v>
      </c>
      <c r="B125" s="35">
        <v>0</v>
      </c>
      <c r="C125" s="13">
        <v>3</v>
      </c>
      <c r="D125" s="12">
        <v>3</v>
      </c>
    </row>
    <row r="126" spans="1:4" ht="18" customHeight="1" x14ac:dyDescent="0.2">
      <c r="A126" s="8" t="s">
        <v>4</v>
      </c>
      <c r="B126" s="35">
        <v>7</v>
      </c>
      <c r="C126" s="13">
        <v>23</v>
      </c>
      <c r="D126" s="12">
        <v>30</v>
      </c>
    </row>
    <row r="127" spans="1:4" ht="18" customHeight="1" x14ac:dyDescent="0.2">
      <c r="A127" s="8">
        <v>100</v>
      </c>
      <c r="B127" s="35">
        <v>0</v>
      </c>
      <c r="C127" s="13">
        <v>1</v>
      </c>
      <c r="D127" s="12">
        <v>1</v>
      </c>
    </row>
    <row r="128" spans="1:4" ht="18" customHeight="1" x14ac:dyDescent="0.2">
      <c r="A128" s="15" t="s">
        <v>3</v>
      </c>
      <c r="B128" s="35">
        <v>0</v>
      </c>
      <c r="C128" s="13">
        <v>1</v>
      </c>
      <c r="D128" s="12">
        <v>1</v>
      </c>
    </row>
    <row r="129" spans="1:4" ht="18" customHeight="1" x14ac:dyDescent="0.2">
      <c r="A129" s="8" t="s">
        <v>2</v>
      </c>
      <c r="B129" s="35">
        <v>0</v>
      </c>
      <c r="C129" s="13">
        <v>2</v>
      </c>
      <c r="D129" s="12">
        <v>2</v>
      </c>
    </row>
    <row r="130" spans="1:4" ht="18" customHeight="1" x14ac:dyDescent="0.2">
      <c r="A130" s="8" t="s">
        <v>1</v>
      </c>
      <c r="B130" s="28">
        <v>1004</v>
      </c>
      <c r="C130" s="6">
        <v>1213</v>
      </c>
      <c r="D130" s="5">
        <v>2217</v>
      </c>
    </row>
    <row r="131" spans="1:4" ht="18" customHeight="1" x14ac:dyDescent="0.2">
      <c r="A131" s="4" t="s">
        <v>0</v>
      </c>
      <c r="B131" s="27">
        <v>3241</v>
      </c>
      <c r="C131" s="2">
        <v>3359</v>
      </c>
      <c r="D131" s="1">
        <v>660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DCDDF21-A21F-48E3-9B33-5411C0788A14}">
  <sheetPr codeName="Sheet7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96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1</v>
      </c>
      <c r="C5" s="45">
        <v>0</v>
      </c>
      <c r="D5" s="44">
        <v>1</v>
      </c>
    </row>
    <row r="6" spans="1:4" ht="18" customHeight="1" x14ac:dyDescent="0.2">
      <c r="A6" s="8">
        <v>1</v>
      </c>
      <c r="B6" s="40">
        <v>0</v>
      </c>
      <c r="C6" s="13">
        <v>1</v>
      </c>
      <c r="D6" s="12">
        <v>1</v>
      </c>
    </row>
    <row r="7" spans="1:4" ht="18" customHeight="1" x14ac:dyDescent="0.2">
      <c r="A7" s="8">
        <v>2</v>
      </c>
      <c r="B7" s="40">
        <v>3</v>
      </c>
      <c r="C7" s="13">
        <v>1</v>
      </c>
      <c r="D7" s="12">
        <v>4</v>
      </c>
    </row>
    <row r="8" spans="1:4" ht="18" customHeight="1" x14ac:dyDescent="0.2">
      <c r="A8" s="8">
        <v>3</v>
      </c>
      <c r="B8" s="40">
        <v>1</v>
      </c>
      <c r="C8" s="13">
        <v>0</v>
      </c>
      <c r="D8" s="12">
        <v>1</v>
      </c>
    </row>
    <row r="9" spans="1:4" ht="18" customHeight="1" x14ac:dyDescent="0.2">
      <c r="A9" s="8">
        <v>4</v>
      </c>
      <c r="B9" s="43">
        <v>0</v>
      </c>
      <c r="C9" s="42">
        <v>3</v>
      </c>
      <c r="D9" s="41">
        <v>3</v>
      </c>
    </row>
    <row r="10" spans="1:4" ht="18" customHeight="1" x14ac:dyDescent="0.2">
      <c r="A10" s="8" t="s">
        <v>25</v>
      </c>
      <c r="B10" s="35">
        <v>5</v>
      </c>
      <c r="C10" s="13">
        <v>5</v>
      </c>
      <c r="D10" s="12">
        <v>10</v>
      </c>
    </row>
    <row r="11" spans="1:4" ht="18" customHeight="1" x14ac:dyDescent="0.2">
      <c r="A11" s="8">
        <v>5</v>
      </c>
      <c r="B11" s="40">
        <v>1</v>
      </c>
      <c r="C11" s="13">
        <v>2</v>
      </c>
      <c r="D11" s="12">
        <v>3</v>
      </c>
    </row>
    <row r="12" spans="1:4" ht="18" customHeight="1" x14ac:dyDescent="0.2">
      <c r="A12" s="8">
        <v>6</v>
      </c>
      <c r="B12" s="40">
        <v>2</v>
      </c>
      <c r="C12" s="13">
        <v>1</v>
      </c>
      <c r="D12" s="12">
        <v>3</v>
      </c>
    </row>
    <row r="13" spans="1:4" ht="18" customHeight="1" x14ac:dyDescent="0.2">
      <c r="A13" s="8">
        <v>7</v>
      </c>
      <c r="B13" s="40">
        <v>2</v>
      </c>
      <c r="C13" s="13">
        <v>2</v>
      </c>
      <c r="D13" s="12">
        <v>4</v>
      </c>
    </row>
    <row r="14" spans="1:4" ht="18" customHeight="1" x14ac:dyDescent="0.2">
      <c r="A14" s="8">
        <v>8</v>
      </c>
      <c r="B14" s="40">
        <v>1</v>
      </c>
      <c r="C14" s="13">
        <v>5</v>
      </c>
      <c r="D14" s="12">
        <v>6</v>
      </c>
    </row>
    <row r="15" spans="1:4" ht="18" customHeight="1" x14ac:dyDescent="0.2">
      <c r="A15" s="8">
        <v>9</v>
      </c>
      <c r="B15" s="40">
        <v>3</v>
      </c>
      <c r="C15" s="13">
        <v>3</v>
      </c>
      <c r="D15" s="12">
        <v>6</v>
      </c>
    </row>
    <row r="16" spans="1:4" ht="18" customHeight="1" x14ac:dyDescent="0.2">
      <c r="A16" s="8" t="s">
        <v>24</v>
      </c>
      <c r="B16" s="35">
        <v>9</v>
      </c>
      <c r="C16" s="13">
        <v>13</v>
      </c>
      <c r="D16" s="12">
        <v>22</v>
      </c>
    </row>
    <row r="17" spans="1:4" ht="18" customHeight="1" x14ac:dyDescent="0.2">
      <c r="A17" s="8">
        <v>10</v>
      </c>
      <c r="B17" s="35">
        <v>1</v>
      </c>
      <c r="C17" s="13">
        <v>4</v>
      </c>
      <c r="D17" s="12">
        <v>5</v>
      </c>
    </row>
    <row r="18" spans="1:4" ht="18" customHeight="1" x14ac:dyDescent="0.2">
      <c r="A18" s="8">
        <v>11</v>
      </c>
      <c r="B18" s="35">
        <v>1</v>
      </c>
      <c r="C18" s="13">
        <v>2</v>
      </c>
      <c r="D18" s="12">
        <v>3</v>
      </c>
    </row>
    <row r="19" spans="1:4" ht="18" customHeight="1" x14ac:dyDescent="0.2">
      <c r="A19" s="8">
        <v>12</v>
      </c>
      <c r="B19" s="35">
        <v>1</v>
      </c>
      <c r="C19" s="13">
        <v>7</v>
      </c>
      <c r="D19" s="12">
        <v>8</v>
      </c>
    </row>
    <row r="20" spans="1:4" ht="18" customHeight="1" x14ac:dyDescent="0.2">
      <c r="A20" s="8">
        <v>13</v>
      </c>
      <c r="B20" s="35">
        <v>1</v>
      </c>
      <c r="C20" s="13">
        <v>0</v>
      </c>
      <c r="D20" s="12">
        <v>1</v>
      </c>
    </row>
    <row r="21" spans="1:4" ht="18" customHeight="1" x14ac:dyDescent="0.2">
      <c r="A21" s="8">
        <v>14</v>
      </c>
      <c r="B21" s="35">
        <v>6</v>
      </c>
      <c r="C21" s="13">
        <v>2</v>
      </c>
      <c r="D21" s="12">
        <v>8</v>
      </c>
    </row>
    <row r="22" spans="1:4" ht="18" customHeight="1" x14ac:dyDescent="0.2">
      <c r="A22" s="8" t="s">
        <v>23</v>
      </c>
      <c r="B22" s="35">
        <v>10</v>
      </c>
      <c r="C22" s="13">
        <v>15</v>
      </c>
      <c r="D22" s="12">
        <v>25</v>
      </c>
    </row>
    <row r="23" spans="1:4" ht="18" customHeight="1" x14ac:dyDescent="0.2">
      <c r="A23" s="8" t="s">
        <v>22</v>
      </c>
      <c r="B23" s="35">
        <v>24</v>
      </c>
      <c r="C23" s="13">
        <v>33</v>
      </c>
      <c r="D23" s="12">
        <v>57</v>
      </c>
    </row>
    <row r="24" spans="1:4" ht="18" customHeight="1" x14ac:dyDescent="0.2">
      <c r="A24" s="8">
        <v>15</v>
      </c>
      <c r="B24" s="35">
        <v>3</v>
      </c>
      <c r="C24" s="13">
        <v>5</v>
      </c>
      <c r="D24" s="12">
        <v>8</v>
      </c>
    </row>
    <row r="25" spans="1:4" ht="18" customHeight="1" x14ac:dyDescent="0.2">
      <c r="A25" s="8">
        <v>16</v>
      </c>
      <c r="B25" s="35">
        <v>1</v>
      </c>
      <c r="C25" s="13">
        <v>0</v>
      </c>
      <c r="D25" s="12">
        <v>1</v>
      </c>
    </row>
    <row r="26" spans="1:4" ht="18" customHeight="1" x14ac:dyDescent="0.2">
      <c r="A26" s="8">
        <v>17</v>
      </c>
      <c r="B26" s="35">
        <v>3</v>
      </c>
      <c r="C26" s="13">
        <v>2</v>
      </c>
      <c r="D26" s="12">
        <v>5</v>
      </c>
    </row>
    <row r="27" spans="1:4" ht="18" customHeight="1" x14ac:dyDescent="0.2">
      <c r="A27" s="8">
        <v>18</v>
      </c>
      <c r="B27" s="35">
        <v>6</v>
      </c>
      <c r="C27" s="13">
        <v>3</v>
      </c>
      <c r="D27" s="12">
        <v>9</v>
      </c>
    </row>
    <row r="28" spans="1:4" ht="18" customHeight="1" x14ac:dyDescent="0.2">
      <c r="A28" s="8">
        <v>19</v>
      </c>
      <c r="B28" s="35">
        <v>5</v>
      </c>
      <c r="C28" s="13">
        <v>2</v>
      </c>
      <c r="D28" s="12">
        <v>7</v>
      </c>
    </row>
    <row r="29" spans="1:4" ht="18" customHeight="1" x14ac:dyDescent="0.2">
      <c r="A29" s="8" t="s">
        <v>21</v>
      </c>
      <c r="B29" s="35">
        <v>18</v>
      </c>
      <c r="C29" s="13">
        <v>12</v>
      </c>
      <c r="D29" s="12">
        <v>30</v>
      </c>
    </row>
    <row r="30" spans="1:4" ht="18" customHeight="1" x14ac:dyDescent="0.2">
      <c r="A30" s="8">
        <v>20</v>
      </c>
      <c r="B30" s="35">
        <v>2</v>
      </c>
      <c r="C30" s="13">
        <v>5</v>
      </c>
      <c r="D30" s="12">
        <v>7</v>
      </c>
    </row>
    <row r="31" spans="1:4" ht="18" customHeight="1" x14ac:dyDescent="0.2">
      <c r="A31" s="8">
        <v>21</v>
      </c>
      <c r="B31" s="35">
        <v>4</v>
      </c>
      <c r="C31" s="13">
        <v>3</v>
      </c>
      <c r="D31" s="12">
        <v>7</v>
      </c>
    </row>
    <row r="32" spans="1:4" ht="18" customHeight="1" x14ac:dyDescent="0.2">
      <c r="A32" s="8">
        <v>22</v>
      </c>
      <c r="B32" s="35">
        <v>9</v>
      </c>
      <c r="C32" s="13">
        <v>2</v>
      </c>
      <c r="D32" s="12">
        <v>11</v>
      </c>
    </row>
    <row r="33" spans="1:4" ht="18" customHeight="1" x14ac:dyDescent="0.2">
      <c r="A33" s="8">
        <v>23</v>
      </c>
      <c r="B33" s="35">
        <v>3</v>
      </c>
      <c r="C33" s="13">
        <v>1</v>
      </c>
      <c r="D33" s="12">
        <v>4</v>
      </c>
    </row>
    <row r="34" spans="1:4" ht="18" customHeight="1" x14ac:dyDescent="0.2">
      <c r="A34" s="8">
        <v>24</v>
      </c>
      <c r="B34" s="35">
        <v>0</v>
      </c>
      <c r="C34" s="13">
        <v>1</v>
      </c>
      <c r="D34" s="12">
        <v>1</v>
      </c>
    </row>
    <row r="35" spans="1:4" ht="18" customHeight="1" x14ac:dyDescent="0.2">
      <c r="A35" s="8" t="s">
        <v>20</v>
      </c>
      <c r="B35" s="35">
        <v>18</v>
      </c>
      <c r="C35" s="13">
        <v>12</v>
      </c>
      <c r="D35" s="12">
        <v>30</v>
      </c>
    </row>
    <row r="36" spans="1:4" ht="18" customHeight="1" x14ac:dyDescent="0.2">
      <c r="A36" s="8">
        <v>25</v>
      </c>
      <c r="B36" s="35">
        <v>1</v>
      </c>
      <c r="C36" s="13">
        <v>0</v>
      </c>
      <c r="D36" s="12">
        <v>1</v>
      </c>
    </row>
    <row r="37" spans="1:4" ht="18" customHeight="1" x14ac:dyDescent="0.2">
      <c r="A37" s="8">
        <v>26</v>
      </c>
      <c r="B37" s="35">
        <v>0</v>
      </c>
      <c r="C37" s="13">
        <v>1</v>
      </c>
      <c r="D37" s="12">
        <v>1</v>
      </c>
    </row>
    <row r="38" spans="1:4" ht="18" customHeight="1" x14ac:dyDescent="0.2">
      <c r="A38" s="8">
        <v>27</v>
      </c>
      <c r="B38" s="35">
        <v>2</v>
      </c>
      <c r="C38" s="13">
        <v>1</v>
      </c>
      <c r="D38" s="12">
        <v>3</v>
      </c>
    </row>
    <row r="39" spans="1:4" ht="18" customHeight="1" x14ac:dyDescent="0.2">
      <c r="A39" s="8">
        <v>28</v>
      </c>
      <c r="B39" s="35">
        <v>2</v>
      </c>
      <c r="C39" s="13">
        <v>2</v>
      </c>
      <c r="D39" s="12">
        <v>4</v>
      </c>
    </row>
    <row r="40" spans="1:4" ht="18" customHeight="1" x14ac:dyDescent="0.2">
      <c r="A40" s="8">
        <v>29</v>
      </c>
      <c r="B40" s="35">
        <v>1</v>
      </c>
      <c r="C40" s="13">
        <v>3</v>
      </c>
      <c r="D40" s="12">
        <v>4</v>
      </c>
    </row>
    <row r="41" spans="1:4" ht="18" customHeight="1" x14ac:dyDescent="0.2">
      <c r="A41" s="8" t="s">
        <v>19</v>
      </c>
      <c r="B41" s="35">
        <v>6</v>
      </c>
      <c r="C41" s="13">
        <v>7</v>
      </c>
      <c r="D41" s="12">
        <v>13</v>
      </c>
    </row>
    <row r="42" spans="1:4" ht="18" customHeight="1" x14ac:dyDescent="0.2">
      <c r="A42" s="8">
        <v>30</v>
      </c>
      <c r="B42" s="35">
        <v>4</v>
      </c>
      <c r="C42" s="13">
        <v>1</v>
      </c>
      <c r="D42" s="12">
        <v>5</v>
      </c>
    </row>
    <row r="43" spans="1:4" ht="18" customHeight="1" x14ac:dyDescent="0.2">
      <c r="A43" s="8">
        <v>31</v>
      </c>
      <c r="B43" s="35">
        <v>1</v>
      </c>
      <c r="C43" s="13">
        <v>2</v>
      </c>
      <c r="D43" s="12">
        <v>3</v>
      </c>
    </row>
    <row r="44" spans="1:4" ht="18" customHeight="1" x14ac:dyDescent="0.2">
      <c r="A44" s="8">
        <v>32</v>
      </c>
      <c r="B44" s="35">
        <v>4</v>
      </c>
      <c r="C44" s="13">
        <v>0</v>
      </c>
      <c r="D44" s="12">
        <v>4</v>
      </c>
    </row>
    <row r="45" spans="1:4" ht="18" customHeight="1" x14ac:dyDescent="0.2">
      <c r="A45" s="8">
        <v>33</v>
      </c>
      <c r="B45" s="35">
        <v>1</v>
      </c>
      <c r="C45" s="13">
        <v>2</v>
      </c>
      <c r="D45" s="12">
        <v>3</v>
      </c>
    </row>
    <row r="46" spans="1:4" ht="18" customHeight="1" x14ac:dyDescent="0.2">
      <c r="A46" s="8">
        <v>34</v>
      </c>
      <c r="B46" s="35">
        <v>4</v>
      </c>
      <c r="C46" s="13">
        <v>3</v>
      </c>
      <c r="D46" s="12">
        <v>7</v>
      </c>
    </row>
    <row r="47" spans="1:4" ht="18" customHeight="1" x14ac:dyDescent="0.2">
      <c r="A47" s="8" t="s">
        <v>18</v>
      </c>
      <c r="B47" s="35">
        <v>14</v>
      </c>
      <c r="C47" s="13">
        <v>8</v>
      </c>
      <c r="D47" s="12">
        <v>22</v>
      </c>
    </row>
    <row r="48" spans="1:4" ht="18" customHeight="1" x14ac:dyDescent="0.2">
      <c r="A48" s="8">
        <v>35</v>
      </c>
      <c r="B48" s="35">
        <v>0</v>
      </c>
      <c r="C48" s="13">
        <v>2</v>
      </c>
      <c r="D48" s="12">
        <v>2</v>
      </c>
    </row>
    <row r="49" spans="1:4" ht="18" customHeight="1" x14ac:dyDescent="0.2">
      <c r="A49" s="8">
        <v>36</v>
      </c>
      <c r="B49" s="35">
        <v>2</v>
      </c>
      <c r="C49" s="13">
        <v>3</v>
      </c>
      <c r="D49" s="12">
        <v>5</v>
      </c>
    </row>
    <row r="50" spans="1:4" ht="18" customHeight="1" x14ac:dyDescent="0.2">
      <c r="A50" s="8">
        <v>37</v>
      </c>
      <c r="B50" s="35">
        <v>4</v>
      </c>
      <c r="C50" s="13">
        <v>4</v>
      </c>
      <c r="D50" s="12">
        <v>8</v>
      </c>
    </row>
    <row r="51" spans="1:4" ht="18" customHeight="1" x14ac:dyDescent="0.2">
      <c r="A51" s="8">
        <v>38</v>
      </c>
      <c r="B51" s="35">
        <v>2</v>
      </c>
      <c r="C51" s="13">
        <v>0</v>
      </c>
      <c r="D51" s="12">
        <v>2</v>
      </c>
    </row>
    <row r="52" spans="1:4" ht="18" customHeight="1" x14ac:dyDescent="0.2">
      <c r="A52" s="8">
        <v>39</v>
      </c>
      <c r="B52" s="35">
        <v>3</v>
      </c>
      <c r="C52" s="13">
        <v>2</v>
      </c>
      <c r="D52" s="12">
        <v>5</v>
      </c>
    </row>
    <row r="53" spans="1:4" ht="18" customHeight="1" x14ac:dyDescent="0.2">
      <c r="A53" s="8" t="s">
        <v>17</v>
      </c>
      <c r="B53" s="35">
        <v>11</v>
      </c>
      <c r="C53" s="13">
        <v>11</v>
      </c>
      <c r="D53" s="12">
        <v>22</v>
      </c>
    </row>
    <row r="54" spans="1:4" ht="18" customHeight="1" x14ac:dyDescent="0.2">
      <c r="A54" s="8">
        <v>40</v>
      </c>
      <c r="B54" s="35">
        <v>2</v>
      </c>
      <c r="C54" s="13">
        <v>2</v>
      </c>
      <c r="D54" s="12">
        <v>4</v>
      </c>
    </row>
    <row r="55" spans="1:4" ht="18" customHeight="1" x14ac:dyDescent="0.2">
      <c r="A55" s="8">
        <v>41</v>
      </c>
      <c r="B55" s="35">
        <v>2</v>
      </c>
      <c r="C55" s="13">
        <v>1</v>
      </c>
      <c r="D55" s="12">
        <v>3</v>
      </c>
    </row>
    <row r="56" spans="1:4" ht="18" customHeight="1" x14ac:dyDescent="0.2">
      <c r="A56" s="8">
        <v>42</v>
      </c>
      <c r="B56" s="35">
        <v>2</v>
      </c>
      <c r="C56" s="13">
        <v>4</v>
      </c>
      <c r="D56" s="12">
        <v>6</v>
      </c>
    </row>
    <row r="57" spans="1:4" ht="18" customHeight="1" x14ac:dyDescent="0.2">
      <c r="A57" s="8">
        <v>43</v>
      </c>
      <c r="B57" s="35">
        <v>1</v>
      </c>
      <c r="C57" s="13">
        <v>4</v>
      </c>
      <c r="D57" s="12">
        <v>5</v>
      </c>
    </row>
    <row r="58" spans="1:4" ht="18" customHeight="1" x14ac:dyDescent="0.2">
      <c r="A58" s="8">
        <v>44</v>
      </c>
      <c r="B58" s="35">
        <v>7</v>
      </c>
      <c r="C58" s="13">
        <v>4</v>
      </c>
      <c r="D58" s="12">
        <v>11</v>
      </c>
    </row>
    <row r="59" spans="1:4" ht="18" customHeight="1" x14ac:dyDescent="0.2">
      <c r="A59" s="8" t="s">
        <v>16</v>
      </c>
      <c r="B59" s="35">
        <v>14</v>
      </c>
      <c r="C59" s="13">
        <v>15</v>
      </c>
      <c r="D59" s="12">
        <v>29</v>
      </c>
    </row>
    <row r="60" spans="1:4" ht="18" customHeight="1" x14ac:dyDescent="0.2">
      <c r="A60" s="8">
        <v>45</v>
      </c>
      <c r="B60" s="35">
        <v>6</v>
      </c>
      <c r="C60" s="13">
        <v>1</v>
      </c>
      <c r="D60" s="12">
        <v>7</v>
      </c>
    </row>
    <row r="61" spans="1:4" ht="18" customHeight="1" x14ac:dyDescent="0.2">
      <c r="A61" s="8">
        <v>46</v>
      </c>
      <c r="B61" s="35">
        <v>3</v>
      </c>
      <c r="C61" s="13">
        <v>2</v>
      </c>
      <c r="D61" s="12">
        <v>5</v>
      </c>
    </row>
    <row r="62" spans="1:4" ht="18" customHeight="1" x14ac:dyDescent="0.2">
      <c r="A62" s="8">
        <v>47</v>
      </c>
      <c r="B62" s="35">
        <v>3</v>
      </c>
      <c r="C62" s="13">
        <v>5</v>
      </c>
      <c r="D62" s="12">
        <v>8</v>
      </c>
    </row>
    <row r="63" spans="1:4" ht="18" customHeight="1" x14ac:dyDescent="0.2">
      <c r="A63" s="8">
        <v>48</v>
      </c>
      <c r="B63" s="35">
        <v>5</v>
      </c>
      <c r="C63" s="13">
        <v>1</v>
      </c>
      <c r="D63" s="12">
        <v>6</v>
      </c>
    </row>
    <row r="64" spans="1:4" ht="18" customHeight="1" x14ac:dyDescent="0.2">
      <c r="A64" s="8">
        <v>49</v>
      </c>
      <c r="B64" s="35">
        <v>3</v>
      </c>
      <c r="C64" s="13">
        <v>4</v>
      </c>
      <c r="D64" s="12">
        <v>7</v>
      </c>
    </row>
    <row r="65" spans="1:4" ht="18" customHeight="1" x14ac:dyDescent="0.2">
      <c r="A65" s="8" t="s">
        <v>15</v>
      </c>
      <c r="B65" s="35">
        <v>20</v>
      </c>
      <c r="C65" s="13">
        <v>13</v>
      </c>
      <c r="D65" s="12">
        <v>33</v>
      </c>
    </row>
    <row r="66" spans="1:4" ht="18" customHeight="1" x14ac:dyDescent="0.2">
      <c r="A66" s="8">
        <v>50</v>
      </c>
      <c r="B66" s="35">
        <v>8</v>
      </c>
      <c r="C66" s="13">
        <v>5</v>
      </c>
      <c r="D66" s="12">
        <v>13</v>
      </c>
    </row>
    <row r="67" spans="1:4" ht="18" customHeight="1" x14ac:dyDescent="0.2">
      <c r="A67" s="8">
        <v>51</v>
      </c>
      <c r="B67" s="35">
        <v>5</v>
      </c>
      <c r="C67" s="13">
        <v>7</v>
      </c>
      <c r="D67" s="12">
        <v>12</v>
      </c>
    </row>
    <row r="68" spans="1:4" ht="18" customHeight="1" x14ac:dyDescent="0.2">
      <c r="A68" s="8">
        <v>52</v>
      </c>
      <c r="B68" s="35">
        <v>6</v>
      </c>
      <c r="C68" s="13">
        <v>6</v>
      </c>
      <c r="D68" s="12">
        <v>12</v>
      </c>
    </row>
    <row r="69" spans="1:4" ht="18" customHeight="1" x14ac:dyDescent="0.2">
      <c r="A69" s="8">
        <v>53</v>
      </c>
      <c r="B69" s="35">
        <v>6</v>
      </c>
      <c r="C69" s="13">
        <v>3</v>
      </c>
      <c r="D69" s="12">
        <v>9</v>
      </c>
    </row>
    <row r="70" spans="1:4" ht="18" customHeight="1" x14ac:dyDescent="0.2">
      <c r="A70" s="8">
        <v>54</v>
      </c>
      <c r="B70" s="35">
        <v>7</v>
      </c>
      <c r="C70" s="13">
        <v>8</v>
      </c>
      <c r="D70" s="12">
        <v>15</v>
      </c>
    </row>
    <row r="71" spans="1:4" ht="18" customHeight="1" x14ac:dyDescent="0.2">
      <c r="A71" s="8" t="s">
        <v>14</v>
      </c>
      <c r="B71" s="35">
        <v>32</v>
      </c>
      <c r="C71" s="13">
        <v>29</v>
      </c>
      <c r="D71" s="12">
        <v>61</v>
      </c>
    </row>
    <row r="72" spans="1:4" ht="18" customHeight="1" x14ac:dyDescent="0.2">
      <c r="A72" s="8">
        <v>55</v>
      </c>
      <c r="B72" s="35">
        <v>0</v>
      </c>
      <c r="C72" s="13">
        <v>6</v>
      </c>
      <c r="D72" s="12">
        <v>6</v>
      </c>
    </row>
    <row r="73" spans="1:4" ht="18" customHeight="1" x14ac:dyDescent="0.2">
      <c r="A73" s="8">
        <v>56</v>
      </c>
      <c r="B73" s="35">
        <v>6</v>
      </c>
      <c r="C73" s="13">
        <v>4</v>
      </c>
      <c r="D73" s="12">
        <v>10</v>
      </c>
    </row>
    <row r="74" spans="1:4" ht="18" customHeight="1" x14ac:dyDescent="0.2">
      <c r="A74" s="8">
        <v>57</v>
      </c>
      <c r="B74" s="35">
        <v>2</v>
      </c>
      <c r="C74" s="13">
        <v>6</v>
      </c>
      <c r="D74" s="12">
        <v>8</v>
      </c>
    </row>
    <row r="75" spans="1:4" ht="18" customHeight="1" x14ac:dyDescent="0.2">
      <c r="A75" s="8">
        <v>58</v>
      </c>
      <c r="B75" s="35">
        <v>3</v>
      </c>
      <c r="C75" s="13">
        <v>3</v>
      </c>
      <c r="D75" s="12">
        <v>6</v>
      </c>
    </row>
    <row r="76" spans="1:4" ht="18" customHeight="1" x14ac:dyDescent="0.2">
      <c r="A76" s="8">
        <v>59</v>
      </c>
      <c r="B76" s="35">
        <v>1</v>
      </c>
      <c r="C76" s="13">
        <v>10</v>
      </c>
      <c r="D76" s="12">
        <v>11</v>
      </c>
    </row>
    <row r="77" spans="1:4" ht="18" customHeight="1" x14ac:dyDescent="0.2">
      <c r="A77" s="8" t="s">
        <v>13</v>
      </c>
      <c r="B77" s="35">
        <v>12</v>
      </c>
      <c r="C77" s="13">
        <v>29</v>
      </c>
      <c r="D77" s="12">
        <v>41</v>
      </c>
    </row>
    <row r="78" spans="1:4" ht="18" customHeight="1" x14ac:dyDescent="0.2">
      <c r="A78" s="8">
        <v>60</v>
      </c>
      <c r="B78" s="35">
        <v>5</v>
      </c>
      <c r="C78" s="13">
        <v>1</v>
      </c>
      <c r="D78" s="12">
        <v>6</v>
      </c>
    </row>
    <row r="79" spans="1:4" ht="18" customHeight="1" x14ac:dyDescent="0.2">
      <c r="A79" s="8">
        <v>61</v>
      </c>
      <c r="B79" s="35">
        <v>9</v>
      </c>
      <c r="C79" s="13">
        <v>8</v>
      </c>
      <c r="D79" s="12">
        <v>17</v>
      </c>
    </row>
    <row r="80" spans="1:4" ht="18" customHeight="1" x14ac:dyDescent="0.2">
      <c r="A80" s="8">
        <v>62</v>
      </c>
      <c r="B80" s="35">
        <v>3</v>
      </c>
      <c r="C80" s="13">
        <v>3</v>
      </c>
      <c r="D80" s="12">
        <v>6</v>
      </c>
    </row>
    <row r="81" spans="1:4" ht="18" customHeight="1" x14ac:dyDescent="0.2">
      <c r="A81" s="8">
        <v>63</v>
      </c>
      <c r="B81" s="35">
        <v>4</v>
      </c>
      <c r="C81" s="13">
        <v>6</v>
      </c>
      <c r="D81" s="12">
        <v>10</v>
      </c>
    </row>
    <row r="82" spans="1:4" ht="18" customHeight="1" x14ac:dyDescent="0.2">
      <c r="A82" s="8">
        <v>64</v>
      </c>
      <c r="B82" s="35">
        <v>8</v>
      </c>
      <c r="C82" s="13">
        <v>7</v>
      </c>
      <c r="D82" s="12">
        <v>15</v>
      </c>
    </row>
    <row r="83" spans="1:4" ht="18" customHeight="1" x14ac:dyDescent="0.2">
      <c r="A83" s="8" t="s">
        <v>12</v>
      </c>
      <c r="B83" s="35">
        <v>29</v>
      </c>
      <c r="C83" s="13">
        <v>25</v>
      </c>
      <c r="D83" s="12">
        <v>54</v>
      </c>
    </row>
    <row r="84" spans="1:4" ht="18" customHeight="1" x14ac:dyDescent="0.2">
      <c r="A84" s="8" t="s">
        <v>11</v>
      </c>
      <c r="B84" s="35">
        <v>174</v>
      </c>
      <c r="C84" s="13">
        <v>161</v>
      </c>
      <c r="D84" s="12">
        <v>335</v>
      </c>
    </row>
    <row r="85" spans="1:4" ht="18" customHeight="1" x14ac:dyDescent="0.2">
      <c r="A85" s="8">
        <v>65</v>
      </c>
      <c r="B85" s="35">
        <v>5</v>
      </c>
      <c r="C85" s="13">
        <v>6</v>
      </c>
      <c r="D85" s="12">
        <v>11</v>
      </c>
    </row>
    <row r="86" spans="1:4" ht="18" customHeight="1" x14ac:dyDescent="0.2">
      <c r="A86" s="8">
        <v>66</v>
      </c>
      <c r="B86" s="35">
        <v>8</v>
      </c>
      <c r="C86" s="13">
        <v>6</v>
      </c>
      <c r="D86" s="12">
        <v>14</v>
      </c>
    </row>
    <row r="87" spans="1:4" ht="18" customHeight="1" x14ac:dyDescent="0.2">
      <c r="A87" s="8">
        <v>67</v>
      </c>
      <c r="B87" s="35">
        <v>8</v>
      </c>
      <c r="C87" s="13">
        <v>9</v>
      </c>
      <c r="D87" s="12">
        <v>17</v>
      </c>
    </row>
    <row r="88" spans="1:4" ht="18" customHeight="1" x14ac:dyDescent="0.2">
      <c r="A88" s="8">
        <v>68</v>
      </c>
      <c r="B88" s="35">
        <v>10</v>
      </c>
      <c r="C88" s="13">
        <v>7</v>
      </c>
      <c r="D88" s="12">
        <v>17</v>
      </c>
    </row>
    <row r="89" spans="1:4" ht="18" customHeight="1" x14ac:dyDescent="0.2">
      <c r="A89" s="8">
        <v>69</v>
      </c>
      <c r="B89" s="35">
        <v>11</v>
      </c>
      <c r="C89" s="13">
        <v>12</v>
      </c>
      <c r="D89" s="12">
        <v>23</v>
      </c>
    </row>
    <row r="90" spans="1:4" ht="18" customHeight="1" x14ac:dyDescent="0.2">
      <c r="A90" s="8" t="s">
        <v>10</v>
      </c>
      <c r="B90" s="35">
        <v>42</v>
      </c>
      <c r="C90" s="13">
        <v>40</v>
      </c>
      <c r="D90" s="12">
        <v>82</v>
      </c>
    </row>
    <row r="91" spans="1:4" ht="18" customHeight="1" x14ac:dyDescent="0.2">
      <c r="A91" s="8">
        <v>70</v>
      </c>
      <c r="B91" s="35">
        <v>10</v>
      </c>
      <c r="C91" s="13">
        <v>8</v>
      </c>
      <c r="D91" s="12">
        <v>18</v>
      </c>
    </row>
    <row r="92" spans="1:4" ht="18" customHeight="1" x14ac:dyDescent="0.2">
      <c r="A92" s="8">
        <v>71</v>
      </c>
      <c r="B92" s="35">
        <v>5</v>
      </c>
      <c r="C92" s="13">
        <v>1</v>
      </c>
      <c r="D92" s="12">
        <v>6</v>
      </c>
    </row>
    <row r="93" spans="1:4" ht="18" customHeight="1" x14ac:dyDescent="0.2">
      <c r="A93" s="8">
        <v>72</v>
      </c>
      <c r="B93" s="35">
        <v>4</v>
      </c>
      <c r="C93" s="13">
        <v>11</v>
      </c>
      <c r="D93" s="12">
        <v>15</v>
      </c>
    </row>
    <row r="94" spans="1:4" ht="18" customHeight="1" x14ac:dyDescent="0.2">
      <c r="A94" s="8">
        <v>73</v>
      </c>
      <c r="B94" s="35">
        <v>11</v>
      </c>
      <c r="C94" s="13">
        <v>8</v>
      </c>
      <c r="D94" s="12">
        <v>19</v>
      </c>
    </row>
    <row r="95" spans="1:4" ht="18" customHeight="1" x14ac:dyDescent="0.2">
      <c r="A95" s="8">
        <v>74</v>
      </c>
      <c r="B95" s="35">
        <v>7</v>
      </c>
      <c r="C95" s="13">
        <v>8</v>
      </c>
      <c r="D95" s="12">
        <v>15</v>
      </c>
    </row>
    <row r="96" spans="1:4" ht="18" customHeight="1" x14ac:dyDescent="0.2">
      <c r="A96" s="8" t="s">
        <v>9</v>
      </c>
      <c r="B96" s="35">
        <v>37</v>
      </c>
      <c r="C96" s="13">
        <v>36</v>
      </c>
      <c r="D96" s="12">
        <v>73</v>
      </c>
    </row>
    <row r="97" spans="1:4" ht="18" customHeight="1" x14ac:dyDescent="0.2">
      <c r="A97" s="8">
        <v>75</v>
      </c>
      <c r="B97" s="35">
        <v>9</v>
      </c>
      <c r="C97" s="13">
        <v>13</v>
      </c>
      <c r="D97" s="12">
        <v>22</v>
      </c>
    </row>
    <row r="98" spans="1:4" ht="18" customHeight="1" x14ac:dyDescent="0.2">
      <c r="A98" s="8">
        <v>76</v>
      </c>
      <c r="B98" s="35">
        <v>11</v>
      </c>
      <c r="C98" s="13">
        <v>6</v>
      </c>
      <c r="D98" s="12">
        <v>17</v>
      </c>
    </row>
    <row r="99" spans="1:4" ht="18" customHeight="1" x14ac:dyDescent="0.2">
      <c r="A99" s="8">
        <v>77</v>
      </c>
      <c r="B99" s="35">
        <v>4</v>
      </c>
      <c r="C99" s="13">
        <v>5</v>
      </c>
      <c r="D99" s="12">
        <v>9</v>
      </c>
    </row>
    <row r="100" spans="1:4" ht="18" customHeight="1" x14ac:dyDescent="0.2">
      <c r="A100" s="8">
        <v>78</v>
      </c>
      <c r="B100" s="35">
        <v>5</v>
      </c>
      <c r="C100" s="13">
        <v>6</v>
      </c>
      <c r="D100" s="12">
        <v>11</v>
      </c>
    </row>
    <row r="101" spans="1:4" ht="18" customHeight="1" x14ac:dyDescent="0.2">
      <c r="A101" s="8">
        <v>79</v>
      </c>
      <c r="B101" s="35">
        <v>9</v>
      </c>
      <c r="C101" s="13">
        <v>6</v>
      </c>
      <c r="D101" s="12">
        <v>15</v>
      </c>
    </row>
    <row r="102" spans="1:4" ht="18" customHeight="1" x14ac:dyDescent="0.2">
      <c r="A102" s="8" t="s">
        <v>8</v>
      </c>
      <c r="B102" s="35">
        <v>38</v>
      </c>
      <c r="C102" s="13">
        <v>36</v>
      </c>
      <c r="D102" s="12">
        <v>74</v>
      </c>
    </row>
    <row r="103" spans="1:4" ht="18" customHeight="1" x14ac:dyDescent="0.2">
      <c r="A103" s="8">
        <v>80</v>
      </c>
      <c r="B103" s="35">
        <v>7</v>
      </c>
      <c r="C103" s="13">
        <v>2</v>
      </c>
      <c r="D103" s="12">
        <v>9</v>
      </c>
    </row>
    <row r="104" spans="1:4" ht="18" customHeight="1" x14ac:dyDescent="0.2">
      <c r="A104" s="8">
        <v>81</v>
      </c>
      <c r="B104" s="35">
        <v>2</v>
      </c>
      <c r="C104" s="13">
        <v>7</v>
      </c>
      <c r="D104" s="12">
        <v>9</v>
      </c>
    </row>
    <row r="105" spans="1:4" ht="18" customHeight="1" x14ac:dyDescent="0.2">
      <c r="A105" s="8">
        <v>82</v>
      </c>
      <c r="B105" s="35">
        <v>5</v>
      </c>
      <c r="C105" s="13">
        <v>2</v>
      </c>
      <c r="D105" s="12">
        <v>7</v>
      </c>
    </row>
    <row r="106" spans="1:4" ht="18" customHeight="1" x14ac:dyDescent="0.2">
      <c r="A106" s="8">
        <v>83</v>
      </c>
      <c r="B106" s="35">
        <v>0</v>
      </c>
      <c r="C106" s="13">
        <v>6</v>
      </c>
      <c r="D106" s="12">
        <v>6</v>
      </c>
    </row>
    <row r="107" spans="1:4" ht="18" customHeight="1" x14ac:dyDescent="0.2">
      <c r="A107" s="8">
        <v>84</v>
      </c>
      <c r="B107" s="35">
        <v>2</v>
      </c>
      <c r="C107" s="13">
        <v>5</v>
      </c>
      <c r="D107" s="12">
        <v>7</v>
      </c>
    </row>
    <row r="108" spans="1:4" ht="18" customHeight="1" x14ac:dyDescent="0.2">
      <c r="A108" s="8" t="s">
        <v>7</v>
      </c>
      <c r="B108" s="35">
        <v>16</v>
      </c>
      <c r="C108" s="13">
        <v>22</v>
      </c>
      <c r="D108" s="12">
        <v>38</v>
      </c>
    </row>
    <row r="109" spans="1:4" ht="18" customHeight="1" x14ac:dyDescent="0.2">
      <c r="A109" s="8">
        <v>85</v>
      </c>
      <c r="B109" s="35">
        <v>1</v>
      </c>
      <c r="C109" s="13">
        <v>6</v>
      </c>
      <c r="D109" s="12">
        <v>7</v>
      </c>
    </row>
    <row r="110" spans="1:4" ht="18" customHeight="1" x14ac:dyDescent="0.2">
      <c r="A110" s="8">
        <v>86</v>
      </c>
      <c r="B110" s="35">
        <v>1</v>
      </c>
      <c r="C110" s="13">
        <v>9</v>
      </c>
      <c r="D110" s="12">
        <v>10</v>
      </c>
    </row>
    <row r="111" spans="1:4" ht="18" customHeight="1" x14ac:dyDescent="0.2">
      <c r="A111" s="8">
        <v>87</v>
      </c>
      <c r="B111" s="35">
        <v>4</v>
      </c>
      <c r="C111" s="13">
        <v>2</v>
      </c>
      <c r="D111" s="12">
        <v>6</v>
      </c>
    </row>
    <row r="112" spans="1:4" ht="18" customHeight="1" x14ac:dyDescent="0.2">
      <c r="A112" s="8">
        <v>88</v>
      </c>
      <c r="B112" s="35">
        <v>6</v>
      </c>
      <c r="C112" s="13">
        <v>3</v>
      </c>
      <c r="D112" s="12">
        <v>9</v>
      </c>
    </row>
    <row r="113" spans="1:4" ht="18" customHeight="1" x14ac:dyDescent="0.2">
      <c r="A113" s="8">
        <v>89</v>
      </c>
      <c r="B113" s="35">
        <v>3</v>
      </c>
      <c r="C113" s="13">
        <v>7</v>
      </c>
      <c r="D113" s="12">
        <v>10</v>
      </c>
    </row>
    <row r="114" spans="1:4" ht="18" customHeight="1" x14ac:dyDescent="0.2">
      <c r="A114" s="8" t="s">
        <v>6</v>
      </c>
      <c r="B114" s="35">
        <v>15</v>
      </c>
      <c r="C114" s="13">
        <v>27</v>
      </c>
      <c r="D114" s="12">
        <v>42</v>
      </c>
    </row>
    <row r="115" spans="1:4" ht="18" customHeight="1" x14ac:dyDescent="0.2">
      <c r="A115" s="8">
        <v>90</v>
      </c>
      <c r="B115" s="35">
        <v>1</v>
      </c>
      <c r="C115" s="13">
        <v>4</v>
      </c>
      <c r="D115" s="12">
        <v>5</v>
      </c>
    </row>
    <row r="116" spans="1:4" ht="18" customHeight="1" x14ac:dyDescent="0.2">
      <c r="A116" s="8">
        <v>91</v>
      </c>
      <c r="B116" s="35">
        <v>4</v>
      </c>
      <c r="C116" s="13">
        <v>6</v>
      </c>
      <c r="D116" s="12">
        <v>10</v>
      </c>
    </row>
    <row r="117" spans="1:4" ht="18" customHeight="1" x14ac:dyDescent="0.2">
      <c r="A117" s="8">
        <v>92</v>
      </c>
      <c r="B117" s="35">
        <v>0</v>
      </c>
      <c r="C117" s="13">
        <v>6</v>
      </c>
      <c r="D117" s="12">
        <v>6</v>
      </c>
    </row>
    <row r="118" spans="1:4" ht="18" customHeight="1" x14ac:dyDescent="0.2">
      <c r="A118" s="8">
        <v>93</v>
      </c>
      <c r="B118" s="35">
        <v>2</v>
      </c>
      <c r="C118" s="13">
        <v>4</v>
      </c>
      <c r="D118" s="12">
        <v>6</v>
      </c>
    </row>
    <row r="119" spans="1:4" ht="18" customHeight="1" x14ac:dyDescent="0.2">
      <c r="A119" s="8">
        <v>94</v>
      </c>
      <c r="B119" s="35">
        <v>1</v>
      </c>
      <c r="C119" s="13">
        <v>3</v>
      </c>
      <c r="D119" s="12">
        <v>4</v>
      </c>
    </row>
    <row r="120" spans="1:4" ht="18" customHeight="1" x14ac:dyDescent="0.2">
      <c r="A120" s="8" t="s">
        <v>5</v>
      </c>
      <c r="B120" s="35">
        <v>8</v>
      </c>
      <c r="C120" s="13">
        <v>23</v>
      </c>
      <c r="D120" s="12">
        <v>31</v>
      </c>
    </row>
    <row r="121" spans="1:4" ht="18" customHeight="1" x14ac:dyDescent="0.2">
      <c r="A121" s="8">
        <v>95</v>
      </c>
      <c r="B121" s="35">
        <v>0</v>
      </c>
      <c r="C121" s="13">
        <v>6</v>
      </c>
      <c r="D121" s="12">
        <v>6</v>
      </c>
    </row>
    <row r="122" spans="1:4" ht="18" customHeight="1" x14ac:dyDescent="0.2">
      <c r="A122" s="8">
        <v>96</v>
      </c>
      <c r="B122" s="35">
        <v>0</v>
      </c>
      <c r="C122" s="13">
        <v>2</v>
      </c>
      <c r="D122" s="12">
        <v>2</v>
      </c>
    </row>
    <row r="123" spans="1:4" ht="18" customHeight="1" x14ac:dyDescent="0.2">
      <c r="A123" s="8">
        <v>97</v>
      </c>
      <c r="B123" s="35">
        <v>1</v>
      </c>
      <c r="C123" s="13">
        <v>3</v>
      </c>
      <c r="D123" s="12">
        <v>4</v>
      </c>
    </row>
    <row r="124" spans="1:4" ht="18" customHeight="1" x14ac:dyDescent="0.2">
      <c r="A124" s="8">
        <v>98</v>
      </c>
      <c r="B124" s="35">
        <v>0</v>
      </c>
      <c r="C124" s="13">
        <v>0</v>
      </c>
      <c r="D124" s="12">
        <v>0</v>
      </c>
    </row>
    <row r="125" spans="1:4" ht="18" customHeight="1" x14ac:dyDescent="0.2">
      <c r="A125" s="8">
        <v>99</v>
      </c>
      <c r="B125" s="35">
        <v>0</v>
      </c>
      <c r="C125" s="13">
        <v>0</v>
      </c>
      <c r="D125" s="12">
        <v>0</v>
      </c>
    </row>
    <row r="126" spans="1:4" ht="18" customHeight="1" x14ac:dyDescent="0.2">
      <c r="A126" s="8" t="s">
        <v>4</v>
      </c>
      <c r="B126" s="35">
        <v>1</v>
      </c>
      <c r="C126" s="13">
        <v>11</v>
      </c>
      <c r="D126" s="12">
        <v>12</v>
      </c>
    </row>
    <row r="127" spans="1:4" ht="18" customHeight="1" x14ac:dyDescent="0.2">
      <c r="A127" s="8">
        <v>100</v>
      </c>
      <c r="B127" s="35">
        <v>0</v>
      </c>
      <c r="C127" s="13">
        <v>1</v>
      </c>
      <c r="D127" s="12">
        <v>1</v>
      </c>
    </row>
    <row r="128" spans="1:4" ht="18" customHeight="1" x14ac:dyDescent="0.2">
      <c r="A128" s="15" t="s">
        <v>3</v>
      </c>
      <c r="B128" s="35">
        <v>0</v>
      </c>
      <c r="C128" s="13">
        <v>4</v>
      </c>
      <c r="D128" s="12">
        <v>4</v>
      </c>
    </row>
    <row r="129" spans="1:4" ht="18" customHeight="1" x14ac:dyDescent="0.2">
      <c r="A129" s="8" t="s">
        <v>2</v>
      </c>
      <c r="B129" s="35">
        <v>0</v>
      </c>
      <c r="C129" s="13">
        <v>5</v>
      </c>
      <c r="D129" s="12">
        <v>5</v>
      </c>
    </row>
    <row r="130" spans="1:4" ht="18" customHeight="1" x14ac:dyDescent="0.2">
      <c r="A130" s="8" t="s">
        <v>1</v>
      </c>
      <c r="B130" s="28">
        <v>157</v>
      </c>
      <c r="C130" s="6">
        <v>200</v>
      </c>
      <c r="D130" s="5">
        <v>357</v>
      </c>
    </row>
    <row r="131" spans="1:4" ht="18" customHeight="1" x14ac:dyDescent="0.2">
      <c r="A131" s="4" t="s">
        <v>0</v>
      </c>
      <c r="B131" s="27">
        <v>355</v>
      </c>
      <c r="C131" s="2">
        <v>394</v>
      </c>
      <c r="D131" s="1">
        <v>749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AD21D7C-8A7B-409D-AA2C-C0D7134A98C5}">
  <sheetPr codeName="Sheet7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97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0</v>
      </c>
      <c r="C5" s="45">
        <v>0</v>
      </c>
      <c r="D5" s="44">
        <v>0</v>
      </c>
    </row>
    <row r="6" spans="1:4" ht="18" customHeight="1" x14ac:dyDescent="0.2">
      <c r="A6" s="8">
        <v>1</v>
      </c>
      <c r="B6" s="40">
        <v>1</v>
      </c>
      <c r="C6" s="13">
        <v>1</v>
      </c>
      <c r="D6" s="12">
        <v>2</v>
      </c>
    </row>
    <row r="7" spans="1:4" ht="18" customHeight="1" x14ac:dyDescent="0.2">
      <c r="A7" s="8">
        <v>2</v>
      </c>
      <c r="B7" s="40">
        <v>0</v>
      </c>
      <c r="C7" s="13">
        <v>0</v>
      </c>
      <c r="D7" s="12">
        <v>0</v>
      </c>
    </row>
    <row r="8" spans="1:4" ht="18" customHeight="1" x14ac:dyDescent="0.2">
      <c r="A8" s="8">
        <v>3</v>
      </c>
      <c r="B8" s="40">
        <v>0</v>
      </c>
      <c r="C8" s="13">
        <v>1</v>
      </c>
      <c r="D8" s="12">
        <v>1</v>
      </c>
    </row>
    <row r="9" spans="1:4" ht="18" customHeight="1" x14ac:dyDescent="0.2">
      <c r="A9" s="8">
        <v>4</v>
      </c>
      <c r="B9" s="43">
        <v>0</v>
      </c>
      <c r="C9" s="42">
        <v>1</v>
      </c>
      <c r="D9" s="41">
        <v>1</v>
      </c>
    </row>
    <row r="10" spans="1:4" ht="18" customHeight="1" x14ac:dyDescent="0.2">
      <c r="A10" s="8" t="s">
        <v>25</v>
      </c>
      <c r="B10" s="35">
        <v>1</v>
      </c>
      <c r="C10" s="13">
        <v>3</v>
      </c>
      <c r="D10" s="12">
        <v>4</v>
      </c>
    </row>
    <row r="11" spans="1:4" ht="18" customHeight="1" x14ac:dyDescent="0.2">
      <c r="A11" s="8">
        <v>5</v>
      </c>
      <c r="B11" s="40">
        <v>0</v>
      </c>
      <c r="C11" s="13">
        <v>2</v>
      </c>
      <c r="D11" s="12">
        <v>2</v>
      </c>
    </row>
    <row r="12" spans="1:4" ht="18" customHeight="1" x14ac:dyDescent="0.2">
      <c r="A12" s="8">
        <v>6</v>
      </c>
      <c r="B12" s="40">
        <v>0</v>
      </c>
      <c r="C12" s="13">
        <v>0</v>
      </c>
      <c r="D12" s="12">
        <v>0</v>
      </c>
    </row>
    <row r="13" spans="1:4" ht="18" customHeight="1" x14ac:dyDescent="0.2">
      <c r="A13" s="8">
        <v>7</v>
      </c>
      <c r="B13" s="40">
        <v>1</v>
      </c>
      <c r="C13" s="13">
        <v>0</v>
      </c>
      <c r="D13" s="12">
        <v>1</v>
      </c>
    </row>
    <row r="14" spans="1:4" ht="18" customHeight="1" x14ac:dyDescent="0.2">
      <c r="A14" s="8">
        <v>8</v>
      </c>
      <c r="B14" s="40">
        <v>0</v>
      </c>
      <c r="C14" s="13">
        <v>0</v>
      </c>
      <c r="D14" s="12">
        <v>0</v>
      </c>
    </row>
    <row r="15" spans="1:4" ht="18" customHeight="1" x14ac:dyDescent="0.2">
      <c r="A15" s="8">
        <v>9</v>
      </c>
      <c r="B15" s="40">
        <v>1</v>
      </c>
      <c r="C15" s="13">
        <v>0</v>
      </c>
      <c r="D15" s="12">
        <v>1</v>
      </c>
    </row>
    <row r="16" spans="1:4" ht="18" customHeight="1" x14ac:dyDescent="0.2">
      <c r="A16" s="8" t="s">
        <v>24</v>
      </c>
      <c r="B16" s="35">
        <v>2</v>
      </c>
      <c r="C16" s="13">
        <v>2</v>
      </c>
      <c r="D16" s="12">
        <v>4</v>
      </c>
    </row>
    <row r="17" spans="1:4" ht="18" customHeight="1" x14ac:dyDescent="0.2">
      <c r="A17" s="8">
        <v>10</v>
      </c>
      <c r="B17" s="35">
        <v>0</v>
      </c>
      <c r="C17" s="13">
        <v>0</v>
      </c>
      <c r="D17" s="12">
        <v>0</v>
      </c>
    </row>
    <row r="18" spans="1:4" ht="18" customHeight="1" x14ac:dyDescent="0.2">
      <c r="A18" s="8">
        <v>11</v>
      </c>
      <c r="B18" s="35">
        <v>0</v>
      </c>
      <c r="C18" s="13">
        <v>0</v>
      </c>
      <c r="D18" s="12">
        <v>0</v>
      </c>
    </row>
    <row r="19" spans="1:4" ht="18" customHeight="1" x14ac:dyDescent="0.2">
      <c r="A19" s="8">
        <v>12</v>
      </c>
      <c r="B19" s="35">
        <v>0</v>
      </c>
      <c r="C19" s="13">
        <v>0</v>
      </c>
      <c r="D19" s="12">
        <v>0</v>
      </c>
    </row>
    <row r="20" spans="1:4" ht="18" customHeight="1" x14ac:dyDescent="0.2">
      <c r="A20" s="8">
        <v>13</v>
      </c>
      <c r="B20" s="35">
        <v>0</v>
      </c>
      <c r="C20" s="13">
        <v>0</v>
      </c>
      <c r="D20" s="12">
        <v>0</v>
      </c>
    </row>
    <row r="21" spans="1:4" ht="18" customHeight="1" x14ac:dyDescent="0.2">
      <c r="A21" s="8">
        <v>14</v>
      </c>
      <c r="B21" s="35">
        <v>3</v>
      </c>
      <c r="C21" s="13">
        <v>1</v>
      </c>
      <c r="D21" s="12">
        <v>4</v>
      </c>
    </row>
    <row r="22" spans="1:4" ht="18" customHeight="1" x14ac:dyDescent="0.2">
      <c r="A22" s="8" t="s">
        <v>23</v>
      </c>
      <c r="B22" s="35">
        <v>3</v>
      </c>
      <c r="C22" s="13">
        <v>1</v>
      </c>
      <c r="D22" s="12">
        <v>4</v>
      </c>
    </row>
    <row r="23" spans="1:4" ht="18" customHeight="1" x14ac:dyDescent="0.2">
      <c r="A23" s="8" t="s">
        <v>22</v>
      </c>
      <c r="B23" s="35">
        <v>6</v>
      </c>
      <c r="C23" s="13">
        <v>6</v>
      </c>
      <c r="D23" s="12">
        <v>12</v>
      </c>
    </row>
    <row r="24" spans="1:4" ht="18" customHeight="1" x14ac:dyDescent="0.2">
      <c r="A24" s="8">
        <v>15</v>
      </c>
      <c r="B24" s="35">
        <v>1</v>
      </c>
      <c r="C24" s="13">
        <v>2</v>
      </c>
      <c r="D24" s="12">
        <v>3</v>
      </c>
    </row>
    <row r="25" spans="1:4" ht="18" customHeight="1" x14ac:dyDescent="0.2">
      <c r="A25" s="8">
        <v>16</v>
      </c>
      <c r="B25" s="35">
        <v>0</v>
      </c>
      <c r="C25" s="13">
        <v>1</v>
      </c>
      <c r="D25" s="12">
        <v>1</v>
      </c>
    </row>
    <row r="26" spans="1:4" ht="18" customHeight="1" x14ac:dyDescent="0.2">
      <c r="A26" s="8">
        <v>17</v>
      </c>
      <c r="B26" s="35">
        <v>1</v>
      </c>
      <c r="C26" s="13">
        <v>1</v>
      </c>
      <c r="D26" s="12">
        <v>2</v>
      </c>
    </row>
    <row r="27" spans="1:4" ht="18" customHeight="1" x14ac:dyDescent="0.2">
      <c r="A27" s="8">
        <v>18</v>
      </c>
      <c r="B27" s="35">
        <v>1</v>
      </c>
      <c r="C27" s="13">
        <v>1</v>
      </c>
      <c r="D27" s="12">
        <v>2</v>
      </c>
    </row>
    <row r="28" spans="1:4" ht="18" customHeight="1" x14ac:dyDescent="0.2">
      <c r="A28" s="8">
        <v>19</v>
      </c>
      <c r="B28" s="35">
        <v>2</v>
      </c>
      <c r="C28" s="13">
        <v>2</v>
      </c>
      <c r="D28" s="12">
        <v>4</v>
      </c>
    </row>
    <row r="29" spans="1:4" ht="18" customHeight="1" x14ac:dyDescent="0.2">
      <c r="A29" s="8" t="s">
        <v>21</v>
      </c>
      <c r="B29" s="35">
        <v>5</v>
      </c>
      <c r="C29" s="13">
        <v>7</v>
      </c>
      <c r="D29" s="12">
        <v>12</v>
      </c>
    </row>
    <row r="30" spans="1:4" ht="18" customHeight="1" x14ac:dyDescent="0.2">
      <c r="A30" s="8">
        <v>20</v>
      </c>
      <c r="B30" s="35">
        <v>0</v>
      </c>
      <c r="C30" s="13">
        <v>0</v>
      </c>
      <c r="D30" s="12">
        <v>0</v>
      </c>
    </row>
    <row r="31" spans="1:4" ht="18" customHeight="1" x14ac:dyDescent="0.2">
      <c r="A31" s="8">
        <v>21</v>
      </c>
      <c r="B31" s="35">
        <v>3</v>
      </c>
      <c r="C31" s="13">
        <v>3</v>
      </c>
      <c r="D31" s="12">
        <v>6</v>
      </c>
    </row>
    <row r="32" spans="1:4" ht="18" customHeight="1" x14ac:dyDescent="0.2">
      <c r="A32" s="8">
        <v>22</v>
      </c>
      <c r="B32" s="35">
        <v>2</v>
      </c>
      <c r="C32" s="13">
        <v>1</v>
      </c>
      <c r="D32" s="12">
        <v>3</v>
      </c>
    </row>
    <row r="33" spans="1:4" ht="18" customHeight="1" x14ac:dyDescent="0.2">
      <c r="A33" s="8">
        <v>23</v>
      </c>
      <c r="B33" s="35">
        <v>0</v>
      </c>
      <c r="C33" s="13">
        <v>2</v>
      </c>
      <c r="D33" s="12">
        <v>2</v>
      </c>
    </row>
    <row r="34" spans="1:4" ht="18" customHeight="1" x14ac:dyDescent="0.2">
      <c r="A34" s="8">
        <v>24</v>
      </c>
      <c r="B34" s="35">
        <v>4</v>
      </c>
      <c r="C34" s="13">
        <v>2</v>
      </c>
      <c r="D34" s="12">
        <v>6</v>
      </c>
    </row>
    <row r="35" spans="1:4" ht="18" customHeight="1" x14ac:dyDescent="0.2">
      <c r="A35" s="8" t="s">
        <v>20</v>
      </c>
      <c r="B35" s="35">
        <v>9</v>
      </c>
      <c r="C35" s="13">
        <v>8</v>
      </c>
      <c r="D35" s="12">
        <v>17</v>
      </c>
    </row>
    <row r="36" spans="1:4" ht="18" customHeight="1" x14ac:dyDescent="0.2">
      <c r="A36" s="8">
        <v>25</v>
      </c>
      <c r="B36" s="35">
        <v>3</v>
      </c>
      <c r="C36" s="13">
        <v>0</v>
      </c>
      <c r="D36" s="12">
        <v>3</v>
      </c>
    </row>
    <row r="37" spans="1:4" ht="18" customHeight="1" x14ac:dyDescent="0.2">
      <c r="A37" s="8">
        <v>26</v>
      </c>
      <c r="B37" s="35">
        <v>1</v>
      </c>
      <c r="C37" s="13">
        <v>2</v>
      </c>
      <c r="D37" s="12">
        <v>3</v>
      </c>
    </row>
    <row r="38" spans="1:4" ht="18" customHeight="1" x14ac:dyDescent="0.2">
      <c r="A38" s="8">
        <v>27</v>
      </c>
      <c r="B38" s="35">
        <v>2</v>
      </c>
      <c r="C38" s="13">
        <v>1</v>
      </c>
      <c r="D38" s="12">
        <v>3</v>
      </c>
    </row>
    <row r="39" spans="1:4" ht="18" customHeight="1" x14ac:dyDescent="0.2">
      <c r="A39" s="8">
        <v>28</v>
      </c>
      <c r="B39" s="35">
        <v>2</v>
      </c>
      <c r="C39" s="13">
        <v>1</v>
      </c>
      <c r="D39" s="12">
        <v>3</v>
      </c>
    </row>
    <row r="40" spans="1:4" ht="18" customHeight="1" x14ac:dyDescent="0.2">
      <c r="A40" s="8">
        <v>29</v>
      </c>
      <c r="B40" s="35">
        <v>2</v>
      </c>
      <c r="C40" s="13">
        <v>1</v>
      </c>
      <c r="D40" s="12">
        <v>3</v>
      </c>
    </row>
    <row r="41" spans="1:4" ht="18" customHeight="1" x14ac:dyDescent="0.2">
      <c r="A41" s="8" t="s">
        <v>19</v>
      </c>
      <c r="B41" s="35">
        <v>10</v>
      </c>
      <c r="C41" s="13">
        <v>5</v>
      </c>
      <c r="D41" s="12">
        <v>15</v>
      </c>
    </row>
    <row r="42" spans="1:4" ht="18" customHeight="1" x14ac:dyDescent="0.2">
      <c r="A42" s="8">
        <v>30</v>
      </c>
      <c r="B42" s="35">
        <v>0</v>
      </c>
      <c r="C42" s="13">
        <v>1</v>
      </c>
      <c r="D42" s="12">
        <v>1</v>
      </c>
    </row>
    <row r="43" spans="1:4" ht="18" customHeight="1" x14ac:dyDescent="0.2">
      <c r="A43" s="8">
        <v>31</v>
      </c>
      <c r="B43" s="35">
        <v>0</v>
      </c>
      <c r="C43" s="13">
        <v>1</v>
      </c>
      <c r="D43" s="12">
        <v>1</v>
      </c>
    </row>
    <row r="44" spans="1:4" ht="18" customHeight="1" x14ac:dyDescent="0.2">
      <c r="A44" s="8">
        <v>32</v>
      </c>
      <c r="B44" s="35">
        <v>4</v>
      </c>
      <c r="C44" s="13">
        <v>0</v>
      </c>
      <c r="D44" s="12">
        <v>4</v>
      </c>
    </row>
    <row r="45" spans="1:4" ht="18" customHeight="1" x14ac:dyDescent="0.2">
      <c r="A45" s="8">
        <v>33</v>
      </c>
      <c r="B45" s="35">
        <v>2</v>
      </c>
      <c r="C45" s="13">
        <v>3</v>
      </c>
      <c r="D45" s="12">
        <v>5</v>
      </c>
    </row>
    <row r="46" spans="1:4" ht="18" customHeight="1" x14ac:dyDescent="0.2">
      <c r="A46" s="8">
        <v>34</v>
      </c>
      <c r="B46" s="35">
        <v>2</v>
      </c>
      <c r="C46" s="13">
        <v>3</v>
      </c>
      <c r="D46" s="12">
        <v>5</v>
      </c>
    </row>
    <row r="47" spans="1:4" ht="18" customHeight="1" x14ac:dyDescent="0.2">
      <c r="A47" s="8" t="s">
        <v>18</v>
      </c>
      <c r="B47" s="35">
        <v>8</v>
      </c>
      <c r="C47" s="13">
        <v>8</v>
      </c>
      <c r="D47" s="12">
        <v>16</v>
      </c>
    </row>
    <row r="48" spans="1:4" ht="18" customHeight="1" x14ac:dyDescent="0.2">
      <c r="A48" s="8">
        <v>35</v>
      </c>
      <c r="B48" s="35">
        <v>2</v>
      </c>
      <c r="C48" s="13">
        <v>1</v>
      </c>
      <c r="D48" s="12">
        <v>3</v>
      </c>
    </row>
    <row r="49" spans="1:4" ht="18" customHeight="1" x14ac:dyDescent="0.2">
      <c r="A49" s="8">
        <v>36</v>
      </c>
      <c r="B49" s="35">
        <v>3</v>
      </c>
      <c r="C49" s="13">
        <v>1</v>
      </c>
      <c r="D49" s="12">
        <v>4</v>
      </c>
    </row>
    <row r="50" spans="1:4" ht="18" customHeight="1" x14ac:dyDescent="0.2">
      <c r="A50" s="8">
        <v>37</v>
      </c>
      <c r="B50" s="35">
        <v>2</v>
      </c>
      <c r="C50" s="13">
        <v>1</v>
      </c>
      <c r="D50" s="12">
        <v>3</v>
      </c>
    </row>
    <row r="51" spans="1:4" ht="18" customHeight="1" x14ac:dyDescent="0.2">
      <c r="A51" s="8">
        <v>38</v>
      </c>
      <c r="B51" s="35">
        <v>1</v>
      </c>
      <c r="C51" s="13">
        <v>1</v>
      </c>
      <c r="D51" s="12">
        <v>2</v>
      </c>
    </row>
    <row r="52" spans="1:4" ht="18" customHeight="1" x14ac:dyDescent="0.2">
      <c r="A52" s="8">
        <v>39</v>
      </c>
      <c r="B52" s="35">
        <v>1</v>
      </c>
      <c r="C52" s="13">
        <v>1</v>
      </c>
      <c r="D52" s="12">
        <v>2</v>
      </c>
    </row>
    <row r="53" spans="1:4" ht="18" customHeight="1" x14ac:dyDescent="0.2">
      <c r="A53" s="8" t="s">
        <v>17</v>
      </c>
      <c r="B53" s="35">
        <v>9</v>
      </c>
      <c r="C53" s="13">
        <v>5</v>
      </c>
      <c r="D53" s="12">
        <v>14</v>
      </c>
    </row>
    <row r="54" spans="1:4" ht="18" customHeight="1" x14ac:dyDescent="0.2">
      <c r="A54" s="8">
        <v>40</v>
      </c>
      <c r="B54" s="35">
        <v>1</v>
      </c>
      <c r="C54" s="13">
        <v>2</v>
      </c>
      <c r="D54" s="12">
        <v>3</v>
      </c>
    </row>
    <row r="55" spans="1:4" ht="18" customHeight="1" x14ac:dyDescent="0.2">
      <c r="A55" s="8">
        <v>41</v>
      </c>
      <c r="B55" s="35">
        <v>0</v>
      </c>
      <c r="C55" s="13">
        <v>0</v>
      </c>
      <c r="D55" s="12">
        <v>0</v>
      </c>
    </row>
    <row r="56" spans="1:4" ht="18" customHeight="1" x14ac:dyDescent="0.2">
      <c r="A56" s="8">
        <v>42</v>
      </c>
      <c r="B56" s="35">
        <v>1</v>
      </c>
      <c r="C56" s="13">
        <v>1</v>
      </c>
      <c r="D56" s="12">
        <v>2</v>
      </c>
    </row>
    <row r="57" spans="1:4" ht="18" customHeight="1" x14ac:dyDescent="0.2">
      <c r="A57" s="8">
        <v>43</v>
      </c>
      <c r="B57" s="35">
        <v>1</v>
      </c>
      <c r="C57" s="13">
        <v>2</v>
      </c>
      <c r="D57" s="12">
        <v>3</v>
      </c>
    </row>
    <row r="58" spans="1:4" ht="18" customHeight="1" x14ac:dyDescent="0.2">
      <c r="A58" s="8">
        <v>44</v>
      </c>
      <c r="B58" s="35">
        <v>1</v>
      </c>
      <c r="C58" s="13">
        <v>3</v>
      </c>
      <c r="D58" s="12">
        <v>4</v>
      </c>
    </row>
    <row r="59" spans="1:4" ht="18" customHeight="1" x14ac:dyDescent="0.2">
      <c r="A59" s="8" t="s">
        <v>16</v>
      </c>
      <c r="B59" s="35">
        <v>4</v>
      </c>
      <c r="C59" s="13">
        <v>8</v>
      </c>
      <c r="D59" s="12">
        <v>12</v>
      </c>
    </row>
    <row r="60" spans="1:4" ht="18" customHeight="1" x14ac:dyDescent="0.2">
      <c r="A60" s="8">
        <v>45</v>
      </c>
      <c r="B60" s="35">
        <v>1</v>
      </c>
      <c r="C60" s="13">
        <v>0</v>
      </c>
      <c r="D60" s="12">
        <v>1</v>
      </c>
    </row>
    <row r="61" spans="1:4" ht="18" customHeight="1" x14ac:dyDescent="0.2">
      <c r="A61" s="8">
        <v>46</v>
      </c>
      <c r="B61" s="35">
        <v>1</v>
      </c>
      <c r="C61" s="13">
        <v>2</v>
      </c>
      <c r="D61" s="12">
        <v>3</v>
      </c>
    </row>
    <row r="62" spans="1:4" ht="18" customHeight="1" x14ac:dyDescent="0.2">
      <c r="A62" s="8">
        <v>47</v>
      </c>
      <c r="B62" s="35">
        <v>1</v>
      </c>
      <c r="C62" s="13">
        <v>1</v>
      </c>
      <c r="D62" s="12">
        <v>2</v>
      </c>
    </row>
    <row r="63" spans="1:4" ht="18" customHeight="1" x14ac:dyDescent="0.2">
      <c r="A63" s="8">
        <v>48</v>
      </c>
      <c r="B63" s="35">
        <v>3</v>
      </c>
      <c r="C63" s="13">
        <v>3</v>
      </c>
      <c r="D63" s="12">
        <v>6</v>
      </c>
    </row>
    <row r="64" spans="1:4" ht="18" customHeight="1" x14ac:dyDescent="0.2">
      <c r="A64" s="8">
        <v>49</v>
      </c>
      <c r="B64" s="35">
        <v>2</v>
      </c>
      <c r="C64" s="13">
        <v>2</v>
      </c>
      <c r="D64" s="12">
        <v>4</v>
      </c>
    </row>
    <row r="65" spans="1:4" ht="18" customHeight="1" x14ac:dyDescent="0.2">
      <c r="A65" s="8" t="s">
        <v>15</v>
      </c>
      <c r="B65" s="35">
        <v>8</v>
      </c>
      <c r="C65" s="13">
        <v>8</v>
      </c>
      <c r="D65" s="12">
        <v>16</v>
      </c>
    </row>
    <row r="66" spans="1:4" ht="18" customHeight="1" x14ac:dyDescent="0.2">
      <c r="A66" s="8">
        <v>50</v>
      </c>
      <c r="B66" s="35">
        <v>3</v>
      </c>
      <c r="C66" s="13">
        <v>1</v>
      </c>
      <c r="D66" s="12">
        <v>4</v>
      </c>
    </row>
    <row r="67" spans="1:4" ht="18" customHeight="1" x14ac:dyDescent="0.2">
      <c r="A67" s="8">
        <v>51</v>
      </c>
      <c r="B67" s="35">
        <v>0</v>
      </c>
      <c r="C67" s="13">
        <v>4</v>
      </c>
      <c r="D67" s="12">
        <v>4</v>
      </c>
    </row>
    <row r="68" spans="1:4" ht="18" customHeight="1" x14ac:dyDescent="0.2">
      <c r="A68" s="8">
        <v>52</v>
      </c>
      <c r="B68" s="35">
        <v>1</v>
      </c>
      <c r="C68" s="13">
        <v>0</v>
      </c>
      <c r="D68" s="12">
        <v>1</v>
      </c>
    </row>
    <row r="69" spans="1:4" ht="18" customHeight="1" x14ac:dyDescent="0.2">
      <c r="A69" s="8">
        <v>53</v>
      </c>
      <c r="B69" s="35">
        <v>4</v>
      </c>
      <c r="C69" s="13">
        <v>0</v>
      </c>
      <c r="D69" s="12">
        <v>4</v>
      </c>
    </row>
    <row r="70" spans="1:4" ht="18" customHeight="1" x14ac:dyDescent="0.2">
      <c r="A70" s="8">
        <v>54</v>
      </c>
      <c r="B70" s="35">
        <v>2</v>
      </c>
      <c r="C70" s="13">
        <v>1</v>
      </c>
      <c r="D70" s="12">
        <v>3</v>
      </c>
    </row>
    <row r="71" spans="1:4" ht="18" customHeight="1" x14ac:dyDescent="0.2">
      <c r="A71" s="8" t="s">
        <v>14</v>
      </c>
      <c r="B71" s="35">
        <v>10</v>
      </c>
      <c r="C71" s="13">
        <v>6</v>
      </c>
      <c r="D71" s="12">
        <v>16</v>
      </c>
    </row>
    <row r="72" spans="1:4" ht="18" customHeight="1" x14ac:dyDescent="0.2">
      <c r="A72" s="8">
        <v>55</v>
      </c>
      <c r="B72" s="35">
        <v>4</v>
      </c>
      <c r="C72" s="13">
        <v>5</v>
      </c>
      <c r="D72" s="12">
        <v>9</v>
      </c>
    </row>
    <row r="73" spans="1:4" ht="18" customHeight="1" x14ac:dyDescent="0.2">
      <c r="A73" s="8">
        <v>56</v>
      </c>
      <c r="B73" s="35">
        <v>4</v>
      </c>
      <c r="C73" s="13">
        <v>5</v>
      </c>
      <c r="D73" s="12">
        <v>9</v>
      </c>
    </row>
    <row r="74" spans="1:4" ht="18" customHeight="1" x14ac:dyDescent="0.2">
      <c r="A74" s="8">
        <v>57</v>
      </c>
      <c r="B74" s="35">
        <v>0</v>
      </c>
      <c r="C74" s="13">
        <v>4</v>
      </c>
      <c r="D74" s="12">
        <v>4</v>
      </c>
    </row>
    <row r="75" spans="1:4" ht="18" customHeight="1" x14ac:dyDescent="0.2">
      <c r="A75" s="8">
        <v>58</v>
      </c>
      <c r="B75" s="35">
        <v>6</v>
      </c>
      <c r="C75" s="13">
        <v>5</v>
      </c>
      <c r="D75" s="12">
        <v>11</v>
      </c>
    </row>
    <row r="76" spans="1:4" ht="18" customHeight="1" x14ac:dyDescent="0.2">
      <c r="A76" s="8">
        <v>59</v>
      </c>
      <c r="B76" s="35">
        <v>3</v>
      </c>
      <c r="C76" s="13">
        <v>0</v>
      </c>
      <c r="D76" s="12">
        <v>3</v>
      </c>
    </row>
    <row r="77" spans="1:4" ht="18" customHeight="1" x14ac:dyDescent="0.2">
      <c r="A77" s="8" t="s">
        <v>13</v>
      </c>
      <c r="B77" s="35">
        <v>17</v>
      </c>
      <c r="C77" s="13">
        <v>19</v>
      </c>
      <c r="D77" s="12">
        <v>36</v>
      </c>
    </row>
    <row r="78" spans="1:4" ht="18" customHeight="1" x14ac:dyDescent="0.2">
      <c r="A78" s="8">
        <v>60</v>
      </c>
      <c r="B78" s="35">
        <v>1</v>
      </c>
      <c r="C78" s="13">
        <v>4</v>
      </c>
      <c r="D78" s="12">
        <v>5</v>
      </c>
    </row>
    <row r="79" spans="1:4" ht="18" customHeight="1" x14ac:dyDescent="0.2">
      <c r="A79" s="8">
        <v>61</v>
      </c>
      <c r="B79" s="35">
        <v>0</v>
      </c>
      <c r="C79" s="13">
        <v>4</v>
      </c>
      <c r="D79" s="12">
        <v>4</v>
      </c>
    </row>
    <row r="80" spans="1:4" ht="18" customHeight="1" x14ac:dyDescent="0.2">
      <c r="A80" s="8">
        <v>62</v>
      </c>
      <c r="B80" s="35">
        <v>1</v>
      </c>
      <c r="C80" s="13">
        <v>4</v>
      </c>
      <c r="D80" s="12">
        <v>5</v>
      </c>
    </row>
    <row r="81" spans="1:4" ht="18" customHeight="1" x14ac:dyDescent="0.2">
      <c r="A81" s="8">
        <v>63</v>
      </c>
      <c r="B81" s="35">
        <v>4</v>
      </c>
      <c r="C81" s="13">
        <v>3</v>
      </c>
      <c r="D81" s="12">
        <v>7</v>
      </c>
    </row>
    <row r="82" spans="1:4" ht="18" customHeight="1" x14ac:dyDescent="0.2">
      <c r="A82" s="8">
        <v>64</v>
      </c>
      <c r="B82" s="35">
        <v>3</v>
      </c>
      <c r="C82" s="13">
        <v>1</v>
      </c>
      <c r="D82" s="12">
        <v>4</v>
      </c>
    </row>
    <row r="83" spans="1:4" ht="18" customHeight="1" x14ac:dyDescent="0.2">
      <c r="A83" s="8" t="s">
        <v>12</v>
      </c>
      <c r="B83" s="35">
        <v>9</v>
      </c>
      <c r="C83" s="13">
        <v>16</v>
      </c>
      <c r="D83" s="12">
        <v>25</v>
      </c>
    </row>
    <row r="84" spans="1:4" ht="18" customHeight="1" x14ac:dyDescent="0.2">
      <c r="A84" s="8" t="s">
        <v>11</v>
      </c>
      <c r="B84" s="35">
        <v>89</v>
      </c>
      <c r="C84" s="13">
        <v>90</v>
      </c>
      <c r="D84" s="12">
        <v>179</v>
      </c>
    </row>
    <row r="85" spans="1:4" ht="18" customHeight="1" x14ac:dyDescent="0.2">
      <c r="A85" s="8">
        <v>65</v>
      </c>
      <c r="B85" s="35">
        <v>5</v>
      </c>
      <c r="C85" s="13">
        <v>1</v>
      </c>
      <c r="D85" s="12">
        <v>6</v>
      </c>
    </row>
    <row r="86" spans="1:4" ht="18" customHeight="1" x14ac:dyDescent="0.2">
      <c r="A86" s="8">
        <v>66</v>
      </c>
      <c r="B86" s="35">
        <v>2</v>
      </c>
      <c r="C86" s="13">
        <v>1</v>
      </c>
      <c r="D86" s="12">
        <v>3</v>
      </c>
    </row>
    <row r="87" spans="1:4" ht="18" customHeight="1" x14ac:dyDescent="0.2">
      <c r="A87" s="8">
        <v>67</v>
      </c>
      <c r="B87" s="35">
        <v>4</v>
      </c>
      <c r="C87" s="13">
        <v>6</v>
      </c>
      <c r="D87" s="12">
        <v>10</v>
      </c>
    </row>
    <row r="88" spans="1:4" ht="18" customHeight="1" x14ac:dyDescent="0.2">
      <c r="A88" s="8">
        <v>68</v>
      </c>
      <c r="B88" s="35">
        <v>3</v>
      </c>
      <c r="C88" s="13">
        <v>2</v>
      </c>
      <c r="D88" s="12">
        <v>5</v>
      </c>
    </row>
    <row r="89" spans="1:4" ht="18" customHeight="1" x14ac:dyDescent="0.2">
      <c r="A89" s="8">
        <v>69</v>
      </c>
      <c r="B89" s="35">
        <v>4</v>
      </c>
      <c r="C89" s="13">
        <v>5</v>
      </c>
      <c r="D89" s="12">
        <v>9</v>
      </c>
    </row>
    <row r="90" spans="1:4" ht="18" customHeight="1" x14ac:dyDescent="0.2">
      <c r="A90" s="8" t="s">
        <v>10</v>
      </c>
      <c r="B90" s="35">
        <v>18</v>
      </c>
      <c r="C90" s="13">
        <v>15</v>
      </c>
      <c r="D90" s="12">
        <v>33</v>
      </c>
    </row>
    <row r="91" spans="1:4" ht="18" customHeight="1" x14ac:dyDescent="0.2">
      <c r="A91" s="8">
        <v>70</v>
      </c>
      <c r="B91" s="35">
        <v>3</v>
      </c>
      <c r="C91" s="13">
        <v>4</v>
      </c>
      <c r="D91" s="12">
        <v>7</v>
      </c>
    </row>
    <row r="92" spans="1:4" ht="18" customHeight="1" x14ac:dyDescent="0.2">
      <c r="A92" s="8">
        <v>71</v>
      </c>
      <c r="B92" s="35">
        <v>7</v>
      </c>
      <c r="C92" s="13">
        <v>1</v>
      </c>
      <c r="D92" s="12">
        <v>8</v>
      </c>
    </row>
    <row r="93" spans="1:4" ht="18" customHeight="1" x14ac:dyDescent="0.2">
      <c r="A93" s="8">
        <v>72</v>
      </c>
      <c r="B93" s="35">
        <v>4</v>
      </c>
      <c r="C93" s="13">
        <v>8</v>
      </c>
      <c r="D93" s="12">
        <v>12</v>
      </c>
    </row>
    <row r="94" spans="1:4" ht="18" customHeight="1" x14ac:dyDescent="0.2">
      <c r="A94" s="8">
        <v>73</v>
      </c>
      <c r="B94" s="35">
        <v>5</v>
      </c>
      <c r="C94" s="13">
        <v>6</v>
      </c>
      <c r="D94" s="12">
        <v>11</v>
      </c>
    </row>
    <row r="95" spans="1:4" ht="18" customHeight="1" x14ac:dyDescent="0.2">
      <c r="A95" s="8">
        <v>74</v>
      </c>
      <c r="B95" s="35">
        <v>7</v>
      </c>
      <c r="C95" s="13">
        <v>2</v>
      </c>
      <c r="D95" s="12">
        <v>9</v>
      </c>
    </row>
    <row r="96" spans="1:4" ht="18" customHeight="1" x14ac:dyDescent="0.2">
      <c r="A96" s="8" t="s">
        <v>9</v>
      </c>
      <c r="B96" s="35">
        <v>26</v>
      </c>
      <c r="C96" s="13">
        <v>21</v>
      </c>
      <c r="D96" s="12">
        <v>47</v>
      </c>
    </row>
    <row r="97" spans="1:4" ht="18" customHeight="1" x14ac:dyDescent="0.2">
      <c r="A97" s="8">
        <v>75</v>
      </c>
      <c r="B97" s="35">
        <v>6</v>
      </c>
      <c r="C97" s="13">
        <v>4</v>
      </c>
      <c r="D97" s="12">
        <v>10</v>
      </c>
    </row>
    <row r="98" spans="1:4" ht="18" customHeight="1" x14ac:dyDescent="0.2">
      <c r="A98" s="8">
        <v>76</v>
      </c>
      <c r="B98" s="35">
        <v>3</v>
      </c>
      <c r="C98" s="13">
        <v>4</v>
      </c>
      <c r="D98" s="12">
        <v>7</v>
      </c>
    </row>
    <row r="99" spans="1:4" ht="18" customHeight="1" x14ac:dyDescent="0.2">
      <c r="A99" s="8">
        <v>77</v>
      </c>
      <c r="B99" s="35">
        <v>0</v>
      </c>
      <c r="C99" s="13">
        <v>1</v>
      </c>
      <c r="D99" s="12">
        <v>1</v>
      </c>
    </row>
    <row r="100" spans="1:4" ht="18" customHeight="1" x14ac:dyDescent="0.2">
      <c r="A100" s="8">
        <v>78</v>
      </c>
      <c r="B100" s="35">
        <v>0</v>
      </c>
      <c r="C100" s="13">
        <v>8</v>
      </c>
      <c r="D100" s="12">
        <v>8</v>
      </c>
    </row>
    <row r="101" spans="1:4" ht="18" customHeight="1" x14ac:dyDescent="0.2">
      <c r="A101" s="8">
        <v>79</v>
      </c>
      <c r="B101" s="35">
        <v>0</v>
      </c>
      <c r="C101" s="13">
        <v>2</v>
      </c>
      <c r="D101" s="12">
        <v>2</v>
      </c>
    </row>
    <row r="102" spans="1:4" ht="18" customHeight="1" x14ac:dyDescent="0.2">
      <c r="A102" s="8" t="s">
        <v>8</v>
      </c>
      <c r="B102" s="35">
        <v>9</v>
      </c>
      <c r="C102" s="13">
        <v>19</v>
      </c>
      <c r="D102" s="12">
        <v>28</v>
      </c>
    </row>
    <row r="103" spans="1:4" ht="18" customHeight="1" x14ac:dyDescent="0.2">
      <c r="A103" s="8">
        <v>80</v>
      </c>
      <c r="B103" s="35">
        <v>3</v>
      </c>
      <c r="C103" s="13">
        <v>3</v>
      </c>
      <c r="D103" s="12">
        <v>6</v>
      </c>
    </row>
    <row r="104" spans="1:4" ht="18" customHeight="1" x14ac:dyDescent="0.2">
      <c r="A104" s="8">
        <v>81</v>
      </c>
      <c r="B104" s="35">
        <v>2</v>
      </c>
      <c r="C104" s="13">
        <v>0</v>
      </c>
      <c r="D104" s="12">
        <v>2</v>
      </c>
    </row>
    <row r="105" spans="1:4" ht="18" customHeight="1" x14ac:dyDescent="0.2">
      <c r="A105" s="8">
        <v>82</v>
      </c>
      <c r="B105" s="35">
        <v>1</v>
      </c>
      <c r="C105" s="13">
        <v>1</v>
      </c>
      <c r="D105" s="12">
        <v>2</v>
      </c>
    </row>
    <row r="106" spans="1:4" ht="18" customHeight="1" x14ac:dyDescent="0.2">
      <c r="A106" s="8">
        <v>83</v>
      </c>
      <c r="B106" s="35">
        <v>1</v>
      </c>
      <c r="C106" s="13">
        <v>5</v>
      </c>
      <c r="D106" s="12">
        <v>6</v>
      </c>
    </row>
    <row r="107" spans="1:4" ht="18" customHeight="1" x14ac:dyDescent="0.2">
      <c r="A107" s="8">
        <v>84</v>
      </c>
      <c r="B107" s="35">
        <v>3</v>
      </c>
      <c r="C107" s="13">
        <v>6</v>
      </c>
      <c r="D107" s="12">
        <v>9</v>
      </c>
    </row>
    <row r="108" spans="1:4" ht="18" customHeight="1" x14ac:dyDescent="0.2">
      <c r="A108" s="8" t="s">
        <v>7</v>
      </c>
      <c r="B108" s="35">
        <v>10</v>
      </c>
      <c r="C108" s="13">
        <v>15</v>
      </c>
      <c r="D108" s="12">
        <v>25</v>
      </c>
    </row>
    <row r="109" spans="1:4" ht="18" customHeight="1" x14ac:dyDescent="0.2">
      <c r="A109" s="8">
        <v>85</v>
      </c>
      <c r="B109" s="35">
        <v>3</v>
      </c>
      <c r="C109" s="13">
        <v>4</v>
      </c>
      <c r="D109" s="12">
        <v>7</v>
      </c>
    </row>
    <row r="110" spans="1:4" ht="18" customHeight="1" x14ac:dyDescent="0.2">
      <c r="A110" s="8">
        <v>86</v>
      </c>
      <c r="B110" s="35">
        <v>3</v>
      </c>
      <c r="C110" s="13">
        <v>5</v>
      </c>
      <c r="D110" s="12">
        <v>8</v>
      </c>
    </row>
    <row r="111" spans="1:4" ht="18" customHeight="1" x14ac:dyDescent="0.2">
      <c r="A111" s="8">
        <v>87</v>
      </c>
      <c r="B111" s="35">
        <v>0</v>
      </c>
      <c r="C111" s="13">
        <v>3</v>
      </c>
      <c r="D111" s="12">
        <v>3</v>
      </c>
    </row>
    <row r="112" spans="1:4" ht="18" customHeight="1" x14ac:dyDescent="0.2">
      <c r="A112" s="8">
        <v>88</v>
      </c>
      <c r="B112" s="35">
        <v>1</v>
      </c>
      <c r="C112" s="13">
        <v>3</v>
      </c>
      <c r="D112" s="12">
        <v>4</v>
      </c>
    </row>
    <row r="113" spans="1:4" ht="18" customHeight="1" x14ac:dyDescent="0.2">
      <c r="A113" s="8">
        <v>89</v>
      </c>
      <c r="B113" s="35">
        <v>1</v>
      </c>
      <c r="C113" s="13">
        <v>3</v>
      </c>
      <c r="D113" s="12">
        <v>4</v>
      </c>
    </row>
    <row r="114" spans="1:4" ht="18" customHeight="1" x14ac:dyDescent="0.2">
      <c r="A114" s="8" t="s">
        <v>6</v>
      </c>
      <c r="B114" s="35">
        <v>8</v>
      </c>
      <c r="C114" s="13">
        <v>18</v>
      </c>
      <c r="D114" s="12">
        <v>26</v>
      </c>
    </row>
    <row r="115" spans="1:4" ht="18" customHeight="1" x14ac:dyDescent="0.2">
      <c r="A115" s="8">
        <v>90</v>
      </c>
      <c r="B115" s="35">
        <v>0</v>
      </c>
      <c r="C115" s="13">
        <v>2</v>
      </c>
      <c r="D115" s="12">
        <v>2</v>
      </c>
    </row>
    <row r="116" spans="1:4" ht="18" customHeight="1" x14ac:dyDescent="0.2">
      <c r="A116" s="8">
        <v>91</v>
      </c>
      <c r="B116" s="35">
        <v>3</v>
      </c>
      <c r="C116" s="13">
        <v>6</v>
      </c>
      <c r="D116" s="12">
        <v>9</v>
      </c>
    </row>
    <row r="117" spans="1:4" ht="18" customHeight="1" x14ac:dyDescent="0.2">
      <c r="A117" s="8">
        <v>92</v>
      </c>
      <c r="B117" s="35">
        <v>1</v>
      </c>
      <c r="C117" s="13">
        <v>0</v>
      </c>
      <c r="D117" s="12">
        <v>1</v>
      </c>
    </row>
    <row r="118" spans="1:4" ht="18" customHeight="1" x14ac:dyDescent="0.2">
      <c r="A118" s="8">
        <v>93</v>
      </c>
      <c r="B118" s="35">
        <v>0</v>
      </c>
      <c r="C118" s="13">
        <v>1</v>
      </c>
      <c r="D118" s="12">
        <v>1</v>
      </c>
    </row>
    <row r="119" spans="1:4" ht="18" customHeight="1" x14ac:dyDescent="0.2">
      <c r="A119" s="8">
        <v>94</v>
      </c>
      <c r="B119" s="35">
        <v>1</v>
      </c>
      <c r="C119" s="13">
        <v>0</v>
      </c>
      <c r="D119" s="12">
        <v>1</v>
      </c>
    </row>
    <row r="120" spans="1:4" ht="18" customHeight="1" x14ac:dyDescent="0.2">
      <c r="A120" s="8" t="s">
        <v>5</v>
      </c>
      <c r="B120" s="35">
        <v>5</v>
      </c>
      <c r="C120" s="13">
        <v>9</v>
      </c>
      <c r="D120" s="12">
        <v>14</v>
      </c>
    </row>
    <row r="121" spans="1:4" ht="18" customHeight="1" x14ac:dyDescent="0.2">
      <c r="A121" s="8">
        <v>95</v>
      </c>
      <c r="B121" s="35">
        <v>2</v>
      </c>
      <c r="C121" s="13">
        <v>2</v>
      </c>
      <c r="D121" s="12">
        <v>4</v>
      </c>
    </row>
    <row r="122" spans="1:4" ht="18" customHeight="1" x14ac:dyDescent="0.2">
      <c r="A122" s="8">
        <v>96</v>
      </c>
      <c r="B122" s="35">
        <v>0</v>
      </c>
      <c r="C122" s="13">
        <v>1</v>
      </c>
      <c r="D122" s="12">
        <v>1</v>
      </c>
    </row>
    <row r="123" spans="1:4" ht="18" customHeight="1" x14ac:dyDescent="0.2">
      <c r="A123" s="8">
        <v>97</v>
      </c>
      <c r="B123" s="35">
        <v>0</v>
      </c>
      <c r="C123" s="13">
        <v>4</v>
      </c>
      <c r="D123" s="12">
        <v>4</v>
      </c>
    </row>
    <row r="124" spans="1:4" ht="18" customHeight="1" x14ac:dyDescent="0.2">
      <c r="A124" s="8">
        <v>98</v>
      </c>
      <c r="B124" s="35">
        <v>0</v>
      </c>
      <c r="C124" s="13">
        <v>0</v>
      </c>
      <c r="D124" s="12">
        <v>0</v>
      </c>
    </row>
    <row r="125" spans="1:4" ht="18" customHeight="1" x14ac:dyDescent="0.2">
      <c r="A125" s="8">
        <v>99</v>
      </c>
      <c r="B125" s="35">
        <v>0</v>
      </c>
      <c r="C125" s="13">
        <v>0</v>
      </c>
      <c r="D125" s="12">
        <v>0</v>
      </c>
    </row>
    <row r="126" spans="1:4" ht="18" customHeight="1" x14ac:dyDescent="0.2">
      <c r="A126" s="8" t="s">
        <v>4</v>
      </c>
      <c r="B126" s="35">
        <v>2</v>
      </c>
      <c r="C126" s="13">
        <v>7</v>
      </c>
      <c r="D126" s="12">
        <v>9</v>
      </c>
    </row>
    <row r="127" spans="1:4" ht="18" customHeight="1" x14ac:dyDescent="0.2">
      <c r="A127" s="8">
        <v>100</v>
      </c>
      <c r="B127" s="35">
        <v>0</v>
      </c>
      <c r="C127" s="13">
        <v>1</v>
      </c>
      <c r="D127" s="12">
        <v>1</v>
      </c>
    </row>
    <row r="128" spans="1:4" ht="18" customHeight="1" x14ac:dyDescent="0.2">
      <c r="A128" s="15" t="s">
        <v>3</v>
      </c>
      <c r="B128" s="35">
        <v>0</v>
      </c>
      <c r="C128" s="13">
        <v>0</v>
      </c>
      <c r="D128" s="12">
        <v>0</v>
      </c>
    </row>
    <row r="129" spans="1:4" ht="18" customHeight="1" x14ac:dyDescent="0.2">
      <c r="A129" s="8" t="s">
        <v>2</v>
      </c>
      <c r="B129" s="35">
        <v>0</v>
      </c>
      <c r="C129" s="13">
        <v>1</v>
      </c>
      <c r="D129" s="12">
        <v>1</v>
      </c>
    </row>
    <row r="130" spans="1:4" ht="18" customHeight="1" x14ac:dyDescent="0.2">
      <c r="A130" s="8" t="s">
        <v>1</v>
      </c>
      <c r="B130" s="28">
        <v>78</v>
      </c>
      <c r="C130" s="6">
        <v>105</v>
      </c>
      <c r="D130" s="5">
        <v>183</v>
      </c>
    </row>
    <row r="131" spans="1:4" ht="18" customHeight="1" x14ac:dyDescent="0.2">
      <c r="A131" s="4" t="s">
        <v>0</v>
      </c>
      <c r="B131" s="27">
        <v>173</v>
      </c>
      <c r="C131" s="2">
        <v>201</v>
      </c>
      <c r="D131" s="1">
        <v>374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F84DA1B-EDCB-444B-AB78-634D50C73D95}">
  <sheetPr codeName="Sheet7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98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3</v>
      </c>
      <c r="C5" s="45">
        <v>1</v>
      </c>
      <c r="D5" s="44">
        <v>4</v>
      </c>
    </row>
    <row r="6" spans="1:4" ht="18" customHeight="1" x14ac:dyDescent="0.2">
      <c r="A6" s="8">
        <v>1</v>
      </c>
      <c r="B6" s="40">
        <v>2</v>
      </c>
      <c r="C6" s="13">
        <v>0</v>
      </c>
      <c r="D6" s="12">
        <v>2</v>
      </c>
    </row>
    <row r="7" spans="1:4" ht="18" customHeight="1" x14ac:dyDescent="0.2">
      <c r="A7" s="8">
        <v>2</v>
      </c>
      <c r="B7" s="40">
        <v>2</v>
      </c>
      <c r="C7" s="13">
        <v>2</v>
      </c>
      <c r="D7" s="12">
        <v>4</v>
      </c>
    </row>
    <row r="8" spans="1:4" ht="18" customHeight="1" x14ac:dyDescent="0.2">
      <c r="A8" s="8">
        <v>3</v>
      </c>
      <c r="B8" s="40">
        <v>0</v>
      </c>
      <c r="C8" s="13">
        <v>0</v>
      </c>
      <c r="D8" s="12">
        <v>0</v>
      </c>
    </row>
    <row r="9" spans="1:4" ht="18" customHeight="1" x14ac:dyDescent="0.2">
      <c r="A9" s="8">
        <v>4</v>
      </c>
      <c r="B9" s="43">
        <v>1</v>
      </c>
      <c r="C9" s="42">
        <v>3</v>
      </c>
      <c r="D9" s="41">
        <v>4</v>
      </c>
    </row>
    <row r="10" spans="1:4" ht="18" customHeight="1" x14ac:dyDescent="0.2">
      <c r="A10" s="8" t="s">
        <v>25</v>
      </c>
      <c r="B10" s="35">
        <v>8</v>
      </c>
      <c r="C10" s="13">
        <v>6</v>
      </c>
      <c r="D10" s="12">
        <v>14</v>
      </c>
    </row>
    <row r="11" spans="1:4" ht="18" customHeight="1" x14ac:dyDescent="0.2">
      <c r="A11" s="8">
        <v>5</v>
      </c>
      <c r="B11" s="40">
        <v>4</v>
      </c>
      <c r="C11" s="13">
        <v>1</v>
      </c>
      <c r="D11" s="12">
        <v>5</v>
      </c>
    </row>
    <row r="12" spans="1:4" ht="18" customHeight="1" x14ac:dyDescent="0.2">
      <c r="A12" s="8">
        <v>6</v>
      </c>
      <c r="B12" s="40">
        <v>1</v>
      </c>
      <c r="C12" s="13">
        <v>2</v>
      </c>
      <c r="D12" s="12">
        <v>3</v>
      </c>
    </row>
    <row r="13" spans="1:4" ht="18" customHeight="1" x14ac:dyDescent="0.2">
      <c r="A13" s="8">
        <v>7</v>
      </c>
      <c r="B13" s="40">
        <v>4</v>
      </c>
      <c r="C13" s="13">
        <v>5</v>
      </c>
      <c r="D13" s="12">
        <v>9</v>
      </c>
    </row>
    <row r="14" spans="1:4" ht="18" customHeight="1" x14ac:dyDescent="0.2">
      <c r="A14" s="8">
        <v>8</v>
      </c>
      <c r="B14" s="40">
        <v>4</v>
      </c>
      <c r="C14" s="13">
        <v>9</v>
      </c>
      <c r="D14" s="12">
        <v>13</v>
      </c>
    </row>
    <row r="15" spans="1:4" ht="18" customHeight="1" x14ac:dyDescent="0.2">
      <c r="A15" s="8">
        <v>9</v>
      </c>
      <c r="B15" s="40">
        <v>2</v>
      </c>
      <c r="C15" s="13">
        <v>5</v>
      </c>
      <c r="D15" s="12">
        <v>7</v>
      </c>
    </row>
    <row r="16" spans="1:4" ht="18" customHeight="1" x14ac:dyDescent="0.2">
      <c r="A16" s="8" t="s">
        <v>24</v>
      </c>
      <c r="B16" s="35">
        <v>15</v>
      </c>
      <c r="C16" s="13">
        <v>22</v>
      </c>
      <c r="D16" s="12">
        <v>37</v>
      </c>
    </row>
    <row r="17" spans="1:4" ht="18" customHeight="1" x14ac:dyDescent="0.2">
      <c r="A17" s="8">
        <v>10</v>
      </c>
      <c r="B17" s="35">
        <v>5</v>
      </c>
      <c r="C17" s="13">
        <v>2</v>
      </c>
      <c r="D17" s="12">
        <v>7</v>
      </c>
    </row>
    <row r="18" spans="1:4" ht="18" customHeight="1" x14ac:dyDescent="0.2">
      <c r="A18" s="8">
        <v>11</v>
      </c>
      <c r="B18" s="35">
        <v>4</v>
      </c>
      <c r="C18" s="13">
        <v>5</v>
      </c>
      <c r="D18" s="12">
        <v>9</v>
      </c>
    </row>
    <row r="19" spans="1:4" ht="18" customHeight="1" x14ac:dyDescent="0.2">
      <c r="A19" s="8">
        <v>12</v>
      </c>
      <c r="B19" s="35">
        <v>2</v>
      </c>
      <c r="C19" s="13">
        <v>6</v>
      </c>
      <c r="D19" s="12">
        <v>8</v>
      </c>
    </row>
    <row r="20" spans="1:4" ht="18" customHeight="1" x14ac:dyDescent="0.2">
      <c r="A20" s="8">
        <v>13</v>
      </c>
      <c r="B20" s="35">
        <v>4</v>
      </c>
      <c r="C20" s="13">
        <v>5</v>
      </c>
      <c r="D20" s="12">
        <v>9</v>
      </c>
    </row>
    <row r="21" spans="1:4" ht="18" customHeight="1" x14ac:dyDescent="0.2">
      <c r="A21" s="8">
        <v>14</v>
      </c>
      <c r="B21" s="35">
        <v>4</v>
      </c>
      <c r="C21" s="13">
        <v>8</v>
      </c>
      <c r="D21" s="12">
        <v>12</v>
      </c>
    </row>
    <row r="22" spans="1:4" ht="18" customHeight="1" x14ac:dyDescent="0.2">
      <c r="A22" s="8" t="s">
        <v>23</v>
      </c>
      <c r="B22" s="35">
        <v>19</v>
      </c>
      <c r="C22" s="13">
        <v>26</v>
      </c>
      <c r="D22" s="12">
        <v>45</v>
      </c>
    </row>
    <row r="23" spans="1:4" ht="18" customHeight="1" x14ac:dyDescent="0.2">
      <c r="A23" s="8" t="s">
        <v>22</v>
      </c>
      <c r="B23" s="35">
        <v>42</v>
      </c>
      <c r="C23" s="13">
        <v>54</v>
      </c>
      <c r="D23" s="12">
        <v>96</v>
      </c>
    </row>
    <row r="24" spans="1:4" ht="18" customHeight="1" x14ac:dyDescent="0.2">
      <c r="A24" s="8">
        <v>15</v>
      </c>
      <c r="B24" s="35">
        <v>5</v>
      </c>
      <c r="C24" s="13">
        <v>4</v>
      </c>
      <c r="D24" s="12">
        <v>9</v>
      </c>
    </row>
    <row r="25" spans="1:4" ht="18" customHeight="1" x14ac:dyDescent="0.2">
      <c r="A25" s="8">
        <v>16</v>
      </c>
      <c r="B25" s="35">
        <v>4</v>
      </c>
      <c r="C25" s="13">
        <v>5</v>
      </c>
      <c r="D25" s="12">
        <v>9</v>
      </c>
    </row>
    <row r="26" spans="1:4" ht="18" customHeight="1" x14ac:dyDescent="0.2">
      <c r="A26" s="8">
        <v>17</v>
      </c>
      <c r="B26" s="35">
        <v>5</v>
      </c>
      <c r="C26" s="13">
        <v>4</v>
      </c>
      <c r="D26" s="12">
        <v>9</v>
      </c>
    </row>
    <row r="27" spans="1:4" ht="18" customHeight="1" x14ac:dyDescent="0.2">
      <c r="A27" s="8">
        <v>18</v>
      </c>
      <c r="B27" s="35">
        <v>7</v>
      </c>
      <c r="C27" s="13">
        <v>7</v>
      </c>
      <c r="D27" s="12">
        <v>14</v>
      </c>
    </row>
    <row r="28" spans="1:4" ht="18" customHeight="1" x14ac:dyDescent="0.2">
      <c r="A28" s="8">
        <v>19</v>
      </c>
      <c r="B28" s="35">
        <v>5</v>
      </c>
      <c r="C28" s="13">
        <v>4</v>
      </c>
      <c r="D28" s="12">
        <v>9</v>
      </c>
    </row>
    <row r="29" spans="1:4" ht="18" customHeight="1" x14ac:dyDescent="0.2">
      <c r="A29" s="8" t="s">
        <v>21</v>
      </c>
      <c r="B29" s="35">
        <v>26</v>
      </c>
      <c r="C29" s="13">
        <v>24</v>
      </c>
      <c r="D29" s="12">
        <v>50</v>
      </c>
    </row>
    <row r="30" spans="1:4" ht="18" customHeight="1" x14ac:dyDescent="0.2">
      <c r="A30" s="8">
        <v>20</v>
      </c>
      <c r="B30" s="35">
        <v>2</v>
      </c>
      <c r="C30" s="13">
        <v>7</v>
      </c>
      <c r="D30" s="12">
        <v>9</v>
      </c>
    </row>
    <row r="31" spans="1:4" ht="18" customHeight="1" x14ac:dyDescent="0.2">
      <c r="A31" s="8">
        <v>21</v>
      </c>
      <c r="B31" s="35">
        <v>3</v>
      </c>
      <c r="C31" s="13">
        <v>9</v>
      </c>
      <c r="D31" s="12">
        <v>12</v>
      </c>
    </row>
    <row r="32" spans="1:4" ht="18" customHeight="1" x14ac:dyDescent="0.2">
      <c r="A32" s="8">
        <v>22</v>
      </c>
      <c r="B32" s="35">
        <v>4</v>
      </c>
      <c r="C32" s="13">
        <v>9</v>
      </c>
      <c r="D32" s="12">
        <v>13</v>
      </c>
    </row>
    <row r="33" spans="1:4" ht="18" customHeight="1" x14ac:dyDescent="0.2">
      <c r="A33" s="8">
        <v>23</v>
      </c>
      <c r="B33" s="35">
        <v>3</v>
      </c>
      <c r="C33" s="13">
        <v>4</v>
      </c>
      <c r="D33" s="12">
        <v>7</v>
      </c>
    </row>
    <row r="34" spans="1:4" ht="18" customHeight="1" x14ac:dyDescent="0.2">
      <c r="A34" s="8">
        <v>24</v>
      </c>
      <c r="B34" s="35">
        <v>5</v>
      </c>
      <c r="C34" s="13">
        <v>4</v>
      </c>
      <c r="D34" s="12">
        <v>9</v>
      </c>
    </row>
    <row r="35" spans="1:4" ht="18" customHeight="1" x14ac:dyDescent="0.2">
      <c r="A35" s="8" t="s">
        <v>20</v>
      </c>
      <c r="B35" s="35">
        <v>17</v>
      </c>
      <c r="C35" s="13">
        <v>33</v>
      </c>
      <c r="D35" s="12">
        <v>50</v>
      </c>
    </row>
    <row r="36" spans="1:4" ht="18" customHeight="1" x14ac:dyDescent="0.2">
      <c r="A36" s="8">
        <v>25</v>
      </c>
      <c r="B36" s="35">
        <v>3</v>
      </c>
      <c r="C36" s="13">
        <v>5</v>
      </c>
      <c r="D36" s="12">
        <v>8</v>
      </c>
    </row>
    <row r="37" spans="1:4" ht="18" customHeight="1" x14ac:dyDescent="0.2">
      <c r="A37" s="8">
        <v>26</v>
      </c>
      <c r="B37" s="35">
        <v>6</v>
      </c>
      <c r="C37" s="13">
        <v>5</v>
      </c>
      <c r="D37" s="12">
        <v>11</v>
      </c>
    </row>
    <row r="38" spans="1:4" ht="18" customHeight="1" x14ac:dyDescent="0.2">
      <c r="A38" s="8">
        <v>27</v>
      </c>
      <c r="B38" s="35">
        <v>3</v>
      </c>
      <c r="C38" s="13">
        <v>4</v>
      </c>
      <c r="D38" s="12">
        <v>7</v>
      </c>
    </row>
    <row r="39" spans="1:4" ht="18" customHeight="1" x14ac:dyDescent="0.2">
      <c r="A39" s="8">
        <v>28</v>
      </c>
      <c r="B39" s="35">
        <v>5</v>
      </c>
      <c r="C39" s="13">
        <v>1</v>
      </c>
      <c r="D39" s="12">
        <v>6</v>
      </c>
    </row>
    <row r="40" spans="1:4" ht="18" customHeight="1" x14ac:dyDescent="0.2">
      <c r="A40" s="8">
        <v>29</v>
      </c>
      <c r="B40" s="35">
        <v>2</v>
      </c>
      <c r="C40" s="13">
        <v>2</v>
      </c>
      <c r="D40" s="12">
        <v>4</v>
      </c>
    </row>
    <row r="41" spans="1:4" ht="18" customHeight="1" x14ac:dyDescent="0.2">
      <c r="A41" s="8" t="s">
        <v>19</v>
      </c>
      <c r="B41" s="35">
        <v>19</v>
      </c>
      <c r="C41" s="13">
        <v>17</v>
      </c>
      <c r="D41" s="12">
        <v>36</v>
      </c>
    </row>
    <row r="42" spans="1:4" ht="18" customHeight="1" x14ac:dyDescent="0.2">
      <c r="A42" s="8">
        <v>30</v>
      </c>
      <c r="B42" s="35">
        <v>1</v>
      </c>
      <c r="C42" s="13">
        <v>2</v>
      </c>
      <c r="D42" s="12">
        <v>3</v>
      </c>
    </row>
    <row r="43" spans="1:4" ht="18" customHeight="1" x14ac:dyDescent="0.2">
      <c r="A43" s="8">
        <v>31</v>
      </c>
      <c r="B43" s="35">
        <v>2</v>
      </c>
      <c r="C43" s="13">
        <v>1</v>
      </c>
      <c r="D43" s="12">
        <v>3</v>
      </c>
    </row>
    <row r="44" spans="1:4" ht="18" customHeight="1" x14ac:dyDescent="0.2">
      <c r="A44" s="8">
        <v>32</v>
      </c>
      <c r="B44" s="35">
        <v>4</v>
      </c>
      <c r="C44" s="13">
        <v>3</v>
      </c>
      <c r="D44" s="12">
        <v>7</v>
      </c>
    </row>
    <row r="45" spans="1:4" ht="18" customHeight="1" x14ac:dyDescent="0.2">
      <c r="A45" s="8">
        <v>33</v>
      </c>
      <c r="B45" s="35">
        <v>3</v>
      </c>
      <c r="C45" s="13">
        <v>1</v>
      </c>
      <c r="D45" s="12">
        <v>4</v>
      </c>
    </row>
    <row r="46" spans="1:4" ht="18" customHeight="1" x14ac:dyDescent="0.2">
      <c r="A46" s="8">
        <v>34</v>
      </c>
      <c r="B46" s="35">
        <v>7</v>
      </c>
      <c r="C46" s="13">
        <v>4</v>
      </c>
      <c r="D46" s="12">
        <v>11</v>
      </c>
    </row>
    <row r="47" spans="1:4" ht="18" customHeight="1" x14ac:dyDescent="0.2">
      <c r="A47" s="8" t="s">
        <v>18</v>
      </c>
      <c r="B47" s="35">
        <v>17</v>
      </c>
      <c r="C47" s="13">
        <v>11</v>
      </c>
      <c r="D47" s="12">
        <v>28</v>
      </c>
    </row>
    <row r="48" spans="1:4" ht="18" customHeight="1" x14ac:dyDescent="0.2">
      <c r="A48" s="8">
        <v>35</v>
      </c>
      <c r="B48" s="35">
        <v>4</v>
      </c>
      <c r="C48" s="13">
        <v>2</v>
      </c>
      <c r="D48" s="12">
        <v>6</v>
      </c>
    </row>
    <row r="49" spans="1:4" ht="18" customHeight="1" x14ac:dyDescent="0.2">
      <c r="A49" s="8">
        <v>36</v>
      </c>
      <c r="B49" s="35">
        <v>5</v>
      </c>
      <c r="C49" s="13">
        <v>4</v>
      </c>
      <c r="D49" s="12">
        <v>9</v>
      </c>
    </row>
    <row r="50" spans="1:4" ht="18" customHeight="1" x14ac:dyDescent="0.2">
      <c r="A50" s="8">
        <v>37</v>
      </c>
      <c r="B50" s="35">
        <v>5</v>
      </c>
      <c r="C50" s="13">
        <v>7</v>
      </c>
      <c r="D50" s="12">
        <v>12</v>
      </c>
    </row>
    <row r="51" spans="1:4" ht="18" customHeight="1" x14ac:dyDescent="0.2">
      <c r="A51" s="8">
        <v>38</v>
      </c>
      <c r="B51" s="35">
        <v>3</v>
      </c>
      <c r="C51" s="13">
        <v>9</v>
      </c>
      <c r="D51" s="12">
        <v>12</v>
      </c>
    </row>
    <row r="52" spans="1:4" ht="18" customHeight="1" x14ac:dyDescent="0.2">
      <c r="A52" s="8">
        <v>39</v>
      </c>
      <c r="B52" s="35">
        <v>2</v>
      </c>
      <c r="C52" s="13">
        <v>2</v>
      </c>
      <c r="D52" s="12">
        <v>4</v>
      </c>
    </row>
    <row r="53" spans="1:4" ht="18" customHeight="1" x14ac:dyDescent="0.2">
      <c r="A53" s="8" t="s">
        <v>17</v>
      </c>
      <c r="B53" s="35">
        <v>19</v>
      </c>
      <c r="C53" s="13">
        <v>24</v>
      </c>
      <c r="D53" s="12">
        <v>43</v>
      </c>
    </row>
    <row r="54" spans="1:4" ht="18" customHeight="1" x14ac:dyDescent="0.2">
      <c r="A54" s="8">
        <v>40</v>
      </c>
      <c r="B54" s="35">
        <v>7</v>
      </c>
      <c r="C54" s="13">
        <v>8</v>
      </c>
      <c r="D54" s="12">
        <v>15</v>
      </c>
    </row>
    <row r="55" spans="1:4" ht="18" customHeight="1" x14ac:dyDescent="0.2">
      <c r="A55" s="8">
        <v>41</v>
      </c>
      <c r="B55" s="35">
        <v>6</v>
      </c>
      <c r="C55" s="13">
        <v>10</v>
      </c>
      <c r="D55" s="12">
        <v>16</v>
      </c>
    </row>
    <row r="56" spans="1:4" ht="18" customHeight="1" x14ac:dyDescent="0.2">
      <c r="A56" s="8">
        <v>42</v>
      </c>
      <c r="B56" s="35">
        <v>7</v>
      </c>
      <c r="C56" s="13">
        <v>4</v>
      </c>
      <c r="D56" s="12">
        <v>11</v>
      </c>
    </row>
    <row r="57" spans="1:4" ht="18" customHeight="1" x14ac:dyDescent="0.2">
      <c r="A57" s="8">
        <v>43</v>
      </c>
      <c r="B57" s="35">
        <v>6</v>
      </c>
      <c r="C57" s="13">
        <v>8</v>
      </c>
      <c r="D57" s="12">
        <v>14</v>
      </c>
    </row>
    <row r="58" spans="1:4" ht="18" customHeight="1" x14ac:dyDescent="0.2">
      <c r="A58" s="8">
        <v>44</v>
      </c>
      <c r="B58" s="35">
        <v>4</v>
      </c>
      <c r="C58" s="13">
        <v>4</v>
      </c>
      <c r="D58" s="12">
        <v>8</v>
      </c>
    </row>
    <row r="59" spans="1:4" ht="18" customHeight="1" x14ac:dyDescent="0.2">
      <c r="A59" s="8" t="s">
        <v>16</v>
      </c>
      <c r="B59" s="35">
        <v>30</v>
      </c>
      <c r="C59" s="13">
        <v>34</v>
      </c>
      <c r="D59" s="12">
        <v>64</v>
      </c>
    </row>
    <row r="60" spans="1:4" ht="18" customHeight="1" x14ac:dyDescent="0.2">
      <c r="A60" s="8">
        <v>45</v>
      </c>
      <c r="B60" s="35">
        <v>7</v>
      </c>
      <c r="C60" s="13">
        <v>7</v>
      </c>
      <c r="D60" s="12">
        <v>14</v>
      </c>
    </row>
    <row r="61" spans="1:4" ht="18" customHeight="1" x14ac:dyDescent="0.2">
      <c r="A61" s="8">
        <v>46</v>
      </c>
      <c r="B61" s="35">
        <v>6</v>
      </c>
      <c r="C61" s="13">
        <v>8</v>
      </c>
      <c r="D61" s="12">
        <v>14</v>
      </c>
    </row>
    <row r="62" spans="1:4" ht="18" customHeight="1" x14ac:dyDescent="0.2">
      <c r="A62" s="8">
        <v>47</v>
      </c>
      <c r="B62" s="35">
        <v>10</v>
      </c>
      <c r="C62" s="13">
        <v>12</v>
      </c>
      <c r="D62" s="12">
        <v>22</v>
      </c>
    </row>
    <row r="63" spans="1:4" ht="18" customHeight="1" x14ac:dyDescent="0.2">
      <c r="A63" s="8">
        <v>48</v>
      </c>
      <c r="B63" s="35">
        <v>8</v>
      </c>
      <c r="C63" s="13">
        <v>8</v>
      </c>
      <c r="D63" s="12">
        <v>16</v>
      </c>
    </row>
    <row r="64" spans="1:4" ht="18" customHeight="1" x14ac:dyDescent="0.2">
      <c r="A64" s="8">
        <v>49</v>
      </c>
      <c r="B64" s="35">
        <v>13</v>
      </c>
      <c r="C64" s="13">
        <v>6</v>
      </c>
      <c r="D64" s="12">
        <v>19</v>
      </c>
    </row>
    <row r="65" spans="1:4" ht="18" customHeight="1" x14ac:dyDescent="0.2">
      <c r="A65" s="8" t="s">
        <v>15</v>
      </c>
      <c r="B65" s="35">
        <v>44</v>
      </c>
      <c r="C65" s="13">
        <v>41</v>
      </c>
      <c r="D65" s="12">
        <v>85</v>
      </c>
    </row>
    <row r="66" spans="1:4" ht="18" customHeight="1" x14ac:dyDescent="0.2">
      <c r="A66" s="8">
        <v>50</v>
      </c>
      <c r="B66" s="35">
        <v>10</v>
      </c>
      <c r="C66" s="13">
        <v>7</v>
      </c>
      <c r="D66" s="12">
        <v>17</v>
      </c>
    </row>
    <row r="67" spans="1:4" ht="18" customHeight="1" x14ac:dyDescent="0.2">
      <c r="A67" s="8">
        <v>51</v>
      </c>
      <c r="B67" s="35">
        <v>7</v>
      </c>
      <c r="C67" s="13">
        <v>10</v>
      </c>
      <c r="D67" s="12">
        <v>17</v>
      </c>
    </row>
    <row r="68" spans="1:4" ht="18" customHeight="1" x14ac:dyDescent="0.2">
      <c r="A68" s="8">
        <v>52</v>
      </c>
      <c r="B68" s="35">
        <v>9</v>
      </c>
      <c r="C68" s="13">
        <v>11</v>
      </c>
      <c r="D68" s="12">
        <v>20</v>
      </c>
    </row>
    <row r="69" spans="1:4" ht="18" customHeight="1" x14ac:dyDescent="0.2">
      <c r="A69" s="8">
        <v>53</v>
      </c>
      <c r="B69" s="35">
        <v>5</v>
      </c>
      <c r="C69" s="13">
        <v>7</v>
      </c>
      <c r="D69" s="12">
        <v>12</v>
      </c>
    </row>
    <row r="70" spans="1:4" ht="18" customHeight="1" x14ac:dyDescent="0.2">
      <c r="A70" s="8">
        <v>54</v>
      </c>
      <c r="B70" s="35">
        <v>5</v>
      </c>
      <c r="C70" s="13">
        <v>7</v>
      </c>
      <c r="D70" s="12">
        <v>12</v>
      </c>
    </row>
    <row r="71" spans="1:4" ht="18" customHeight="1" x14ac:dyDescent="0.2">
      <c r="A71" s="8" t="s">
        <v>14</v>
      </c>
      <c r="B71" s="35">
        <v>36</v>
      </c>
      <c r="C71" s="13">
        <v>42</v>
      </c>
      <c r="D71" s="12">
        <v>78</v>
      </c>
    </row>
    <row r="72" spans="1:4" ht="18" customHeight="1" x14ac:dyDescent="0.2">
      <c r="A72" s="8">
        <v>55</v>
      </c>
      <c r="B72" s="35">
        <v>6</v>
      </c>
      <c r="C72" s="13">
        <v>7</v>
      </c>
      <c r="D72" s="12">
        <v>13</v>
      </c>
    </row>
    <row r="73" spans="1:4" ht="18" customHeight="1" x14ac:dyDescent="0.2">
      <c r="A73" s="8">
        <v>56</v>
      </c>
      <c r="B73" s="35">
        <v>7</v>
      </c>
      <c r="C73" s="13">
        <v>5</v>
      </c>
      <c r="D73" s="12">
        <v>12</v>
      </c>
    </row>
    <row r="74" spans="1:4" ht="18" customHeight="1" x14ac:dyDescent="0.2">
      <c r="A74" s="8">
        <v>57</v>
      </c>
      <c r="B74" s="35">
        <v>3</v>
      </c>
      <c r="C74" s="13">
        <v>9</v>
      </c>
      <c r="D74" s="12">
        <v>12</v>
      </c>
    </row>
    <row r="75" spans="1:4" ht="18" customHeight="1" x14ac:dyDescent="0.2">
      <c r="A75" s="8">
        <v>58</v>
      </c>
      <c r="B75" s="35">
        <v>4</v>
      </c>
      <c r="C75" s="13">
        <v>7</v>
      </c>
      <c r="D75" s="12">
        <v>11</v>
      </c>
    </row>
    <row r="76" spans="1:4" ht="18" customHeight="1" x14ac:dyDescent="0.2">
      <c r="A76" s="8">
        <v>59</v>
      </c>
      <c r="B76" s="35">
        <v>17</v>
      </c>
      <c r="C76" s="13">
        <v>3</v>
      </c>
      <c r="D76" s="12">
        <v>20</v>
      </c>
    </row>
    <row r="77" spans="1:4" ht="18" customHeight="1" x14ac:dyDescent="0.2">
      <c r="A77" s="8" t="s">
        <v>13</v>
      </c>
      <c r="B77" s="35">
        <v>37</v>
      </c>
      <c r="C77" s="13">
        <v>31</v>
      </c>
      <c r="D77" s="12">
        <v>68</v>
      </c>
    </row>
    <row r="78" spans="1:4" ht="18" customHeight="1" x14ac:dyDescent="0.2">
      <c r="A78" s="8">
        <v>60</v>
      </c>
      <c r="B78" s="35">
        <v>6</v>
      </c>
      <c r="C78" s="13">
        <v>5</v>
      </c>
      <c r="D78" s="12">
        <v>11</v>
      </c>
    </row>
    <row r="79" spans="1:4" ht="18" customHeight="1" x14ac:dyDescent="0.2">
      <c r="A79" s="8">
        <v>61</v>
      </c>
      <c r="B79" s="35">
        <v>4</v>
      </c>
      <c r="C79" s="13">
        <v>7</v>
      </c>
      <c r="D79" s="12">
        <v>11</v>
      </c>
    </row>
    <row r="80" spans="1:4" ht="18" customHeight="1" x14ac:dyDescent="0.2">
      <c r="A80" s="8">
        <v>62</v>
      </c>
      <c r="B80" s="35">
        <v>8</v>
      </c>
      <c r="C80" s="13">
        <v>7</v>
      </c>
      <c r="D80" s="12">
        <v>15</v>
      </c>
    </row>
    <row r="81" spans="1:4" ht="18" customHeight="1" x14ac:dyDescent="0.2">
      <c r="A81" s="8">
        <v>63</v>
      </c>
      <c r="B81" s="35">
        <v>9</v>
      </c>
      <c r="C81" s="13">
        <v>11</v>
      </c>
      <c r="D81" s="12">
        <v>20</v>
      </c>
    </row>
    <row r="82" spans="1:4" ht="18" customHeight="1" x14ac:dyDescent="0.2">
      <c r="A82" s="8">
        <v>64</v>
      </c>
      <c r="B82" s="35">
        <v>10</v>
      </c>
      <c r="C82" s="13">
        <v>13</v>
      </c>
      <c r="D82" s="12">
        <v>23</v>
      </c>
    </row>
    <row r="83" spans="1:4" ht="18" customHeight="1" x14ac:dyDescent="0.2">
      <c r="A83" s="8" t="s">
        <v>12</v>
      </c>
      <c r="B83" s="35">
        <v>37</v>
      </c>
      <c r="C83" s="13">
        <v>43</v>
      </c>
      <c r="D83" s="12">
        <v>80</v>
      </c>
    </row>
    <row r="84" spans="1:4" ht="18" customHeight="1" x14ac:dyDescent="0.2">
      <c r="A84" s="8" t="s">
        <v>11</v>
      </c>
      <c r="B84" s="35">
        <v>282</v>
      </c>
      <c r="C84" s="13">
        <v>300</v>
      </c>
      <c r="D84" s="12">
        <v>582</v>
      </c>
    </row>
    <row r="85" spans="1:4" ht="18" customHeight="1" x14ac:dyDescent="0.2">
      <c r="A85" s="8">
        <v>65</v>
      </c>
      <c r="B85" s="35">
        <v>9</v>
      </c>
      <c r="C85" s="13">
        <v>13</v>
      </c>
      <c r="D85" s="12">
        <v>22</v>
      </c>
    </row>
    <row r="86" spans="1:4" ht="18" customHeight="1" x14ac:dyDescent="0.2">
      <c r="A86" s="8">
        <v>66</v>
      </c>
      <c r="B86" s="35">
        <v>8</v>
      </c>
      <c r="C86" s="13">
        <v>5</v>
      </c>
      <c r="D86" s="12">
        <v>13</v>
      </c>
    </row>
    <row r="87" spans="1:4" ht="18" customHeight="1" x14ac:dyDescent="0.2">
      <c r="A87" s="8">
        <v>67</v>
      </c>
      <c r="B87" s="35">
        <v>9</v>
      </c>
      <c r="C87" s="13">
        <v>9</v>
      </c>
      <c r="D87" s="12">
        <v>18</v>
      </c>
    </row>
    <row r="88" spans="1:4" ht="18" customHeight="1" x14ac:dyDescent="0.2">
      <c r="A88" s="8">
        <v>68</v>
      </c>
      <c r="B88" s="35">
        <v>17</v>
      </c>
      <c r="C88" s="13">
        <v>8</v>
      </c>
      <c r="D88" s="12">
        <v>25</v>
      </c>
    </row>
    <row r="89" spans="1:4" ht="18" customHeight="1" x14ac:dyDescent="0.2">
      <c r="A89" s="8">
        <v>69</v>
      </c>
      <c r="B89" s="35">
        <v>11</v>
      </c>
      <c r="C89" s="13">
        <v>10</v>
      </c>
      <c r="D89" s="12">
        <v>21</v>
      </c>
    </row>
    <row r="90" spans="1:4" ht="18" customHeight="1" x14ac:dyDescent="0.2">
      <c r="A90" s="8" t="s">
        <v>10</v>
      </c>
      <c r="B90" s="35">
        <v>54</v>
      </c>
      <c r="C90" s="13">
        <v>45</v>
      </c>
      <c r="D90" s="12">
        <v>99</v>
      </c>
    </row>
    <row r="91" spans="1:4" ht="18" customHeight="1" x14ac:dyDescent="0.2">
      <c r="A91" s="8">
        <v>70</v>
      </c>
      <c r="B91" s="35">
        <v>13</v>
      </c>
      <c r="C91" s="13">
        <v>14</v>
      </c>
      <c r="D91" s="12">
        <v>27</v>
      </c>
    </row>
    <row r="92" spans="1:4" ht="18" customHeight="1" x14ac:dyDescent="0.2">
      <c r="A92" s="8">
        <v>71</v>
      </c>
      <c r="B92" s="35">
        <v>14</v>
      </c>
      <c r="C92" s="13">
        <v>9</v>
      </c>
      <c r="D92" s="12">
        <v>23</v>
      </c>
    </row>
    <row r="93" spans="1:4" ht="18" customHeight="1" x14ac:dyDescent="0.2">
      <c r="A93" s="8">
        <v>72</v>
      </c>
      <c r="B93" s="35">
        <v>10</v>
      </c>
      <c r="C93" s="13">
        <v>5</v>
      </c>
      <c r="D93" s="12">
        <v>15</v>
      </c>
    </row>
    <row r="94" spans="1:4" ht="18" customHeight="1" x14ac:dyDescent="0.2">
      <c r="A94" s="8">
        <v>73</v>
      </c>
      <c r="B94" s="35">
        <v>2</v>
      </c>
      <c r="C94" s="13">
        <v>16</v>
      </c>
      <c r="D94" s="12">
        <v>18</v>
      </c>
    </row>
    <row r="95" spans="1:4" ht="18" customHeight="1" x14ac:dyDescent="0.2">
      <c r="A95" s="8">
        <v>74</v>
      </c>
      <c r="B95" s="35">
        <v>15</v>
      </c>
      <c r="C95" s="13">
        <v>8</v>
      </c>
      <c r="D95" s="12">
        <v>23</v>
      </c>
    </row>
    <row r="96" spans="1:4" ht="18" customHeight="1" x14ac:dyDescent="0.2">
      <c r="A96" s="8" t="s">
        <v>9</v>
      </c>
      <c r="B96" s="35">
        <v>54</v>
      </c>
      <c r="C96" s="13">
        <v>52</v>
      </c>
      <c r="D96" s="12">
        <v>106</v>
      </c>
    </row>
    <row r="97" spans="1:4" ht="18" customHeight="1" x14ac:dyDescent="0.2">
      <c r="A97" s="8">
        <v>75</v>
      </c>
      <c r="B97" s="35">
        <v>8</v>
      </c>
      <c r="C97" s="13">
        <v>11</v>
      </c>
      <c r="D97" s="12">
        <v>19</v>
      </c>
    </row>
    <row r="98" spans="1:4" ht="18" customHeight="1" x14ac:dyDescent="0.2">
      <c r="A98" s="8">
        <v>76</v>
      </c>
      <c r="B98" s="35">
        <v>12</v>
      </c>
      <c r="C98" s="13">
        <v>12</v>
      </c>
      <c r="D98" s="12">
        <v>24</v>
      </c>
    </row>
    <row r="99" spans="1:4" ht="18" customHeight="1" x14ac:dyDescent="0.2">
      <c r="A99" s="8">
        <v>77</v>
      </c>
      <c r="B99" s="35">
        <v>4</v>
      </c>
      <c r="C99" s="13">
        <v>6</v>
      </c>
      <c r="D99" s="12">
        <v>10</v>
      </c>
    </row>
    <row r="100" spans="1:4" ht="18" customHeight="1" x14ac:dyDescent="0.2">
      <c r="A100" s="8">
        <v>78</v>
      </c>
      <c r="B100" s="35">
        <v>6</v>
      </c>
      <c r="C100" s="13">
        <v>7</v>
      </c>
      <c r="D100" s="12">
        <v>13</v>
      </c>
    </row>
    <row r="101" spans="1:4" ht="18" customHeight="1" x14ac:dyDescent="0.2">
      <c r="A101" s="8">
        <v>79</v>
      </c>
      <c r="B101" s="35">
        <v>3</v>
      </c>
      <c r="C101" s="13">
        <v>9</v>
      </c>
      <c r="D101" s="12">
        <v>12</v>
      </c>
    </row>
    <row r="102" spans="1:4" ht="18" customHeight="1" x14ac:dyDescent="0.2">
      <c r="A102" s="8" t="s">
        <v>8</v>
      </c>
      <c r="B102" s="35">
        <v>33</v>
      </c>
      <c r="C102" s="13">
        <v>45</v>
      </c>
      <c r="D102" s="12">
        <v>78</v>
      </c>
    </row>
    <row r="103" spans="1:4" ht="18" customHeight="1" x14ac:dyDescent="0.2">
      <c r="A103" s="8">
        <v>80</v>
      </c>
      <c r="B103" s="35">
        <v>3</v>
      </c>
      <c r="C103" s="13">
        <v>5</v>
      </c>
      <c r="D103" s="12">
        <v>8</v>
      </c>
    </row>
    <row r="104" spans="1:4" ht="18" customHeight="1" x14ac:dyDescent="0.2">
      <c r="A104" s="8">
        <v>81</v>
      </c>
      <c r="B104" s="35">
        <v>6</v>
      </c>
      <c r="C104" s="13">
        <v>5</v>
      </c>
      <c r="D104" s="12">
        <v>11</v>
      </c>
    </row>
    <row r="105" spans="1:4" ht="18" customHeight="1" x14ac:dyDescent="0.2">
      <c r="A105" s="8">
        <v>82</v>
      </c>
      <c r="B105" s="35">
        <v>9</v>
      </c>
      <c r="C105" s="13">
        <v>10</v>
      </c>
      <c r="D105" s="12">
        <v>19</v>
      </c>
    </row>
    <row r="106" spans="1:4" ht="18" customHeight="1" x14ac:dyDescent="0.2">
      <c r="A106" s="8">
        <v>83</v>
      </c>
      <c r="B106" s="35">
        <v>4</v>
      </c>
      <c r="C106" s="13">
        <v>8</v>
      </c>
      <c r="D106" s="12">
        <v>12</v>
      </c>
    </row>
    <row r="107" spans="1:4" ht="18" customHeight="1" x14ac:dyDescent="0.2">
      <c r="A107" s="8">
        <v>84</v>
      </c>
      <c r="B107" s="35">
        <v>3</v>
      </c>
      <c r="C107" s="13">
        <v>8</v>
      </c>
      <c r="D107" s="12">
        <v>11</v>
      </c>
    </row>
    <row r="108" spans="1:4" ht="18" customHeight="1" x14ac:dyDescent="0.2">
      <c r="A108" s="8" t="s">
        <v>7</v>
      </c>
      <c r="B108" s="35">
        <v>25</v>
      </c>
      <c r="C108" s="13">
        <v>36</v>
      </c>
      <c r="D108" s="12">
        <v>61</v>
      </c>
    </row>
    <row r="109" spans="1:4" ht="18" customHeight="1" x14ac:dyDescent="0.2">
      <c r="A109" s="8">
        <v>85</v>
      </c>
      <c r="B109" s="35">
        <v>7</v>
      </c>
      <c r="C109" s="13">
        <v>5</v>
      </c>
      <c r="D109" s="12">
        <v>12</v>
      </c>
    </row>
    <row r="110" spans="1:4" ht="18" customHeight="1" x14ac:dyDescent="0.2">
      <c r="A110" s="8">
        <v>86</v>
      </c>
      <c r="B110" s="35">
        <v>5</v>
      </c>
      <c r="C110" s="13">
        <v>4</v>
      </c>
      <c r="D110" s="12">
        <v>9</v>
      </c>
    </row>
    <row r="111" spans="1:4" ht="18" customHeight="1" x14ac:dyDescent="0.2">
      <c r="A111" s="8">
        <v>87</v>
      </c>
      <c r="B111" s="35">
        <v>3</v>
      </c>
      <c r="C111" s="13">
        <v>10</v>
      </c>
      <c r="D111" s="12">
        <v>13</v>
      </c>
    </row>
    <row r="112" spans="1:4" ht="18" customHeight="1" x14ac:dyDescent="0.2">
      <c r="A112" s="8">
        <v>88</v>
      </c>
      <c r="B112" s="35">
        <v>3</v>
      </c>
      <c r="C112" s="13">
        <v>0</v>
      </c>
      <c r="D112" s="12">
        <v>3</v>
      </c>
    </row>
    <row r="113" spans="1:4" ht="18" customHeight="1" x14ac:dyDescent="0.2">
      <c r="A113" s="8">
        <v>89</v>
      </c>
      <c r="B113" s="35">
        <v>2</v>
      </c>
      <c r="C113" s="13">
        <v>10</v>
      </c>
      <c r="D113" s="12">
        <v>12</v>
      </c>
    </row>
    <row r="114" spans="1:4" ht="18" customHeight="1" x14ac:dyDescent="0.2">
      <c r="A114" s="8" t="s">
        <v>6</v>
      </c>
      <c r="B114" s="35">
        <v>20</v>
      </c>
      <c r="C114" s="13">
        <v>29</v>
      </c>
      <c r="D114" s="12">
        <v>49</v>
      </c>
    </row>
    <row r="115" spans="1:4" ht="18" customHeight="1" x14ac:dyDescent="0.2">
      <c r="A115" s="8">
        <v>90</v>
      </c>
      <c r="B115" s="35">
        <v>3</v>
      </c>
      <c r="C115" s="13">
        <v>8</v>
      </c>
      <c r="D115" s="12">
        <v>11</v>
      </c>
    </row>
    <row r="116" spans="1:4" ht="18" customHeight="1" x14ac:dyDescent="0.2">
      <c r="A116" s="8">
        <v>91</v>
      </c>
      <c r="B116" s="35">
        <v>1</v>
      </c>
      <c r="C116" s="13">
        <v>4</v>
      </c>
      <c r="D116" s="12">
        <v>5</v>
      </c>
    </row>
    <row r="117" spans="1:4" ht="18" customHeight="1" x14ac:dyDescent="0.2">
      <c r="A117" s="8">
        <v>92</v>
      </c>
      <c r="B117" s="35">
        <v>1</v>
      </c>
      <c r="C117" s="13">
        <v>6</v>
      </c>
      <c r="D117" s="12">
        <v>7</v>
      </c>
    </row>
    <row r="118" spans="1:4" ht="18" customHeight="1" x14ac:dyDescent="0.2">
      <c r="A118" s="8">
        <v>93</v>
      </c>
      <c r="B118" s="35">
        <v>1</v>
      </c>
      <c r="C118" s="13">
        <v>2</v>
      </c>
      <c r="D118" s="12">
        <v>3</v>
      </c>
    </row>
    <row r="119" spans="1:4" ht="18" customHeight="1" x14ac:dyDescent="0.2">
      <c r="A119" s="8">
        <v>94</v>
      </c>
      <c r="B119" s="35">
        <v>2</v>
      </c>
      <c r="C119" s="13">
        <v>3</v>
      </c>
      <c r="D119" s="12">
        <v>5</v>
      </c>
    </row>
    <row r="120" spans="1:4" ht="18" customHeight="1" x14ac:dyDescent="0.2">
      <c r="A120" s="8" t="s">
        <v>5</v>
      </c>
      <c r="B120" s="35">
        <v>8</v>
      </c>
      <c r="C120" s="13">
        <v>23</v>
      </c>
      <c r="D120" s="12">
        <v>31</v>
      </c>
    </row>
    <row r="121" spans="1:4" ht="18" customHeight="1" x14ac:dyDescent="0.2">
      <c r="A121" s="8">
        <v>95</v>
      </c>
      <c r="B121" s="35">
        <v>1</v>
      </c>
      <c r="C121" s="13">
        <v>4</v>
      </c>
      <c r="D121" s="12">
        <v>5</v>
      </c>
    </row>
    <row r="122" spans="1:4" ht="18" customHeight="1" x14ac:dyDescent="0.2">
      <c r="A122" s="8">
        <v>96</v>
      </c>
      <c r="B122" s="35">
        <v>0</v>
      </c>
      <c r="C122" s="13">
        <v>0</v>
      </c>
      <c r="D122" s="12">
        <v>0</v>
      </c>
    </row>
    <row r="123" spans="1:4" ht="18" customHeight="1" x14ac:dyDescent="0.2">
      <c r="A123" s="8">
        <v>97</v>
      </c>
      <c r="B123" s="35">
        <v>0</v>
      </c>
      <c r="C123" s="13">
        <v>3</v>
      </c>
      <c r="D123" s="12">
        <v>3</v>
      </c>
    </row>
    <row r="124" spans="1:4" ht="18" customHeight="1" x14ac:dyDescent="0.2">
      <c r="A124" s="8">
        <v>98</v>
      </c>
      <c r="B124" s="35">
        <v>0</v>
      </c>
      <c r="C124" s="13">
        <v>0</v>
      </c>
      <c r="D124" s="12">
        <v>0</v>
      </c>
    </row>
    <row r="125" spans="1:4" ht="18" customHeight="1" x14ac:dyDescent="0.2">
      <c r="A125" s="8">
        <v>99</v>
      </c>
      <c r="B125" s="35">
        <v>0</v>
      </c>
      <c r="C125" s="13">
        <v>0</v>
      </c>
      <c r="D125" s="12">
        <v>0</v>
      </c>
    </row>
    <row r="126" spans="1:4" ht="18" customHeight="1" x14ac:dyDescent="0.2">
      <c r="A126" s="8" t="s">
        <v>4</v>
      </c>
      <c r="B126" s="35">
        <v>1</v>
      </c>
      <c r="C126" s="13">
        <v>7</v>
      </c>
      <c r="D126" s="12">
        <v>8</v>
      </c>
    </row>
    <row r="127" spans="1:4" ht="18" customHeight="1" x14ac:dyDescent="0.2">
      <c r="A127" s="8">
        <v>100</v>
      </c>
      <c r="B127" s="35">
        <v>0</v>
      </c>
      <c r="C127" s="13">
        <v>1</v>
      </c>
      <c r="D127" s="12">
        <v>1</v>
      </c>
    </row>
    <row r="128" spans="1:4" ht="18" customHeight="1" x14ac:dyDescent="0.2">
      <c r="A128" s="15" t="s">
        <v>3</v>
      </c>
      <c r="B128" s="35">
        <v>1</v>
      </c>
      <c r="C128" s="13">
        <v>1</v>
      </c>
      <c r="D128" s="12">
        <v>2</v>
      </c>
    </row>
    <row r="129" spans="1:4" ht="18" customHeight="1" x14ac:dyDescent="0.2">
      <c r="A129" s="8" t="s">
        <v>2</v>
      </c>
      <c r="B129" s="35">
        <v>1</v>
      </c>
      <c r="C129" s="13">
        <v>2</v>
      </c>
      <c r="D129" s="12">
        <v>3</v>
      </c>
    </row>
    <row r="130" spans="1:4" ht="18" customHeight="1" x14ac:dyDescent="0.2">
      <c r="A130" s="8" t="s">
        <v>1</v>
      </c>
      <c r="B130" s="28">
        <v>196</v>
      </c>
      <c r="C130" s="6">
        <v>239</v>
      </c>
      <c r="D130" s="5">
        <v>435</v>
      </c>
    </row>
    <row r="131" spans="1:4" ht="18" customHeight="1" x14ac:dyDescent="0.2">
      <c r="A131" s="4" t="s">
        <v>0</v>
      </c>
      <c r="B131" s="27">
        <v>520</v>
      </c>
      <c r="C131" s="2">
        <v>593</v>
      </c>
      <c r="D131" s="1">
        <v>1113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14103D0-2285-4728-A399-CEB565FD2069}">
  <sheetPr codeName="Sheet1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36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11</v>
      </c>
      <c r="C5" s="18">
        <v>10</v>
      </c>
      <c r="D5" s="17">
        <v>21</v>
      </c>
    </row>
    <row r="6" spans="1:4" ht="18" customHeight="1" x14ac:dyDescent="0.2">
      <c r="A6" s="16">
        <v>1</v>
      </c>
      <c r="B6" s="29">
        <v>20</v>
      </c>
      <c r="C6" s="10">
        <v>13</v>
      </c>
      <c r="D6" s="9">
        <v>33</v>
      </c>
    </row>
    <row r="7" spans="1:4" ht="18" customHeight="1" x14ac:dyDescent="0.2">
      <c r="A7" s="16">
        <v>2</v>
      </c>
      <c r="B7" s="29">
        <v>22</v>
      </c>
      <c r="C7" s="10">
        <v>10</v>
      </c>
      <c r="D7" s="9">
        <v>32</v>
      </c>
    </row>
    <row r="8" spans="1:4" ht="18" customHeight="1" x14ac:dyDescent="0.2">
      <c r="A8" s="16">
        <v>3</v>
      </c>
      <c r="B8" s="29">
        <v>22</v>
      </c>
      <c r="C8" s="10">
        <v>18</v>
      </c>
      <c r="D8" s="9">
        <v>40</v>
      </c>
    </row>
    <row r="9" spans="1:4" ht="18" customHeight="1" x14ac:dyDescent="0.2">
      <c r="A9" s="16">
        <v>4</v>
      </c>
      <c r="B9" s="29">
        <v>23</v>
      </c>
      <c r="C9" s="10">
        <v>21</v>
      </c>
      <c r="D9" s="9">
        <v>44</v>
      </c>
    </row>
    <row r="10" spans="1:4" ht="18" customHeight="1" x14ac:dyDescent="0.2">
      <c r="A10" s="8" t="s">
        <v>25</v>
      </c>
      <c r="B10" s="29">
        <v>98</v>
      </c>
      <c r="C10" s="10">
        <v>72</v>
      </c>
      <c r="D10" s="9">
        <v>170</v>
      </c>
    </row>
    <row r="11" spans="1:4" ht="18" customHeight="1" x14ac:dyDescent="0.2">
      <c r="A11" s="16">
        <v>5</v>
      </c>
      <c r="B11" s="29">
        <v>20</v>
      </c>
      <c r="C11" s="10">
        <v>18</v>
      </c>
      <c r="D11" s="9">
        <v>38</v>
      </c>
    </row>
    <row r="12" spans="1:4" ht="18" customHeight="1" x14ac:dyDescent="0.2">
      <c r="A12" s="16">
        <v>6</v>
      </c>
      <c r="B12" s="29">
        <v>12</v>
      </c>
      <c r="C12" s="10">
        <v>23</v>
      </c>
      <c r="D12" s="9">
        <v>35</v>
      </c>
    </row>
    <row r="13" spans="1:4" ht="18" customHeight="1" x14ac:dyDescent="0.2">
      <c r="A13" s="16">
        <v>7</v>
      </c>
      <c r="B13" s="29">
        <v>15</v>
      </c>
      <c r="C13" s="10">
        <v>16</v>
      </c>
      <c r="D13" s="9">
        <v>31</v>
      </c>
    </row>
    <row r="14" spans="1:4" ht="18" customHeight="1" x14ac:dyDescent="0.2">
      <c r="A14" s="16">
        <v>8</v>
      </c>
      <c r="B14" s="29">
        <v>15</v>
      </c>
      <c r="C14" s="10">
        <v>17</v>
      </c>
      <c r="D14" s="9">
        <v>32</v>
      </c>
    </row>
    <row r="15" spans="1:4" ht="18" customHeight="1" x14ac:dyDescent="0.2">
      <c r="A15" s="16">
        <v>9</v>
      </c>
      <c r="B15" s="29">
        <v>19</v>
      </c>
      <c r="C15" s="10">
        <v>16</v>
      </c>
      <c r="D15" s="9">
        <v>35</v>
      </c>
    </row>
    <row r="16" spans="1:4" ht="18" customHeight="1" x14ac:dyDescent="0.2">
      <c r="A16" s="8" t="s">
        <v>24</v>
      </c>
      <c r="B16" s="29">
        <v>81</v>
      </c>
      <c r="C16" s="10">
        <v>90</v>
      </c>
      <c r="D16" s="9">
        <v>171</v>
      </c>
    </row>
    <row r="17" spans="1:4" ht="18" customHeight="1" x14ac:dyDescent="0.2">
      <c r="A17" s="16">
        <v>10</v>
      </c>
      <c r="B17" s="29">
        <v>18</v>
      </c>
      <c r="C17" s="10">
        <v>16</v>
      </c>
      <c r="D17" s="9">
        <v>34</v>
      </c>
    </row>
    <row r="18" spans="1:4" ht="18" customHeight="1" x14ac:dyDescent="0.2">
      <c r="A18" s="16">
        <v>11</v>
      </c>
      <c r="B18" s="29">
        <v>14</v>
      </c>
      <c r="C18" s="10">
        <v>24</v>
      </c>
      <c r="D18" s="9">
        <v>38</v>
      </c>
    </row>
    <row r="19" spans="1:4" ht="18" customHeight="1" x14ac:dyDescent="0.2">
      <c r="A19" s="16">
        <v>12</v>
      </c>
      <c r="B19" s="29">
        <v>19</v>
      </c>
      <c r="C19" s="10">
        <v>17</v>
      </c>
      <c r="D19" s="9">
        <v>36</v>
      </c>
    </row>
    <row r="20" spans="1:4" ht="18" customHeight="1" x14ac:dyDescent="0.2">
      <c r="A20" s="16">
        <v>13</v>
      </c>
      <c r="B20" s="29">
        <v>16</v>
      </c>
      <c r="C20" s="10">
        <v>12</v>
      </c>
      <c r="D20" s="9">
        <v>28</v>
      </c>
    </row>
    <row r="21" spans="1:4" ht="18" customHeight="1" x14ac:dyDescent="0.2">
      <c r="A21" s="16">
        <v>14</v>
      </c>
      <c r="B21" s="29">
        <v>19</v>
      </c>
      <c r="C21" s="10">
        <v>15</v>
      </c>
      <c r="D21" s="9">
        <v>34</v>
      </c>
    </row>
    <row r="22" spans="1:4" ht="18" customHeight="1" x14ac:dyDescent="0.2">
      <c r="A22" s="8" t="s">
        <v>23</v>
      </c>
      <c r="B22" s="29">
        <v>86</v>
      </c>
      <c r="C22" s="10">
        <v>84</v>
      </c>
      <c r="D22" s="9">
        <v>170</v>
      </c>
    </row>
    <row r="23" spans="1:4" ht="18" customHeight="1" x14ac:dyDescent="0.2">
      <c r="A23" s="8" t="s">
        <v>22</v>
      </c>
      <c r="B23" s="29">
        <v>265</v>
      </c>
      <c r="C23" s="10">
        <v>246</v>
      </c>
      <c r="D23" s="9">
        <v>511</v>
      </c>
    </row>
    <row r="24" spans="1:4" ht="18" customHeight="1" x14ac:dyDescent="0.2">
      <c r="A24" s="16">
        <v>15</v>
      </c>
      <c r="B24" s="29">
        <v>9</v>
      </c>
      <c r="C24" s="10">
        <v>24</v>
      </c>
      <c r="D24" s="9">
        <v>33</v>
      </c>
    </row>
    <row r="25" spans="1:4" ht="18" customHeight="1" x14ac:dyDescent="0.2">
      <c r="A25" s="16">
        <v>16</v>
      </c>
      <c r="B25" s="29">
        <v>21</v>
      </c>
      <c r="C25" s="10">
        <v>19</v>
      </c>
      <c r="D25" s="9">
        <v>40</v>
      </c>
    </row>
    <row r="26" spans="1:4" ht="18" customHeight="1" x14ac:dyDescent="0.2">
      <c r="A26" s="16">
        <v>17</v>
      </c>
      <c r="B26" s="29">
        <v>20</v>
      </c>
      <c r="C26" s="10">
        <v>19</v>
      </c>
      <c r="D26" s="9">
        <v>39</v>
      </c>
    </row>
    <row r="27" spans="1:4" ht="18" customHeight="1" x14ac:dyDescent="0.2">
      <c r="A27" s="16">
        <v>18</v>
      </c>
      <c r="B27" s="29">
        <v>21</v>
      </c>
      <c r="C27" s="10">
        <v>17</v>
      </c>
      <c r="D27" s="9">
        <v>38</v>
      </c>
    </row>
    <row r="28" spans="1:4" ht="18" customHeight="1" x14ac:dyDescent="0.2">
      <c r="A28" s="16">
        <v>19</v>
      </c>
      <c r="B28" s="29">
        <v>21</v>
      </c>
      <c r="C28" s="10">
        <v>19</v>
      </c>
      <c r="D28" s="9">
        <v>40</v>
      </c>
    </row>
    <row r="29" spans="1:4" ht="18" customHeight="1" x14ac:dyDescent="0.2">
      <c r="A29" s="8" t="s">
        <v>21</v>
      </c>
      <c r="B29" s="29">
        <v>92</v>
      </c>
      <c r="C29" s="10">
        <v>98</v>
      </c>
      <c r="D29" s="9">
        <v>190</v>
      </c>
    </row>
    <row r="30" spans="1:4" ht="18" customHeight="1" x14ac:dyDescent="0.2">
      <c r="A30" s="16">
        <v>20</v>
      </c>
      <c r="B30" s="29">
        <v>17</v>
      </c>
      <c r="C30" s="10">
        <v>21</v>
      </c>
      <c r="D30" s="9">
        <v>38</v>
      </c>
    </row>
    <row r="31" spans="1:4" ht="18" customHeight="1" x14ac:dyDescent="0.2">
      <c r="A31" s="16">
        <v>21</v>
      </c>
      <c r="B31" s="29">
        <v>24</v>
      </c>
      <c r="C31" s="10">
        <v>27</v>
      </c>
      <c r="D31" s="9">
        <v>51</v>
      </c>
    </row>
    <row r="32" spans="1:4" ht="18" customHeight="1" x14ac:dyDescent="0.2">
      <c r="A32" s="16">
        <v>22</v>
      </c>
      <c r="B32" s="29">
        <v>31</v>
      </c>
      <c r="C32" s="10">
        <v>19</v>
      </c>
      <c r="D32" s="9">
        <v>50</v>
      </c>
    </row>
    <row r="33" spans="1:4" ht="18" customHeight="1" x14ac:dyDescent="0.2">
      <c r="A33" s="16">
        <v>23</v>
      </c>
      <c r="B33" s="29">
        <v>22</v>
      </c>
      <c r="C33" s="10">
        <v>20</v>
      </c>
      <c r="D33" s="9">
        <v>42</v>
      </c>
    </row>
    <row r="34" spans="1:4" ht="18" customHeight="1" x14ac:dyDescent="0.2">
      <c r="A34" s="16">
        <v>24</v>
      </c>
      <c r="B34" s="29">
        <v>36</v>
      </c>
      <c r="C34" s="10">
        <v>25</v>
      </c>
      <c r="D34" s="9">
        <v>61</v>
      </c>
    </row>
    <row r="35" spans="1:4" ht="18" customHeight="1" x14ac:dyDescent="0.2">
      <c r="A35" s="8" t="s">
        <v>20</v>
      </c>
      <c r="B35" s="29">
        <v>130</v>
      </c>
      <c r="C35" s="10">
        <v>112</v>
      </c>
      <c r="D35" s="9">
        <v>242</v>
      </c>
    </row>
    <row r="36" spans="1:4" ht="18" customHeight="1" x14ac:dyDescent="0.2">
      <c r="A36" s="16">
        <v>25</v>
      </c>
      <c r="B36" s="29">
        <v>46</v>
      </c>
      <c r="C36" s="10">
        <v>15</v>
      </c>
      <c r="D36" s="9">
        <v>61</v>
      </c>
    </row>
    <row r="37" spans="1:4" ht="18" customHeight="1" x14ac:dyDescent="0.2">
      <c r="A37" s="16">
        <v>26</v>
      </c>
      <c r="B37" s="29">
        <v>42</v>
      </c>
      <c r="C37" s="10">
        <v>24</v>
      </c>
      <c r="D37" s="9">
        <v>66</v>
      </c>
    </row>
    <row r="38" spans="1:4" ht="18" customHeight="1" x14ac:dyDescent="0.2">
      <c r="A38" s="16">
        <v>27</v>
      </c>
      <c r="B38" s="29">
        <v>36</v>
      </c>
      <c r="C38" s="10">
        <v>24</v>
      </c>
      <c r="D38" s="9">
        <v>60</v>
      </c>
    </row>
    <row r="39" spans="1:4" ht="18" customHeight="1" x14ac:dyDescent="0.2">
      <c r="A39" s="16">
        <v>28</v>
      </c>
      <c r="B39" s="29">
        <v>38</v>
      </c>
      <c r="C39" s="10">
        <v>20</v>
      </c>
      <c r="D39" s="9">
        <v>58</v>
      </c>
    </row>
    <row r="40" spans="1:4" ht="18" customHeight="1" x14ac:dyDescent="0.2">
      <c r="A40" s="16">
        <v>29</v>
      </c>
      <c r="B40" s="29">
        <v>26</v>
      </c>
      <c r="C40" s="10">
        <v>21</v>
      </c>
      <c r="D40" s="9">
        <v>47</v>
      </c>
    </row>
    <row r="41" spans="1:4" ht="18" customHeight="1" x14ac:dyDescent="0.2">
      <c r="A41" s="8" t="s">
        <v>19</v>
      </c>
      <c r="B41" s="29">
        <v>188</v>
      </c>
      <c r="C41" s="10">
        <v>104</v>
      </c>
      <c r="D41" s="9">
        <v>292</v>
      </c>
    </row>
    <row r="42" spans="1:4" ht="18" customHeight="1" x14ac:dyDescent="0.2">
      <c r="A42" s="16">
        <v>30</v>
      </c>
      <c r="B42" s="29">
        <v>30</v>
      </c>
      <c r="C42" s="10">
        <v>26</v>
      </c>
      <c r="D42" s="9">
        <v>56</v>
      </c>
    </row>
    <row r="43" spans="1:4" ht="18" customHeight="1" x14ac:dyDescent="0.2">
      <c r="A43" s="16">
        <v>31</v>
      </c>
      <c r="B43" s="29">
        <v>25</v>
      </c>
      <c r="C43" s="10">
        <v>17</v>
      </c>
      <c r="D43" s="9">
        <v>42</v>
      </c>
    </row>
    <row r="44" spans="1:4" ht="18" customHeight="1" x14ac:dyDescent="0.2">
      <c r="A44" s="16">
        <v>32</v>
      </c>
      <c r="B44" s="29">
        <v>28</v>
      </c>
      <c r="C44" s="10">
        <v>31</v>
      </c>
      <c r="D44" s="9">
        <v>59</v>
      </c>
    </row>
    <row r="45" spans="1:4" ht="18" customHeight="1" x14ac:dyDescent="0.2">
      <c r="A45" s="16">
        <v>33</v>
      </c>
      <c r="B45" s="29">
        <v>26</v>
      </c>
      <c r="C45" s="10">
        <v>28</v>
      </c>
      <c r="D45" s="9">
        <v>54</v>
      </c>
    </row>
    <row r="46" spans="1:4" ht="18" customHeight="1" x14ac:dyDescent="0.2">
      <c r="A46" s="16">
        <v>34</v>
      </c>
      <c r="B46" s="29">
        <v>30</v>
      </c>
      <c r="C46" s="10">
        <v>25</v>
      </c>
      <c r="D46" s="9">
        <v>55</v>
      </c>
    </row>
    <row r="47" spans="1:4" ht="18" customHeight="1" x14ac:dyDescent="0.2">
      <c r="A47" s="8" t="s">
        <v>18</v>
      </c>
      <c r="B47" s="29">
        <v>139</v>
      </c>
      <c r="C47" s="10">
        <v>127</v>
      </c>
      <c r="D47" s="9">
        <v>266</v>
      </c>
    </row>
    <row r="48" spans="1:4" ht="18" customHeight="1" x14ac:dyDescent="0.2">
      <c r="A48" s="16">
        <v>35</v>
      </c>
      <c r="B48" s="29">
        <v>34</v>
      </c>
      <c r="C48" s="10">
        <v>21</v>
      </c>
      <c r="D48" s="9">
        <v>55</v>
      </c>
    </row>
    <row r="49" spans="1:4" ht="18" customHeight="1" x14ac:dyDescent="0.2">
      <c r="A49" s="16">
        <v>36</v>
      </c>
      <c r="B49" s="29">
        <v>34</v>
      </c>
      <c r="C49" s="10">
        <v>41</v>
      </c>
      <c r="D49" s="9">
        <v>75</v>
      </c>
    </row>
    <row r="50" spans="1:4" ht="18" customHeight="1" x14ac:dyDescent="0.2">
      <c r="A50" s="16">
        <v>37</v>
      </c>
      <c r="B50" s="29">
        <v>26</v>
      </c>
      <c r="C50" s="10">
        <v>24</v>
      </c>
      <c r="D50" s="9">
        <v>50</v>
      </c>
    </row>
    <row r="51" spans="1:4" ht="18" customHeight="1" x14ac:dyDescent="0.2">
      <c r="A51" s="16">
        <v>38</v>
      </c>
      <c r="B51" s="29">
        <v>21</v>
      </c>
      <c r="C51" s="10">
        <v>28</v>
      </c>
      <c r="D51" s="9">
        <v>49</v>
      </c>
    </row>
    <row r="52" spans="1:4" ht="18" customHeight="1" x14ac:dyDescent="0.2">
      <c r="A52" s="16">
        <v>39</v>
      </c>
      <c r="B52" s="29">
        <v>37</v>
      </c>
      <c r="C52" s="10">
        <v>33</v>
      </c>
      <c r="D52" s="9">
        <v>70</v>
      </c>
    </row>
    <row r="53" spans="1:4" ht="18" customHeight="1" x14ac:dyDescent="0.2">
      <c r="A53" s="8" t="s">
        <v>17</v>
      </c>
      <c r="B53" s="29">
        <v>152</v>
      </c>
      <c r="C53" s="10">
        <v>147</v>
      </c>
      <c r="D53" s="9">
        <v>299</v>
      </c>
    </row>
    <row r="54" spans="1:4" ht="18" customHeight="1" x14ac:dyDescent="0.2">
      <c r="A54" s="16">
        <v>40</v>
      </c>
      <c r="B54" s="29">
        <v>37</v>
      </c>
      <c r="C54" s="10">
        <v>24</v>
      </c>
      <c r="D54" s="9">
        <v>61</v>
      </c>
    </row>
    <row r="55" spans="1:4" ht="18" customHeight="1" x14ac:dyDescent="0.2">
      <c r="A55" s="16">
        <v>41</v>
      </c>
      <c r="B55" s="29">
        <v>31</v>
      </c>
      <c r="C55" s="10">
        <v>40</v>
      </c>
      <c r="D55" s="9">
        <v>71</v>
      </c>
    </row>
    <row r="56" spans="1:4" ht="18" customHeight="1" x14ac:dyDescent="0.2">
      <c r="A56" s="16">
        <v>42</v>
      </c>
      <c r="B56" s="29">
        <v>24</v>
      </c>
      <c r="C56" s="10">
        <v>28</v>
      </c>
      <c r="D56" s="9">
        <v>52</v>
      </c>
    </row>
    <row r="57" spans="1:4" ht="18" customHeight="1" x14ac:dyDescent="0.2">
      <c r="A57" s="16">
        <v>43</v>
      </c>
      <c r="B57" s="29">
        <v>37</v>
      </c>
      <c r="C57" s="10">
        <v>36</v>
      </c>
      <c r="D57" s="9">
        <v>73</v>
      </c>
    </row>
    <row r="58" spans="1:4" ht="18" customHeight="1" x14ac:dyDescent="0.2">
      <c r="A58" s="16">
        <v>44</v>
      </c>
      <c r="B58" s="29">
        <v>43</v>
      </c>
      <c r="C58" s="10">
        <v>45</v>
      </c>
      <c r="D58" s="9">
        <v>88</v>
      </c>
    </row>
    <row r="59" spans="1:4" ht="18" customHeight="1" x14ac:dyDescent="0.2">
      <c r="A59" s="8" t="s">
        <v>16</v>
      </c>
      <c r="B59" s="29">
        <v>172</v>
      </c>
      <c r="C59" s="10">
        <v>173</v>
      </c>
      <c r="D59" s="9">
        <v>345</v>
      </c>
    </row>
    <row r="60" spans="1:4" ht="18" customHeight="1" x14ac:dyDescent="0.2">
      <c r="A60" s="16">
        <v>45</v>
      </c>
      <c r="B60" s="29">
        <v>43</v>
      </c>
      <c r="C60" s="10">
        <v>37</v>
      </c>
      <c r="D60" s="9">
        <v>80</v>
      </c>
    </row>
    <row r="61" spans="1:4" ht="18" customHeight="1" x14ac:dyDescent="0.2">
      <c r="A61" s="16">
        <v>46</v>
      </c>
      <c r="B61" s="29">
        <v>40</v>
      </c>
      <c r="C61" s="10">
        <v>37</v>
      </c>
      <c r="D61" s="9">
        <v>77</v>
      </c>
    </row>
    <row r="62" spans="1:4" ht="18" customHeight="1" x14ac:dyDescent="0.2">
      <c r="A62" s="16">
        <v>47</v>
      </c>
      <c r="B62" s="29">
        <v>48</v>
      </c>
      <c r="C62" s="10">
        <v>37</v>
      </c>
      <c r="D62" s="9">
        <v>85</v>
      </c>
    </row>
    <row r="63" spans="1:4" ht="18" customHeight="1" x14ac:dyDescent="0.2">
      <c r="A63" s="16">
        <v>48</v>
      </c>
      <c r="B63" s="29">
        <v>35</v>
      </c>
      <c r="C63" s="10">
        <v>45</v>
      </c>
      <c r="D63" s="9">
        <v>80</v>
      </c>
    </row>
    <row r="64" spans="1:4" ht="18" customHeight="1" x14ac:dyDescent="0.2">
      <c r="A64" s="16">
        <v>49</v>
      </c>
      <c r="B64" s="29">
        <v>35</v>
      </c>
      <c r="C64" s="10">
        <v>37</v>
      </c>
      <c r="D64" s="9">
        <v>72</v>
      </c>
    </row>
    <row r="65" spans="1:4" ht="18" customHeight="1" x14ac:dyDescent="0.2">
      <c r="A65" s="8" t="s">
        <v>15</v>
      </c>
      <c r="B65" s="29">
        <v>201</v>
      </c>
      <c r="C65" s="10">
        <v>193</v>
      </c>
      <c r="D65" s="9">
        <v>394</v>
      </c>
    </row>
    <row r="66" spans="1:4" ht="18" customHeight="1" x14ac:dyDescent="0.2">
      <c r="A66" s="16">
        <v>50</v>
      </c>
      <c r="B66" s="29">
        <v>48</v>
      </c>
      <c r="C66" s="10">
        <v>33</v>
      </c>
      <c r="D66" s="9">
        <v>81</v>
      </c>
    </row>
    <row r="67" spans="1:4" ht="18" customHeight="1" x14ac:dyDescent="0.2">
      <c r="A67" s="16">
        <v>51</v>
      </c>
      <c r="B67" s="29">
        <v>52</v>
      </c>
      <c r="C67" s="10">
        <v>52</v>
      </c>
      <c r="D67" s="9">
        <v>104</v>
      </c>
    </row>
    <row r="68" spans="1:4" ht="18" customHeight="1" x14ac:dyDescent="0.2">
      <c r="A68" s="16">
        <v>52</v>
      </c>
      <c r="B68" s="29">
        <v>49</v>
      </c>
      <c r="C68" s="10">
        <v>36</v>
      </c>
      <c r="D68" s="9">
        <v>85</v>
      </c>
    </row>
    <row r="69" spans="1:4" ht="18" customHeight="1" x14ac:dyDescent="0.2">
      <c r="A69" s="16">
        <v>53</v>
      </c>
      <c r="B69" s="29">
        <v>46</v>
      </c>
      <c r="C69" s="10">
        <v>35</v>
      </c>
      <c r="D69" s="9">
        <v>81</v>
      </c>
    </row>
    <row r="70" spans="1:4" ht="18" customHeight="1" x14ac:dyDescent="0.2">
      <c r="A70" s="16">
        <v>54</v>
      </c>
      <c r="B70" s="29">
        <v>44</v>
      </c>
      <c r="C70" s="10">
        <v>48</v>
      </c>
      <c r="D70" s="9">
        <v>92</v>
      </c>
    </row>
    <row r="71" spans="1:4" ht="18" customHeight="1" x14ac:dyDescent="0.2">
      <c r="A71" s="8" t="s">
        <v>14</v>
      </c>
      <c r="B71" s="29">
        <v>239</v>
      </c>
      <c r="C71" s="10">
        <v>204</v>
      </c>
      <c r="D71" s="9">
        <v>443</v>
      </c>
    </row>
    <row r="72" spans="1:4" ht="18" customHeight="1" x14ac:dyDescent="0.2">
      <c r="A72" s="16">
        <v>55</v>
      </c>
      <c r="B72" s="29">
        <v>57</v>
      </c>
      <c r="C72" s="10">
        <v>44</v>
      </c>
      <c r="D72" s="9">
        <v>101</v>
      </c>
    </row>
    <row r="73" spans="1:4" ht="18" customHeight="1" x14ac:dyDescent="0.2">
      <c r="A73" s="16">
        <v>56</v>
      </c>
      <c r="B73" s="29">
        <v>33</v>
      </c>
      <c r="C73" s="10">
        <v>37</v>
      </c>
      <c r="D73" s="9">
        <v>70</v>
      </c>
    </row>
    <row r="74" spans="1:4" ht="18" customHeight="1" x14ac:dyDescent="0.2">
      <c r="A74" s="16">
        <v>57</v>
      </c>
      <c r="B74" s="29">
        <v>34</v>
      </c>
      <c r="C74" s="10">
        <v>49</v>
      </c>
      <c r="D74" s="9">
        <v>83</v>
      </c>
    </row>
    <row r="75" spans="1:4" ht="18" customHeight="1" x14ac:dyDescent="0.2">
      <c r="A75" s="16">
        <v>58</v>
      </c>
      <c r="B75" s="29">
        <v>47</v>
      </c>
      <c r="C75" s="10">
        <v>42</v>
      </c>
      <c r="D75" s="9">
        <v>89</v>
      </c>
    </row>
    <row r="76" spans="1:4" ht="18" customHeight="1" x14ac:dyDescent="0.2">
      <c r="A76" s="16">
        <v>59</v>
      </c>
      <c r="B76" s="29">
        <v>46</v>
      </c>
      <c r="C76" s="10">
        <v>42</v>
      </c>
      <c r="D76" s="9">
        <v>88</v>
      </c>
    </row>
    <row r="77" spans="1:4" ht="18" customHeight="1" x14ac:dyDescent="0.2">
      <c r="A77" s="8" t="s">
        <v>13</v>
      </c>
      <c r="B77" s="29">
        <v>217</v>
      </c>
      <c r="C77" s="10">
        <v>214</v>
      </c>
      <c r="D77" s="9">
        <v>431</v>
      </c>
    </row>
    <row r="78" spans="1:4" ht="18" customHeight="1" x14ac:dyDescent="0.2">
      <c r="A78" s="16">
        <v>60</v>
      </c>
      <c r="B78" s="29">
        <v>43</v>
      </c>
      <c r="C78" s="10">
        <v>41</v>
      </c>
      <c r="D78" s="9">
        <v>84</v>
      </c>
    </row>
    <row r="79" spans="1:4" ht="18" customHeight="1" x14ac:dyDescent="0.2">
      <c r="A79" s="16">
        <v>61</v>
      </c>
      <c r="B79" s="29">
        <v>43</v>
      </c>
      <c r="C79" s="10">
        <v>47</v>
      </c>
      <c r="D79" s="9">
        <v>90</v>
      </c>
    </row>
    <row r="80" spans="1:4" ht="18" customHeight="1" x14ac:dyDescent="0.2">
      <c r="A80" s="16">
        <v>62</v>
      </c>
      <c r="B80" s="29">
        <v>36</v>
      </c>
      <c r="C80" s="10">
        <v>30</v>
      </c>
      <c r="D80" s="9">
        <v>66</v>
      </c>
    </row>
    <row r="81" spans="1:4" ht="18" customHeight="1" x14ac:dyDescent="0.2">
      <c r="A81" s="16">
        <v>63</v>
      </c>
      <c r="B81" s="29">
        <v>35</v>
      </c>
      <c r="C81" s="10">
        <v>42</v>
      </c>
      <c r="D81" s="9">
        <v>77</v>
      </c>
    </row>
    <row r="82" spans="1:4" ht="18" customHeight="1" x14ac:dyDescent="0.2">
      <c r="A82" s="16">
        <v>64</v>
      </c>
      <c r="B82" s="29">
        <v>41</v>
      </c>
      <c r="C82" s="10">
        <v>42</v>
      </c>
      <c r="D82" s="9">
        <v>83</v>
      </c>
    </row>
    <row r="83" spans="1:4" ht="18" customHeight="1" x14ac:dyDescent="0.2">
      <c r="A83" s="8" t="s">
        <v>12</v>
      </c>
      <c r="B83" s="29">
        <v>198</v>
      </c>
      <c r="C83" s="10">
        <v>202</v>
      </c>
      <c r="D83" s="9">
        <v>400</v>
      </c>
    </row>
    <row r="84" spans="1:4" ht="18" customHeight="1" x14ac:dyDescent="0.2">
      <c r="A84" s="8" t="s">
        <v>11</v>
      </c>
      <c r="B84" s="29">
        <v>1728</v>
      </c>
      <c r="C84" s="10">
        <v>1574</v>
      </c>
      <c r="D84" s="9">
        <v>3302</v>
      </c>
    </row>
    <row r="85" spans="1:4" ht="18" customHeight="1" x14ac:dyDescent="0.2">
      <c r="A85" s="16">
        <v>65</v>
      </c>
      <c r="B85" s="29">
        <v>36</v>
      </c>
      <c r="C85" s="10">
        <v>38</v>
      </c>
      <c r="D85" s="9">
        <v>74</v>
      </c>
    </row>
    <row r="86" spans="1:4" ht="18" customHeight="1" x14ac:dyDescent="0.2">
      <c r="A86" s="16">
        <v>66</v>
      </c>
      <c r="B86" s="29">
        <v>43</v>
      </c>
      <c r="C86" s="10">
        <v>37</v>
      </c>
      <c r="D86" s="9">
        <v>80</v>
      </c>
    </row>
    <row r="87" spans="1:4" ht="18" customHeight="1" x14ac:dyDescent="0.2">
      <c r="A87" s="16">
        <v>67</v>
      </c>
      <c r="B87" s="29">
        <v>40</v>
      </c>
      <c r="C87" s="10">
        <v>40</v>
      </c>
      <c r="D87" s="9">
        <v>80</v>
      </c>
    </row>
    <row r="88" spans="1:4" ht="18" customHeight="1" x14ac:dyDescent="0.2">
      <c r="A88" s="16">
        <v>68</v>
      </c>
      <c r="B88" s="29">
        <v>36</v>
      </c>
      <c r="C88" s="10">
        <v>47</v>
      </c>
      <c r="D88" s="9">
        <v>83</v>
      </c>
    </row>
    <row r="89" spans="1:4" ht="18" customHeight="1" x14ac:dyDescent="0.2">
      <c r="A89" s="16">
        <v>69</v>
      </c>
      <c r="B89" s="29">
        <v>19</v>
      </c>
      <c r="C89" s="10">
        <v>32</v>
      </c>
      <c r="D89" s="9">
        <v>51</v>
      </c>
    </row>
    <row r="90" spans="1:4" ht="18" customHeight="1" x14ac:dyDescent="0.2">
      <c r="A90" s="8" t="s">
        <v>10</v>
      </c>
      <c r="B90" s="29">
        <v>174</v>
      </c>
      <c r="C90" s="10">
        <v>194</v>
      </c>
      <c r="D90" s="9">
        <v>368</v>
      </c>
    </row>
    <row r="91" spans="1:4" ht="18" customHeight="1" x14ac:dyDescent="0.2">
      <c r="A91" s="16">
        <v>70</v>
      </c>
      <c r="B91" s="29">
        <v>40</v>
      </c>
      <c r="C91" s="10">
        <v>41</v>
      </c>
      <c r="D91" s="9">
        <v>81</v>
      </c>
    </row>
    <row r="92" spans="1:4" ht="18" customHeight="1" x14ac:dyDescent="0.2">
      <c r="A92" s="16">
        <v>71</v>
      </c>
      <c r="B92" s="29">
        <v>44</v>
      </c>
      <c r="C92" s="10">
        <v>40</v>
      </c>
      <c r="D92" s="9">
        <v>84</v>
      </c>
    </row>
    <row r="93" spans="1:4" ht="18" customHeight="1" x14ac:dyDescent="0.2">
      <c r="A93" s="16">
        <v>72</v>
      </c>
      <c r="B93" s="29">
        <v>35</v>
      </c>
      <c r="C93" s="10">
        <v>47</v>
      </c>
      <c r="D93" s="9">
        <v>82</v>
      </c>
    </row>
    <row r="94" spans="1:4" ht="18" customHeight="1" x14ac:dyDescent="0.2">
      <c r="A94" s="16">
        <v>73</v>
      </c>
      <c r="B94" s="29">
        <v>43</v>
      </c>
      <c r="C94" s="10">
        <v>46</v>
      </c>
      <c r="D94" s="9">
        <v>89</v>
      </c>
    </row>
    <row r="95" spans="1:4" ht="18" customHeight="1" x14ac:dyDescent="0.2">
      <c r="A95" s="16">
        <v>74</v>
      </c>
      <c r="B95" s="29">
        <v>62</v>
      </c>
      <c r="C95" s="10">
        <v>58</v>
      </c>
      <c r="D95" s="9">
        <v>120</v>
      </c>
    </row>
    <row r="96" spans="1:4" ht="18" customHeight="1" x14ac:dyDescent="0.2">
      <c r="A96" s="8" t="s">
        <v>9</v>
      </c>
      <c r="B96" s="29">
        <v>224</v>
      </c>
      <c r="C96" s="10">
        <v>232</v>
      </c>
      <c r="D96" s="9">
        <v>456</v>
      </c>
    </row>
    <row r="97" spans="1:4" ht="18" customHeight="1" x14ac:dyDescent="0.2">
      <c r="A97" s="16">
        <v>75</v>
      </c>
      <c r="B97" s="29">
        <v>52</v>
      </c>
      <c r="C97" s="10">
        <v>63</v>
      </c>
      <c r="D97" s="9">
        <v>115</v>
      </c>
    </row>
    <row r="98" spans="1:4" ht="18" customHeight="1" x14ac:dyDescent="0.2">
      <c r="A98" s="16">
        <v>76</v>
      </c>
      <c r="B98" s="29">
        <v>41</v>
      </c>
      <c r="C98" s="10">
        <v>66</v>
      </c>
      <c r="D98" s="9">
        <v>107</v>
      </c>
    </row>
    <row r="99" spans="1:4" ht="18" customHeight="1" x14ac:dyDescent="0.2">
      <c r="A99" s="16">
        <v>77</v>
      </c>
      <c r="B99" s="29">
        <v>25</v>
      </c>
      <c r="C99" s="10">
        <v>29</v>
      </c>
      <c r="D99" s="9">
        <v>54</v>
      </c>
    </row>
    <row r="100" spans="1:4" ht="18" customHeight="1" x14ac:dyDescent="0.2">
      <c r="A100" s="16">
        <v>78</v>
      </c>
      <c r="B100" s="29">
        <v>31</v>
      </c>
      <c r="C100" s="10">
        <v>41</v>
      </c>
      <c r="D100" s="9">
        <v>72</v>
      </c>
    </row>
    <row r="101" spans="1:4" ht="18" customHeight="1" x14ac:dyDescent="0.2">
      <c r="A101" s="16">
        <v>79</v>
      </c>
      <c r="B101" s="29">
        <v>33</v>
      </c>
      <c r="C101" s="10">
        <v>52</v>
      </c>
      <c r="D101" s="9">
        <v>85</v>
      </c>
    </row>
    <row r="102" spans="1:4" ht="18" customHeight="1" x14ac:dyDescent="0.2">
      <c r="A102" s="8" t="s">
        <v>8</v>
      </c>
      <c r="B102" s="29">
        <v>182</v>
      </c>
      <c r="C102" s="10">
        <v>251</v>
      </c>
      <c r="D102" s="9">
        <v>433</v>
      </c>
    </row>
    <row r="103" spans="1:4" ht="18" customHeight="1" x14ac:dyDescent="0.2">
      <c r="A103" s="16">
        <v>80</v>
      </c>
      <c r="B103" s="29">
        <v>40</v>
      </c>
      <c r="C103" s="10">
        <v>57</v>
      </c>
      <c r="D103" s="9">
        <v>97</v>
      </c>
    </row>
    <row r="104" spans="1:4" ht="18" customHeight="1" x14ac:dyDescent="0.2">
      <c r="A104" s="16">
        <v>81</v>
      </c>
      <c r="B104" s="29">
        <v>33</v>
      </c>
      <c r="C104" s="10">
        <v>59</v>
      </c>
      <c r="D104" s="9">
        <v>92</v>
      </c>
    </row>
    <row r="105" spans="1:4" ht="18" customHeight="1" x14ac:dyDescent="0.2">
      <c r="A105" s="16">
        <v>82</v>
      </c>
      <c r="B105" s="29">
        <v>33</v>
      </c>
      <c r="C105" s="10">
        <v>35</v>
      </c>
      <c r="D105" s="9">
        <v>68</v>
      </c>
    </row>
    <row r="106" spans="1:4" ht="18" customHeight="1" x14ac:dyDescent="0.2">
      <c r="A106" s="16">
        <v>83</v>
      </c>
      <c r="B106" s="29">
        <v>30</v>
      </c>
      <c r="C106" s="10">
        <v>36</v>
      </c>
      <c r="D106" s="9">
        <v>66</v>
      </c>
    </row>
    <row r="107" spans="1:4" ht="18" customHeight="1" x14ac:dyDescent="0.2">
      <c r="A107" s="16">
        <v>84</v>
      </c>
      <c r="B107" s="29">
        <v>15</v>
      </c>
      <c r="C107" s="10">
        <v>42</v>
      </c>
      <c r="D107" s="9">
        <v>57</v>
      </c>
    </row>
    <row r="108" spans="1:4" ht="18" customHeight="1" x14ac:dyDescent="0.2">
      <c r="A108" s="8" t="s">
        <v>7</v>
      </c>
      <c r="B108" s="29">
        <v>151</v>
      </c>
      <c r="C108" s="10">
        <v>229</v>
      </c>
      <c r="D108" s="9">
        <v>380</v>
      </c>
    </row>
    <row r="109" spans="1:4" ht="18" customHeight="1" x14ac:dyDescent="0.2">
      <c r="A109" s="16">
        <v>85</v>
      </c>
      <c r="B109" s="29">
        <v>17</v>
      </c>
      <c r="C109" s="10">
        <v>38</v>
      </c>
      <c r="D109" s="9">
        <v>55</v>
      </c>
    </row>
    <row r="110" spans="1:4" ht="18" customHeight="1" x14ac:dyDescent="0.2">
      <c r="A110" s="16">
        <v>86</v>
      </c>
      <c r="B110" s="29">
        <v>17</v>
      </c>
      <c r="C110" s="10">
        <v>34</v>
      </c>
      <c r="D110" s="9">
        <v>51</v>
      </c>
    </row>
    <row r="111" spans="1:4" ht="18" customHeight="1" x14ac:dyDescent="0.2">
      <c r="A111" s="16">
        <v>87</v>
      </c>
      <c r="B111" s="29">
        <v>23</v>
      </c>
      <c r="C111" s="10">
        <v>41</v>
      </c>
      <c r="D111" s="9">
        <v>64</v>
      </c>
    </row>
    <row r="112" spans="1:4" ht="18" customHeight="1" x14ac:dyDescent="0.2">
      <c r="A112" s="16">
        <v>88</v>
      </c>
      <c r="B112" s="29">
        <v>17</v>
      </c>
      <c r="C112" s="10">
        <v>35</v>
      </c>
      <c r="D112" s="9">
        <v>52</v>
      </c>
    </row>
    <row r="113" spans="1:4" ht="18" customHeight="1" x14ac:dyDescent="0.2">
      <c r="A113" s="16">
        <v>89</v>
      </c>
      <c r="B113" s="29">
        <v>17</v>
      </c>
      <c r="C113" s="10">
        <v>35</v>
      </c>
      <c r="D113" s="9">
        <v>52</v>
      </c>
    </row>
    <row r="114" spans="1:4" ht="18" customHeight="1" x14ac:dyDescent="0.2">
      <c r="A114" s="8" t="s">
        <v>6</v>
      </c>
      <c r="B114" s="29">
        <v>91</v>
      </c>
      <c r="C114" s="10">
        <v>183</v>
      </c>
      <c r="D114" s="9">
        <v>274</v>
      </c>
    </row>
    <row r="115" spans="1:4" ht="18" customHeight="1" x14ac:dyDescent="0.2">
      <c r="A115" s="16">
        <v>90</v>
      </c>
      <c r="B115" s="29">
        <v>9</v>
      </c>
      <c r="C115" s="10">
        <v>33</v>
      </c>
      <c r="D115" s="9">
        <v>42</v>
      </c>
    </row>
    <row r="116" spans="1:4" ht="18" customHeight="1" x14ac:dyDescent="0.2">
      <c r="A116" s="16">
        <v>91</v>
      </c>
      <c r="B116" s="29">
        <v>8</v>
      </c>
      <c r="C116" s="10">
        <v>21</v>
      </c>
      <c r="D116" s="9">
        <v>29</v>
      </c>
    </row>
    <row r="117" spans="1:4" ht="18" customHeight="1" x14ac:dyDescent="0.2">
      <c r="A117" s="16">
        <v>92</v>
      </c>
      <c r="B117" s="29">
        <v>6</v>
      </c>
      <c r="C117" s="10">
        <v>24</v>
      </c>
      <c r="D117" s="9">
        <v>30</v>
      </c>
    </row>
    <row r="118" spans="1:4" ht="18" customHeight="1" x14ac:dyDescent="0.2">
      <c r="A118" s="16">
        <v>93</v>
      </c>
      <c r="B118" s="29">
        <v>4</v>
      </c>
      <c r="C118" s="10">
        <v>21</v>
      </c>
      <c r="D118" s="9">
        <v>25</v>
      </c>
    </row>
    <row r="119" spans="1:4" ht="18" customHeight="1" x14ac:dyDescent="0.2">
      <c r="A119" s="16">
        <v>94</v>
      </c>
      <c r="B119" s="29">
        <v>6</v>
      </c>
      <c r="C119" s="10">
        <v>16</v>
      </c>
      <c r="D119" s="9">
        <v>22</v>
      </c>
    </row>
    <row r="120" spans="1:4" ht="18" customHeight="1" x14ac:dyDescent="0.2">
      <c r="A120" s="8" t="s">
        <v>5</v>
      </c>
      <c r="B120" s="29">
        <v>33</v>
      </c>
      <c r="C120" s="10">
        <v>115</v>
      </c>
      <c r="D120" s="9">
        <v>148</v>
      </c>
    </row>
    <row r="121" spans="1:4" ht="18" customHeight="1" x14ac:dyDescent="0.2">
      <c r="A121" s="16">
        <v>95</v>
      </c>
      <c r="B121" s="29">
        <v>5</v>
      </c>
      <c r="C121" s="10">
        <v>10</v>
      </c>
      <c r="D121" s="9">
        <v>15</v>
      </c>
    </row>
    <row r="122" spans="1:4" ht="18" customHeight="1" x14ac:dyDescent="0.2">
      <c r="A122" s="16">
        <v>96</v>
      </c>
      <c r="B122" s="29">
        <v>1</v>
      </c>
      <c r="C122" s="10">
        <v>13</v>
      </c>
      <c r="D122" s="9">
        <v>14</v>
      </c>
    </row>
    <row r="123" spans="1:4" ht="18" customHeight="1" x14ac:dyDescent="0.2">
      <c r="A123" s="16">
        <v>97</v>
      </c>
      <c r="B123" s="29">
        <v>2</v>
      </c>
      <c r="C123" s="10">
        <v>10</v>
      </c>
      <c r="D123" s="9">
        <v>12</v>
      </c>
    </row>
    <row r="124" spans="1:4" ht="18" customHeight="1" x14ac:dyDescent="0.2">
      <c r="A124" s="16">
        <v>98</v>
      </c>
      <c r="B124" s="29">
        <v>0</v>
      </c>
      <c r="C124" s="10">
        <v>6</v>
      </c>
      <c r="D124" s="9">
        <v>6</v>
      </c>
    </row>
    <row r="125" spans="1:4" ht="18" customHeight="1" x14ac:dyDescent="0.2">
      <c r="A125" s="16">
        <v>99</v>
      </c>
      <c r="B125" s="29">
        <v>1</v>
      </c>
      <c r="C125" s="10">
        <v>2</v>
      </c>
      <c r="D125" s="9">
        <v>3</v>
      </c>
    </row>
    <row r="126" spans="1:4" ht="18" customHeight="1" x14ac:dyDescent="0.2">
      <c r="A126" s="8" t="s">
        <v>4</v>
      </c>
      <c r="B126" s="29">
        <v>9</v>
      </c>
      <c r="C126" s="10">
        <v>41</v>
      </c>
      <c r="D126" s="9">
        <v>50</v>
      </c>
    </row>
    <row r="127" spans="1:4" ht="18" customHeight="1" x14ac:dyDescent="0.2">
      <c r="A127" s="16">
        <v>100</v>
      </c>
      <c r="B127" s="29">
        <v>0</v>
      </c>
      <c r="C127" s="10">
        <v>2</v>
      </c>
      <c r="D127" s="9">
        <v>2</v>
      </c>
    </row>
    <row r="128" spans="1:4" ht="18" customHeight="1" x14ac:dyDescent="0.2">
      <c r="A128" s="15" t="s">
        <v>3</v>
      </c>
      <c r="B128" s="29">
        <v>0</v>
      </c>
      <c r="C128" s="10">
        <v>2</v>
      </c>
      <c r="D128" s="9">
        <v>2</v>
      </c>
    </row>
    <row r="129" spans="1:4" ht="18" customHeight="1" x14ac:dyDescent="0.2">
      <c r="A129" s="8" t="s">
        <v>2</v>
      </c>
      <c r="B129" s="29">
        <v>0</v>
      </c>
      <c r="C129" s="10">
        <v>4</v>
      </c>
      <c r="D129" s="9">
        <v>4</v>
      </c>
    </row>
    <row r="130" spans="1:4" ht="18" customHeight="1" x14ac:dyDescent="0.2">
      <c r="A130" s="8" t="s">
        <v>1</v>
      </c>
      <c r="B130" s="28">
        <v>864</v>
      </c>
      <c r="C130" s="6">
        <v>1249</v>
      </c>
      <c r="D130" s="5">
        <v>2113</v>
      </c>
    </row>
    <row r="131" spans="1:4" ht="18" customHeight="1" x14ac:dyDescent="0.2">
      <c r="A131" s="4" t="s">
        <v>0</v>
      </c>
      <c r="B131" s="27">
        <v>2857</v>
      </c>
      <c r="C131" s="2">
        <v>3069</v>
      </c>
      <c r="D131" s="1">
        <v>592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D471B7F-78BC-41C3-A094-4F88A072B90D}">
  <sheetPr codeName="Sheet8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99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0</v>
      </c>
      <c r="C5" s="45">
        <v>0</v>
      </c>
      <c r="D5" s="44">
        <v>0</v>
      </c>
    </row>
    <row r="6" spans="1:4" ht="18" customHeight="1" x14ac:dyDescent="0.2">
      <c r="A6" s="8">
        <v>1</v>
      </c>
      <c r="B6" s="40">
        <v>0</v>
      </c>
      <c r="C6" s="13">
        <v>0</v>
      </c>
      <c r="D6" s="12">
        <v>0</v>
      </c>
    </row>
    <row r="7" spans="1:4" ht="18" customHeight="1" x14ac:dyDescent="0.2">
      <c r="A7" s="8">
        <v>2</v>
      </c>
      <c r="B7" s="40">
        <v>0</v>
      </c>
      <c r="C7" s="13">
        <v>0</v>
      </c>
      <c r="D7" s="12">
        <v>0</v>
      </c>
    </row>
    <row r="8" spans="1:4" ht="18" customHeight="1" x14ac:dyDescent="0.2">
      <c r="A8" s="8">
        <v>3</v>
      </c>
      <c r="B8" s="40">
        <v>0</v>
      </c>
      <c r="C8" s="13">
        <v>0</v>
      </c>
      <c r="D8" s="12">
        <v>0</v>
      </c>
    </row>
    <row r="9" spans="1:4" ht="18" customHeight="1" x14ac:dyDescent="0.2">
      <c r="A9" s="8">
        <v>4</v>
      </c>
      <c r="B9" s="43">
        <v>0</v>
      </c>
      <c r="C9" s="42">
        <v>1</v>
      </c>
      <c r="D9" s="41">
        <v>1</v>
      </c>
    </row>
    <row r="10" spans="1:4" ht="18" customHeight="1" x14ac:dyDescent="0.2">
      <c r="A10" s="8" t="s">
        <v>25</v>
      </c>
      <c r="B10" s="35">
        <v>0</v>
      </c>
      <c r="C10" s="13">
        <v>1</v>
      </c>
      <c r="D10" s="12">
        <v>1</v>
      </c>
    </row>
    <row r="11" spans="1:4" ht="18" customHeight="1" x14ac:dyDescent="0.2">
      <c r="A11" s="8">
        <v>5</v>
      </c>
      <c r="B11" s="40">
        <v>2</v>
      </c>
      <c r="C11" s="13">
        <v>0</v>
      </c>
      <c r="D11" s="12">
        <v>2</v>
      </c>
    </row>
    <row r="12" spans="1:4" ht="18" customHeight="1" x14ac:dyDescent="0.2">
      <c r="A12" s="8">
        <v>6</v>
      </c>
      <c r="B12" s="40">
        <v>0</v>
      </c>
      <c r="C12" s="13">
        <v>0</v>
      </c>
      <c r="D12" s="12">
        <v>0</v>
      </c>
    </row>
    <row r="13" spans="1:4" ht="18" customHeight="1" x14ac:dyDescent="0.2">
      <c r="A13" s="8">
        <v>7</v>
      </c>
      <c r="B13" s="40">
        <v>0</v>
      </c>
      <c r="C13" s="13">
        <v>1</v>
      </c>
      <c r="D13" s="12">
        <v>1</v>
      </c>
    </row>
    <row r="14" spans="1:4" ht="18" customHeight="1" x14ac:dyDescent="0.2">
      <c r="A14" s="8">
        <v>8</v>
      </c>
      <c r="B14" s="40">
        <v>0</v>
      </c>
      <c r="C14" s="13">
        <v>0</v>
      </c>
      <c r="D14" s="12">
        <v>0</v>
      </c>
    </row>
    <row r="15" spans="1:4" ht="18" customHeight="1" x14ac:dyDescent="0.2">
      <c r="A15" s="8">
        <v>9</v>
      </c>
      <c r="B15" s="40">
        <v>1</v>
      </c>
      <c r="C15" s="13">
        <v>1</v>
      </c>
      <c r="D15" s="12">
        <v>2</v>
      </c>
    </row>
    <row r="16" spans="1:4" ht="18" customHeight="1" x14ac:dyDescent="0.2">
      <c r="A16" s="8" t="s">
        <v>24</v>
      </c>
      <c r="B16" s="35">
        <v>3</v>
      </c>
      <c r="C16" s="13">
        <v>2</v>
      </c>
      <c r="D16" s="12">
        <v>5</v>
      </c>
    </row>
    <row r="17" spans="1:4" ht="18" customHeight="1" x14ac:dyDescent="0.2">
      <c r="A17" s="8">
        <v>10</v>
      </c>
      <c r="B17" s="35">
        <v>1</v>
      </c>
      <c r="C17" s="13">
        <v>0</v>
      </c>
      <c r="D17" s="12">
        <v>1</v>
      </c>
    </row>
    <row r="18" spans="1:4" ht="18" customHeight="1" x14ac:dyDescent="0.2">
      <c r="A18" s="8">
        <v>11</v>
      </c>
      <c r="B18" s="35">
        <v>4</v>
      </c>
      <c r="C18" s="13">
        <v>2</v>
      </c>
      <c r="D18" s="12">
        <v>6</v>
      </c>
    </row>
    <row r="19" spans="1:4" ht="18" customHeight="1" x14ac:dyDescent="0.2">
      <c r="A19" s="8">
        <v>12</v>
      </c>
      <c r="B19" s="35">
        <v>0</v>
      </c>
      <c r="C19" s="13">
        <v>1</v>
      </c>
      <c r="D19" s="12">
        <v>1</v>
      </c>
    </row>
    <row r="20" spans="1:4" ht="18" customHeight="1" x14ac:dyDescent="0.2">
      <c r="A20" s="8">
        <v>13</v>
      </c>
      <c r="B20" s="35">
        <v>1</v>
      </c>
      <c r="C20" s="13">
        <v>1</v>
      </c>
      <c r="D20" s="12">
        <v>2</v>
      </c>
    </row>
    <row r="21" spans="1:4" ht="18" customHeight="1" x14ac:dyDescent="0.2">
      <c r="A21" s="8">
        <v>14</v>
      </c>
      <c r="B21" s="35">
        <v>1</v>
      </c>
      <c r="C21" s="13">
        <v>1</v>
      </c>
      <c r="D21" s="12">
        <v>2</v>
      </c>
    </row>
    <row r="22" spans="1:4" ht="18" customHeight="1" x14ac:dyDescent="0.2">
      <c r="A22" s="8" t="s">
        <v>23</v>
      </c>
      <c r="B22" s="35">
        <v>7</v>
      </c>
      <c r="C22" s="13">
        <v>5</v>
      </c>
      <c r="D22" s="12">
        <v>12</v>
      </c>
    </row>
    <row r="23" spans="1:4" ht="18" customHeight="1" x14ac:dyDescent="0.2">
      <c r="A23" s="8" t="s">
        <v>22</v>
      </c>
      <c r="B23" s="35">
        <v>10</v>
      </c>
      <c r="C23" s="13">
        <v>8</v>
      </c>
      <c r="D23" s="12">
        <v>18</v>
      </c>
    </row>
    <row r="24" spans="1:4" ht="18" customHeight="1" x14ac:dyDescent="0.2">
      <c r="A24" s="8">
        <v>15</v>
      </c>
      <c r="B24" s="35">
        <v>2</v>
      </c>
      <c r="C24" s="13">
        <v>3</v>
      </c>
      <c r="D24" s="12">
        <v>5</v>
      </c>
    </row>
    <row r="25" spans="1:4" ht="18" customHeight="1" x14ac:dyDescent="0.2">
      <c r="A25" s="8">
        <v>16</v>
      </c>
      <c r="B25" s="35">
        <v>2</v>
      </c>
      <c r="C25" s="13">
        <v>1</v>
      </c>
      <c r="D25" s="12">
        <v>3</v>
      </c>
    </row>
    <row r="26" spans="1:4" ht="18" customHeight="1" x14ac:dyDescent="0.2">
      <c r="A26" s="8">
        <v>17</v>
      </c>
      <c r="B26" s="35">
        <v>1</v>
      </c>
      <c r="C26" s="13">
        <v>4</v>
      </c>
      <c r="D26" s="12">
        <v>5</v>
      </c>
    </row>
    <row r="27" spans="1:4" ht="18" customHeight="1" x14ac:dyDescent="0.2">
      <c r="A27" s="8">
        <v>18</v>
      </c>
      <c r="B27" s="35">
        <v>4</v>
      </c>
      <c r="C27" s="13">
        <v>0</v>
      </c>
      <c r="D27" s="12">
        <v>4</v>
      </c>
    </row>
    <row r="28" spans="1:4" ht="18" customHeight="1" x14ac:dyDescent="0.2">
      <c r="A28" s="8">
        <v>19</v>
      </c>
      <c r="B28" s="35">
        <v>3</v>
      </c>
      <c r="C28" s="13">
        <v>1</v>
      </c>
      <c r="D28" s="12">
        <v>4</v>
      </c>
    </row>
    <row r="29" spans="1:4" ht="18" customHeight="1" x14ac:dyDescent="0.2">
      <c r="A29" s="8" t="s">
        <v>21</v>
      </c>
      <c r="B29" s="35">
        <v>12</v>
      </c>
      <c r="C29" s="13">
        <v>9</v>
      </c>
      <c r="D29" s="12">
        <v>21</v>
      </c>
    </row>
    <row r="30" spans="1:4" ht="18" customHeight="1" x14ac:dyDescent="0.2">
      <c r="A30" s="8">
        <v>20</v>
      </c>
      <c r="B30" s="35">
        <v>0</v>
      </c>
      <c r="C30" s="13">
        <v>1</v>
      </c>
      <c r="D30" s="12">
        <v>1</v>
      </c>
    </row>
    <row r="31" spans="1:4" ht="18" customHeight="1" x14ac:dyDescent="0.2">
      <c r="A31" s="8">
        <v>21</v>
      </c>
      <c r="B31" s="35">
        <v>4</v>
      </c>
      <c r="C31" s="13">
        <v>4</v>
      </c>
      <c r="D31" s="12">
        <v>8</v>
      </c>
    </row>
    <row r="32" spans="1:4" ht="18" customHeight="1" x14ac:dyDescent="0.2">
      <c r="A32" s="8">
        <v>22</v>
      </c>
      <c r="B32" s="35">
        <v>2</v>
      </c>
      <c r="C32" s="13">
        <v>0</v>
      </c>
      <c r="D32" s="12">
        <v>2</v>
      </c>
    </row>
    <row r="33" spans="1:4" ht="18" customHeight="1" x14ac:dyDescent="0.2">
      <c r="A33" s="8">
        <v>23</v>
      </c>
      <c r="B33" s="35">
        <v>2</v>
      </c>
      <c r="C33" s="13">
        <v>3</v>
      </c>
      <c r="D33" s="12">
        <v>5</v>
      </c>
    </row>
    <row r="34" spans="1:4" ht="18" customHeight="1" x14ac:dyDescent="0.2">
      <c r="A34" s="8">
        <v>24</v>
      </c>
      <c r="B34" s="35">
        <v>6</v>
      </c>
      <c r="C34" s="13">
        <v>2</v>
      </c>
      <c r="D34" s="12">
        <v>8</v>
      </c>
    </row>
    <row r="35" spans="1:4" ht="18" customHeight="1" x14ac:dyDescent="0.2">
      <c r="A35" s="8" t="s">
        <v>20</v>
      </c>
      <c r="B35" s="35">
        <v>14</v>
      </c>
      <c r="C35" s="13">
        <v>10</v>
      </c>
      <c r="D35" s="12">
        <v>24</v>
      </c>
    </row>
    <row r="36" spans="1:4" ht="18" customHeight="1" x14ac:dyDescent="0.2">
      <c r="A36" s="8">
        <v>25</v>
      </c>
      <c r="B36" s="35">
        <v>1</v>
      </c>
      <c r="C36" s="13">
        <v>1</v>
      </c>
      <c r="D36" s="12">
        <v>2</v>
      </c>
    </row>
    <row r="37" spans="1:4" ht="18" customHeight="1" x14ac:dyDescent="0.2">
      <c r="A37" s="8">
        <v>26</v>
      </c>
      <c r="B37" s="35">
        <v>0</v>
      </c>
      <c r="C37" s="13">
        <v>2</v>
      </c>
      <c r="D37" s="12">
        <v>2</v>
      </c>
    </row>
    <row r="38" spans="1:4" ht="18" customHeight="1" x14ac:dyDescent="0.2">
      <c r="A38" s="8">
        <v>27</v>
      </c>
      <c r="B38" s="35">
        <v>0</v>
      </c>
      <c r="C38" s="13">
        <v>1</v>
      </c>
      <c r="D38" s="12">
        <v>1</v>
      </c>
    </row>
    <row r="39" spans="1:4" ht="18" customHeight="1" x14ac:dyDescent="0.2">
      <c r="A39" s="8">
        <v>28</v>
      </c>
      <c r="B39" s="35">
        <v>0</v>
      </c>
      <c r="C39" s="13">
        <v>3</v>
      </c>
      <c r="D39" s="12">
        <v>3</v>
      </c>
    </row>
    <row r="40" spans="1:4" ht="18" customHeight="1" x14ac:dyDescent="0.2">
      <c r="A40" s="8">
        <v>29</v>
      </c>
      <c r="B40" s="35">
        <v>4</v>
      </c>
      <c r="C40" s="13">
        <v>0</v>
      </c>
      <c r="D40" s="12">
        <v>4</v>
      </c>
    </row>
    <row r="41" spans="1:4" ht="18" customHeight="1" x14ac:dyDescent="0.2">
      <c r="A41" s="8" t="s">
        <v>19</v>
      </c>
      <c r="B41" s="35">
        <v>5</v>
      </c>
      <c r="C41" s="13">
        <v>7</v>
      </c>
      <c r="D41" s="12">
        <v>12</v>
      </c>
    </row>
    <row r="42" spans="1:4" ht="18" customHeight="1" x14ac:dyDescent="0.2">
      <c r="A42" s="8">
        <v>30</v>
      </c>
      <c r="B42" s="35">
        <v>1</v>
      </c>
      <c r="C42" s="13">
        <v>1</v>
      </c>
      <c r="D42" s="12">
        <v>2</v>
      </c>
    </row>
    <row r="43" spans="1:4" ht="18" customHeight="1" x14ac:dyDescent="0.2">
      <c r="A43" s="8">
        <v>31</v>
      </c>
      <c r="B43" s="35">
        <v>1</v>
      </c>
      <c r="C43" s="13">
        <v>2</v>
      </c>
      <c r="D43" s="12">
        <v>3</v>
      </c>
    </row>
    <row r="44" spans="1:4" ht="18" customHeight="1" x14ac:dyDescent="0.2">
      <c r="A44" s="8">
        <v>32</v>
      </c>
      <c r="B44" s="35">
        <v>0</v>
      </c>
      <c r="C44" s="13">
        <v>0</v>
      </c>
      <c r="D44" s="12">
        <v>0</v>
      </c>
    </row>
    <row r="45" spans="1:4" ht="18" customHeight="1" x14ac:dyDescent="0.2">
      <c r="A45" s="8">
        <v>33</v>
      </c>
      <c r="B45" s="35">
        <v>2</v>
      </c>
      <c r="C45" s="13">
        <v>1</v>
      </c>
      <c r="D45" s="12">
        <v>3</v>
      </c>
    </row>
    <row r="46" spans="1:4" ht="18" customHeight="1" x14ac:dyDescent="0.2">
      <c r="A46" s="8">
        <v>34</v>
      </c>
      <c r="B46" s="35">
        <v>2</v>
      </c>
      <c r="C46" s="13">
        <v>1</v>
      </c>
      <c r="D46" s="12">
        <v>3</v>
      </c>
    </row>
    <row r="47" spans="1:4" ht="18" customHeight="1" x14ac:dyDescent="0.2">
      <c r="A47" s="8" t="s">
        <v>18</v>
      </c>
      <c r="B47" s="35">
        <v>6</v>
      </c>
      <c r="C47" s="13">
        <v>5</v>
      </c>
      <c r="D47" s="12">
        <v>11</v>
      </c>
    </row>
    <row r="48" spans="1:4" ht="18" customHeight="1" x14ac:dyDescent="0.2">
      <c r="A48" s="8">
        <v>35</v>
      </c>
      <c r="B48" s="35">
        <v>1</v>
      </c>
      <c r="C48" s="13">
        <v>1</v>
      </c>
      <c r="D48" s="12">
        <v>2</v>
      </c>
    </row>
    <row r="49" spans="1:4" ht="18" customHeight="1" x14ac:dyDescent="0.2">
      <c r="A49" s="8">
        <v>36</v>
      </c>
      <c r="B49" s="35">
        <v>2</v>
      </c>
      <c r="C49" s="13">
        <v>2</v>
      </c>
      <c r="D49" s="12">
        <v>4</v>
      </c>
    </row>
    <row r="50" spans="1:4" ht="18" customHeight="1" x14ac:dyDescent="0.2">
      <c r="A50" s="8">
        <v>37</v>
      </c>
      <c r="B50" s="35">
        <v>1</v>
      </c>
      <c r="C50" s="13">
        <v>2</v>
      </c>
      <c r="D50" s="12">
        <v>3</v>
      </c>
    </row>
    <row r="51" spans="1:4" ht="18" customHeight="1" x14ac:dyDescent="0.2">
      <c r="A51" s="8">
        <v>38</v>
      </c>
      <c r="B51" s="35">
        <v>6</v>
      </c>
      <c r="C51" s="13">
        <v>1</v>
      </c>
      <c r="D51" s="12">
        <v>7</v>
      </c>
    </row>
    <row r="52" spans="1:4" ht="18" customHeight="1" x14ac:dyDescent="0.2">
      <c r="A52" s="8">
        <v>39</v>
      </c>
      <c r="B52" s="35">
        <v>3</v>
      </c>
      <c r="C52" s="13">
        <v>0</v>
      </c>
      <c r="D52" s="12">
        <v>3</v>
      </c>
    </row>
    <row r="53" spans="1:4" ht="18" customHeight="1" x14ac:dyDescent="0.2">
      <c r="A53" s="8" t="s">
        <v>17</v>
      </c>
      <c r="B53" s="35">
        <v>13</v>
      </c>
      <c r="C53" s="13">
        <v>6</v>
      </c>
      <c r="D53" s="12">
        <v>19</v>
      </c>
    </row>
    <row r="54" spans="1:4" ht="18" customHeight="1" x14ac:dyDescent="0.2">
      <c r="A54" s="8">
        <v>40</v>
      </c>
      <c r="B54" s="35">
        <v>3</v>
      </c>
      <c r="C54" s="13">
        <v>0</v>
      </c>
      <c r="D54" s="12">
        <v>3</v>
      </c>
    </row>
    <row r="55" spans="1:4" ht="18" customHeight="1" x14ac:dyDescent="0.2">
      <c r="A55" s="8">
        <v>41</v>
      </c>
      <c r="B55" s="35">
        <v>1</v>
      </c>
      <c r="C55" s="13">
        <v>3</v>
      </c>
      <c r="D55" s="12">
        <v>4</v>
      </c>
    </row>
    <row r="56" spans="1:4" ht="18" customHeight="1" x14ac:dyDescent="0.2">
      <c r="A56" s="8">
        <v>42</v>
      </c>
      <c r="B56" s="35">
        <v>4</v>
      </c>
      <c r="C56" s="13">
        <v>2</v>
      </c>
      <c r="D56" s="12">
        <v>6</v>
      </c>
    </row>
    <row r="57" spans="1:4" ht="18" customHeight="1" x14ac:dyDescent="0.2">
      <c r="A57" s="8">
        <v>43</v>
      </c>
      <c r="B57" s="35">
        <v>4</v>
      </c>
      <c r="C57" s="13">
        <v>2</v>
      </c>
      <c r="D57" s="12">
        <v>6</v>
      </c>
    </row>
    <row r="58" spans="1:4" ht="18" customHeight="1" x14ac:dyDescent="0.2">
      <c r="A58" s="8">
        <v>44</v>
      </c>
      <c r="B58" s="35">
        <v>5</v>
      </c>
      <c r="C58" s="13">
        <v>3</v>
      </c>
      <c r="D58" s="12">
        <v>8</v>
      </c>
    </row>
    <row r="59" spans="1:4" ht="18" customHeight="1" x14ac:dyDescent="0.2">
      <c r="A59" s="8" t="s">
        <v>16</v>
      </c>
      <c r="B59" s="35">
        <v>17</v>
      </c>
      <c r="C59" s="13">
        <v>10</v>
      </c>
      <c r="D59" s="12">
        <v>27</v>
      </c>
    </row>
    <row r="60" spans="1:4" ht="18" customHeight="1" x14ac:dyDescent="0.2">
      <c r="A60" s="8">
        <v>45</v>
      </c>
      <c r="B60" s="35">
        <v>4</v>
      </c>
      <c r="C60" s="13">
        <v>3</v>
      </c>
      <c r="D60" s="12">
        <v>7</v>
      </c>
    </row>
    <row r="61" spans="1:4" ht="18" customHeight="1" x14ac:dyDescent="0.2">
      <c r="A61" s="8">
        <v>46</v>
      </c>
      <c r="B61" s="35">
        <v>2</v>
      </c>
      <c r="C61" s="13">
        <v>2</v>
      </c>
      <c r="D61" s="12">
        <v>4</v>
      </c>
    </row>
    <row r="62" spans="1:4" ht="18" customHeight="1" x14ac:dyDescent="0.2">
      <c r="A62" s="8">
        <v>47</v>
      </c>
      <c r="B62" s="35">
        <v>6</v>
      </c>
      <c r="C62" s="13">
        <v>4</v>
      </c>
      <c r="D62" s="12">
        <v>10</v>
      </c>
    </row>
    <row r="63" spans="1:4" ht="18" customHeight="1" x14ac:dyDescent="0.2">
      <c r="A63" s="8">
        <v>48</v>
      </c>
      <c r="B63" s="35">
        <v>5</v>
      </c>
      <c r="C63" s="13">
        <v>4</v>
      </c>
      <c r="D63" s="12">
        <v>9</v>
      </c>
    </row>
    <row r="64" spans="1:4" ht="18" customHeight="1" x14ac:dyDescent="0.2">
      <c r="A64" s="8">
        <v>49</v>
      </c>
      <c r="B64" s="35">
        <v>4</v>
      </c>
      <c r="C64" s="13">
        <v>7</v>
      </c>
      <c r="D64" s="12">
        <v>11</v>
      </c>
    </row>
    <row r="65" spans="1:4" ht="18" customHeight="1" x14ac:dyDescent="0.2">
      <c r="A65" s="8" t="s">
        <v>15</v>
      </c>
      <c r="B65" s="35">
        <v>21</v>
      </c>
      <c r="C65" s="13">
        <v>20</v>
      </c>
      <c r="D65" s="12">
        <v>41</v>
      </c>
    </row>
    <row r="66" spans="1:4" ht="18" customHeight="1" x14ac:dyDescent="0.2">
      <c r="A66" s="8">
        <v>50</v>
      </c>
      <c r="B66" s="35">
        <v>6</v>
      </c>
      <c r="C66" s="13">
        <v>0</v>
      </c>
      <c r="D66" s="12">
        <v>6</v>
      </c>
    </row>
    <row r="67" spans="1:4" ht="18" customHeight="1" x14ac:dyDescent="0.2">
      <c r="A67" s="8">
        <v>51</v>
      </c>
      <c r="B67" s="35">
        <v>5</v>
      </c>
      <c r="C67" s="13">
        <v>3</v>
      </c>
      <c r="D67" s="12">
        <v>8</v>
      </c>
    </row>
    <row r="68" spans="1:4" ht="18" customHeight="1" x14ac:dyDescent="0.2">
      <c r="A68" s="8">
        <v>52</v>
      </c>
      <c r="B68" s="35">
        <v>2</v>
      </c>
      <c r="C68" s="13">
        <v>1</v>
      </c>
      <c r="D68" s="12">
        <v>3</v>
      </c>
    </row>
    <row r="69" spans="1:4" ht="18" customHeight="1" x14ac:dyDescent="0.2">
      <c r="A69" s="8">
        <v>53</v>
      </c>
      <c r="B69" s="35">
        <v>4</v>
      </c>
      <c r="C69" s="13">
        <v>3</v>
      </c>
      <c r="D69" s="12">
        <v>7</v>
      </c>
    </row>
    <row r="70" spans="1:4" ht="18" customHeight="1" x14ac:dyDescent="0.2">
      <c r="A70" s="8">
        <v>54</v>
      </c>
      <c r="B70" s="35">
        <v>6</v>
      </c>
      <c r="C70" s="13">
        <v>2</v>
      </c>
      <c r="D70" s="12">
        <v>8</v>
      </c>
    </row>
    <row r="71" spans="1:4" ht="18" customHeight="1" x14ac:dyDescent="0.2">
      <c r="A71" s="8" t="s">
        <v>14</v>
      </c>
      <c r="B71" s="35">
        <v>23</v>
      </c>
      <c r="C71" s="13">
        <v>9</v>
      </c>
      <c r="D71" s="12">
        <v>32</v>
      </c>
    </row>
    <row r="72" spans="1:4" ht="18" customHeight="1" x14ac:dyDescent="0.2">
      <c r="A72" s="8">
        <v>55</v>
      </c>
      <c r="B72" s="35">
        <v>5</v>
      </c>
      <c r="C72" s="13">
        <v>4</v>
      </c>
      <c r="D72" s="12">
        <v>9</v>
      </c>
    </row>
    <row r="73" spans="1:4" ht="18" customHeight="1" x14ac:dyDescent="0.2">
      <c r="A73" s="8">
        <v>56</v>
      </c>
      <c r="B73" s="35">
        <v>0</v>
      </c>
      <c r="C73" s="13">
        <v>2</v>
      </c>
      <c r="D73" s="12">
        <v>2</v>
      </c>
    </row>
    <row r="74" spans="1:4" ht="18" customHeight="1" x14ac:dyDescent="0.2">
      <c r="A74" s="8">
        <v>57</v>
      </c>
      <c r="B74" s="35">
        <v>1</v>
      </c>
      <c r="C74" s="13">
        <v>4</v>
      </c>
      <c r="D74" s="12">
        <v>5</v>
      </c>
    </row>
    <row r="75" spans="1:4" ht="18" customHeight="1" x14ac:dyDescent="0.2">
      <c r="A75" s="8">
        <v>58</v>
      </c>
      <c r="B75" s="35">
        <v>7</v>
      </c>
      <c r="C75" s="13">
        <v>4</v>
      </c>
      <c r="D75" s="12">
        <v>11</v>
      </c>
    </row>
    <row r="76" spans="1:4" ht="18" customHeight="1" x14ac:dyDescent="0.2">
      <c r="A76" s="8">
        <v>59</v>
      </c>
      <c r="B76" s="35">
        <v>3</v>
      </c>
      <c r="C76" s="13">
        <v>5</v>
      </c>
      <c r="D76" s="12">
        <v>8</v>
      </c>
    </row>
    <row r="77" spans="1:4" ht="18" customHeight="1" x14ac:dyDescent="0.2">
      <c r="A77" s="8" t="s">
        <v>13</v>
      </c>
      <c r="B77" s="35">
        <v>16</v>
      </c>
      <c r="C77" s="13">
        <v>19</v>
      </c>
      <c r="D77" s="12">
        <v>35</v>
      </c>
    </row>
    <row r="78" spans="1:4" ht="18" customHeight="1" x14ac:dyDescent="0.2">
      <c r="A78" s="8">
        <v>60</v>
      </c>
      <c r="B78" s="35">
        <v>1</v>
      </c>
      <c r="C78" s="13">
        <v>5</v>
      </c>
      <c r="D78" s="12">
        <v>6</v>
      </c>
    </row>
    <row r="79" spans="1:4" ht="18" customHeight="1" x14ac:dyDescent="0.2">
      <c r="A79" s="8">
        <v>61</v>
      </c>
      <c r="B79" s="35">
        <v>3</v>
      </c>
      <c r="C79" s="13">
        <v>3</v>
      </c>
      <c r="D79" s="12">
        <v>6</v>
      </c>
    </row>
    <row r="80" spans="1:4" ht="18" customHeight="1" x14ac:dyDescent="0.2">
      <c r="A80" s="8">
        <v>62</v>
      </c>
      <c r="B80" s="35">
        <v>6</v>
      </c>
      <c r="C80" s="13">
        <v>7</v>
      </c>
      <c r="D80" s="12">
        <v>13</v>
      </c>
    </row>
    <row r="81" spans="1:4" ht="18" customHeight="1" x14ac:dyDescent="0.2">
      <c r="A81" s="8">
        <v>63</v>
      </c>
      <c r="B81" s="35">
        <v>5</v>
      </c>
      <c r="C81" s="13">
        <v>3</v>
      </c>
      <c r="D81" s="12">
        <v>8</v>
      </c>
    </row>
    <row r="82" spans="1:4" ht="18" customHeight="1" x14ac:dyDescent="0.2">
      <c r="A82" s="8">
        <v>64</v>
      </c>
      <c r="B82" s="35">
        <v>5</v>
      </c>
      <c r="C82" s="13">
        <v>7</v>
      </c>
      <c r="D82" s="12">
        <v>12</v>
      </c>
    </row>
    <row r="83" spans="1:4" ht="18" customHeight="1" x14ac:dyDescent="0.2">
      <c r="A83" s="8" t="s">
        <v>12</v>
      </c>
      <c r="B83" s="35">
        <v>20</v>
      </c>
      <c r="C83" s="13">
        <v>25</v>
      </c>
      <c r="D83" s="12">
        <v>45</v>
      </c>
    </row>
    <row r="84" spans="1:4" ht="18" customHeight="1" x14ac:dyDescent="0.2">
      <c r="A84" s="8" t="s">
        <v>11</v>
      </c>
      <c r="B84" s="35">
        <v>147</v>
      </c>
      <c r="C84" s="13">
        <v>120</v>
      </c>
      <c r="D84" s="12">
        <v>267</v>
      </c>
    </row>
    <row r="85" spans="1:4" ht="18" customHeight="1" x14ac:dyDescent="0.2">
      <c r="A85" s="8">
        <v>65</v>
      </c>
      <c r="B85" s="35">
        <v>7</v>
      </c>
      <c r="C85" s="13">
        <v>2</v>
      </c>
      <c r="D85" s="12">
        <v>9</v>
      </c>
    </row>
    <row r="86" spans="1:4" ht="18" customHeight="1" x14ac:dyDescent="0.2">
      <c r="A86" s="8">
        <v>66</v>
      </c>
      <c r="B86" s="35">
        <v>8</v>
      </c>
      <c r="C86" s="13">
        <v>8</v>
      </c>
      <c r="D86" s="12">
        <v>16</v>
      </c>
    </row>
    <row r="87" spans="1:4" ht="18" customHeight="1" x14ac:dyDescent="0.2">
      <c r="A87" s="8">
        <v>67</v>
      </c>
      <c r="B87" s="35">
        <v>5</v>
      </c>
      <c r="C87" s="13">
        <v>7</v>
      </c>
      <c r="D87" s="12">
        <v>12</v>
      </c>
    </row>
    <row r="88" spans="1:4" ht="18" customHeight="1" x14ac:dyDescent="0.2">
      <c r="A88" s="8">
        <v>68</v>
      </c>
      <c r="B88" s="35">
        <v>5</v>
      </c>
      <c r="C88" s="13">
        <v>12</v>
      </c>
      <c r="D88" s="12">
        <v>17</v>
      </c>
    </row>
    <row r="89" spans="1:4" ht="18" customHeight="1" x14ac:dyDescent="0.2">
      <c r="A89" s="8">
        <v>69</v>
      </c>
      <c r="B89" s="35">
        <v>10</v>
      </c>
      <c r="C89" s="13">
        <v>12</v>
      </c>
      <c r="D89" s="12">
        <v>22</v>
      </c>
    </row>
    <row r="90" spans="1:4" ht="18" customHeight="1" x14ac:dyDescent="0.2">
      <c r="A90" s="8" t="s">
        <v>10</v>
      </c>
      <c r="B90" s="35">
        <v>35</v>
      </c>
      <c r="C90" s="13">
        <v>41</v>
      </c>
      <c r="D90" s="12">
        <v>76</v>
      </c>
    </row>
    <row r="91" spans="1:4" ht="18" customHeight="1" x14ac:dyDescent="0.2">
      <c r="A91" s="8">
        <v>70</v>
      </c>
      <c r="B91" s="35">
        <v>10</v>
      </c>
      <c r="C91" s="13">
        <v>8</v>
      </c>
      <c r="D91" s="12">
        <v>18</v>
      </c>
    </row>
    <row r="92" spans="1:4" ht="18" customHeight="1" x14ac:dyDescent="0.2">
      <c r="A92" s="8">
        <v>71</v>
      </c>
      <c r="B92" s="35">
        <v>14</v>
      </c>
      <c r="C92" s="13">
        <v>7</v>
      </c>
      <c r="D92" s="12">
        <v>21</v>
      </c>
    </row>
    <row r="93" spans="1:4" ht="18" customHeight="1" x14ac:dyDescent="0.2">
      <c r="A93" s="8">
        <v>72</v>
      </c>
      <c r="B93" s="35">
        <v>11</v>
      </c>
      <c r="C93" s="13">
        <v>5</v>
      </c>
      <c r="D93" s="12">
        <v>16</v>
      </c>
    </row>
    <row r="94" spans="1:4" ht="18" customHeight="1" x14ac:dyDescent="0.2">
      <c r="A94" s="8">
        <v>73</v>
      </c>
      <c r="B94" s="35">
        <v>11</v>
      </c>
      <c r="C94" s="13">
        <v>7</v>
      </c>
      <c r="D94" s="12">
        <v>18</v>
      </c>
    </row>
    <row r="95" spans="1:4" ht="18" customHeight="1" x14ac:dyDescent="0.2">
      <c r="A95" s="8">
        <v>74</v>
      </c>
      <c r="B95" s="35">
        <v>7</v>
      </c>
      <c r="C95" s="13">
        <v>11</v>
      </c>
      <c r="D95" s="12">
        <v>18</v>
      </c>
    </row>
    <row r="96" spans="1:4" ht="18" customHeight="1" x14ac:dyDescent="0.2">
      <c r="A96" s="8" t="s">
        <v>9</v>
      </c>
      <c r="B96" s="35">
        <v>53</v>
      </c>
      <c r="C96" s="13">
        <v>38</v>
      </c>
      <c r="D96" s="12">
        <v>91</v>
      </c>
    </row>
    <row r="97" spans="1:4" ht="18" customHeight="1" x14ac:dyDescent="0.2">
      <c r="A97" s="8">
        <v>75</v>
      </c>
      <c r="B97" s="35">
        <v>7</v>
      </c>
      <c r="C97" s="13">
        <v>7</v>
      </c>
      <c r="D97" s="12">
        <v>14</v>
      </c>
    </row>
    <row r="98" spans="1:4" ht="18" customHeight="1" x14ac:dyDescent="0.2">
      <c r="A98" s="8">
        <v>76</v>
      </c>
      <c r="B98" s="35">
        <v>9</v>
      </c>
      <c r="C98" s="13">
        <v>4</v>
      </c>
      <c r="D98" s="12">
        <v>13</v>
      </c>
    </row>
    <row r="99" spans="1:4" ht="18" customHeight="1" x14ac:dyDescent="0.2">
      <c r="A99" s="8">
        <v>77</v>
      </c>
      <c r="B99" s="35">
        <v>1</v>
      </c>
      <c r="C99" s="13">
        <v>5</v>
      </c>
      <c r="D99" s="12">
        <v>6</v>
      </c>
    </row>
    <row r="100" spans="1:4" ht="18" customHeight="1" x14ac:dyDescent="0.2">
      <c r="A100" s="8">
        <v>78</v>
      </c>
      <c r="B100" s="35">
        <v>5</v>
      </c>
      <c r="C100" s="13">
        <v>4</v>
      </c>
      <c r="D100" s="12">
        <v>9</v>
      </c>
    </row>
    <row r="101" spans="1:4" ht="18" customHeight="1" x14ac:dyDescent="0.2">
      <c r="A101" s="8">
        <v>79</v>
      </c>
      <c r="B101" s="35">
        <v>5</v>
      </c>
      <c r="C101" s="13">
        <v>4</v>
      </c>
      <c r="D101" s="12">
        <v>9</v>
      </c>
    </row>
    <row r="102" spans="1:4" ht="18" customHeight="1" x14ac:dyDescent="0.2">
      <c r="A102" s="8" t="s">
        <v>8</v>
      </c>
      <c r="B102" s="35">
        <v>27</v>
      </c>
      <c r="C102" s="13">
        <v>24</v>
      </c>
      <c r="D102" s="12">
        <v>51</v>
      </c>
    </row>
    <row r="103" spans="1:4" ht="18" customHeight="1" x14ac:dyDescent="0.2">
      <c r="A103" s="8">
        <v>80</v>
      </c>
      <c r="B103" s="35">
        <v>3</v>
      </c>
      <c r="C103" s="13">
        <v>5</v>
      </c>
      <c r="D103" s="12">
        <v>8</v>
      </c>
    </row>
    <row r="104" spans="1:4" ht="18" customHeight="1" x14ac:dyDescent="0.2">
      <c r="A104" s="8">
        <v>81</v>
      </c>
      <c r="B104" s="35">
        <v>4</v>
      </c>
      <c r="C104" s="13">
        <v>6</v>
      </c>
      <c r="D104" s="12">
        <v>10</v>
      </c>
    </row>
    <row r="105" spans="1:4" ht="18" customHeight="1" x14ac:dyDescent="0.2">
      <c r="A105" s="8">
        <v>82</v>
      </c>
      <c r="B105" s="35">
        <v>6</v>
      </c>
      <c r="C105" s="13">
        <v>8</v>
      </c>
      <c r="D105" s="12">
        <v>14</v>
      </c>
    </row>
    <row r="106" spans="1:4" ht="18" customHeight="1" x14ac:dyDescent="0.2">
      <c r="A106" s="8">
        <v>83</v>
      </c>
      <c r="B106" s="35">
        <v>2</v>
      </c>
      <c r="C106" s="13">
        <v>1</v>
      </c>
      <c r="D106" s="12">
        <v>3</v>
      </c>
    </row>
    <row r="107" spans="1:4" ht="18" customHeight="1" x14ac:dyDescent="0.2">
      <c r="A107" s="8">
        <v>84</v>
      </c>
      <c r="B107" s="35">
        <v>2</v>
      </c>
      <c r="C107" s="13">
        <v>5</v>
      </c>
      <c r="D107" s="12">
        <v>7</v>
      </c>
    </row>
    <row r="108" spans="1:4" ht="18" customHeight="1" x14ac:dyDescent="0.2">
      <c r="A108" s="8" t="s">
        <v>7</v>
      </c>
      <c r="B108" s="35">
        <v>17</v>
      </c>
      <c r="C108" s="13">
        <v>25</v>
      </c>
      <c r="D108" s="12">
        <v>42</v>
      </c>
    </row>
    <row r="109" spans="1:4" ht="18" customHeight="1" x14ac:dyDescent="0.2">
      <c r="A109" s="8">
        <v>85</v>
      </c>
      <c r="B109" s="35">
        <v>4</v>
      </c>
      <c r="C109" s="13">
        <v>4</v>
      </c>
      <c r="D109" s="12">
        <v>8</v>
      </c>
    </row>
    <row r="110" spans="1:4" ht="18" customHeight="1" x14ac:dyDescent="0.2">
      <c r="A110" s="8">
        <v>86</v>
      </c>
      <c r="B110" s="35">
        <v>3</v>
      </c>
      <c r="C110" s="13">
        <v>3</v>
      </c>
      <c r="D110" s="12">
        <v>6</v>
      </c>
    </row>
    <row r="111" spans="1:4" ht="18" customHeight="1" x14ac:dyDescent="0.2">
      <c r="A111" s="8">
        <v>87</v>
      </c>
      <c r="B111" s="35">
        <v>1</v>
      </c>
      <c r="C111" s="13">
        <v>4</v>
      </c>
      <c r="D111" s="12">
        <v>5</v>
      </c>
    </row>
    <row r="112" spans="1:4" ht="18" customHeight="1" x14ac:dyDescent="0.2">
      <c r="A112" s="8">
        <v>88</v>
      </c>
      <c r="B112" s="35">
        <v>2</v>
      </c>
      <c r="C112" s="13">
        <v>5</v>
      </c>
      <c r="D112" s="12">
        <v>7</v>
      </c>
    </row>
    <row r="113" spans="1:4" ht="18" customHeight="1" x14ac:dyDescent="0.2">
      <c r="A113" s="8">
        <v>89</v>
      </c>
      <c r="B113" s="35">
        <v>2</v>
      </c>
      <c r="C113" s="13">
        <v>2</v>
      </c>
      <c r="D113" s="12">
        <v>4</v>
      </c>
    </row>
    <row r="114" spans="1:4" ht="18" customHeight="1" x14ac:dyDescent="0.2">
      <c r="A114" s="8" t="s">
        <v>6</v>
      </c>
      <c r="B114" s="35">
        <v>12</v>
      </c>
      <c r="C114" s="13">
        <v>18</v>
      </c>
      <c r="D114" s="12">
        <v>30</v>
      </c>
    </row>
    <row r="115" spans="1:4" ht="18" customHeight="1" x14ac:dyDescent="0.2">
      <c r="A115" s="8">
        <v>90</v>
      </c>
      <c r="B115" s="35">
        <v>0</v>
      </c>
      <c r="C115" s="13">
        <v>3</v>
      </c>
      <c r="D115" s="12">
        <v>3</v>
      </c>
    </row>
    <row r="116" spans="1:4" ht="18" customHeight="1" x14ac:dyDescent="0.2">
      <c r="A116" s="8">
        <v>91</v>
      </c>
      <c r="B116" s="35">
        <v>0</v>
      </c>
      <c r="C116" s="13">
        <v>5</v>
      </c>
      <c r="D116" s="12">
        <v>5</v>
      </c>
    </row>
    <row r="117" spans="1:4" ht="18" customHeight="1" x14ac:dyDescent="0.2">
      <c r="A117" s="8">
        <v>92</v>
      </c>
      <c r="B117" s="35">
        <v>1</v>
      </c>
      <c r="C117" s="13">
        <v>6</v>
      </c>
      <c r="D117" s="12">
        <v>7</v>
      </c>
    </row>
    <row r="118" spans="1:4" ht="18" customHeight="1" x14ac:dyDescent="0.2">
      <c r="A118" s="8">
        <v>93</v>
      </c>
      <c r="B118" s="35">
        <v>0</v>
      </c>
      <c r="C118" s="13">
        <v>3</v>
      </c>
      <c r="D118" s="12">
        <v>3</v>
      </c>
    </row>
    <row r="119" spans="1:4" ht="18" customHeight="1" x14ac:dyDescent="0.2">
      <c r="A119" s="8">
        <v>94</v>
      </c>
      <c r="B119" s="35">
        <v>0</v>
      </c>
      <c r="C119" s="13">
        <v>5</v>
      </c>
      <c r="D119" s="12">
        <v>5</v>
      </c>
    </row>
    <row r="120" spans="1:4" ht="18" customHeight="1" x14ac:dyDescent="0.2">
      <c r="A120" s="8" t="s">
        <v>5</v>
      </c>
      <c r="B120" s="35">
        <v>1</v>
      </c>
      <c r="C120" s="13">
        <v>22</v>
      </c>
      <c r="D120" s="12">
        <v>23</v>
      </c>
    </row>
    <row r="121" spans="1:4" ht="18" customHeight="1" x14ac:dyDescent="0.2">
      <c r="A121" s="8">
        <v>95</v>
      </c>
      <c r="B121" s="35">
        <v>2</v>
      </c>
      <c r="C121" s="13">
        <v>4</v>
      </c>
      <c r="D121" s="12">
        <v>6</v>
      </c>
    </row>
    <row r="122" spans="1:4" ht="18" customHeight="1" x14ac:dyDescent="0.2">
      <c r="A122" s="8">
        <v>96</v>
      </c>
      <c r="B122" s="35">
        <v>0</v>
      </c>
      <c r="C122" s="13">
        <v>0</v>
      </c>
      <c r="D122" s="12">
        <v>0</v>
      </c>
    </row>
    <row r="123" spans="1:4" ht="18" customHeight="1" x14ac:dyDescent="0.2">
      <c r="A123" s="8">
        <v>97</v>
      </c>
      <c r="B123" s="35">
        <v>0</v>
      </c>
      <c r="C123" s="13">
        <v>2</v>
      </c>
      <c r="D123" s="12">
        <v>2</v>
      </c>
    </row>
    <row r="124" spans="1:4" ht="18" customHeight="1" x14ac:dyDescent="0.2">
      <c r="A124" s="8">
        <v>98</v>
      </c>
      <c r="B124" s="35">
        <v>1</v>
      </c>
      <c r="C124" s="13">
        <v>1</v>
      </c>
      <c r="D124" s="12">
        <v>2</v>
      </c>
    </row>
    <row r="125" spans="1:4" ht="18" customHeight="1" x14ac:dyDescent="0.2">
      <c r="A125" s="8">
        <v>99</v>
      </c>
      <c r="B125" s="35">
        <v>0</v>
      </c>
      <c r="C125" s="13">
        <v>1</v>
      </c>
      <c r="D125" s="12">
        <v>1</v>
      </c>
    </row>
    <row r="126" spans="1:4" ht="18" customHeight="1" x14ac:dyDescent="0.2">
      <c r="A126" s="8" t="s">
        <v>4</v>
      </c>
      <c r="B126" s="35">
        <v>3</v>
      </c>
      <c r="C126" s="13">
        <v>8</v>
      </c>
      <c r="D126" s="12">
        <v>11</v>
      </c>
    </row>
    <row r="127" spans="1:4" ht="18" customHeight="1" x14ac:dyDescent="0.2">
      <c r="A127" s="8">
        <v>100</v>
      </c>
      <c r="B127" s="35">
        <v>0</v>
      </c>
      <c r="C127" s="13">
        <v>1</v>
      </c>
      <c r="D127" s="12">
        <v>1</v>
      </c>
    </row>
    <row r="128" spans="1:4" ht="18" customHeight="1" x14ac:dyDescent="0.2">
      <c r="A128" s="15" t="s">
        <v>3</v>
      </c>
      <c r="B128" s="35">
        <v>0</v>
      </c>
      <c r="C128" s="13">
        <v>0</v>
      </c>
      <c r="D128" s="12">
        <v>0</v>
      </c>
    </row>
    <row r="129" spans="1:4" ht="18" customHeight="1" x14ac:dyDescent="0.2">
      <c r="A129" s="8" t="s">
        <v>2</v>
      </c>
      <c r="B129" s="35">
        <v>0</v>
      </c>
      <c r="C129" s="13">
        <v>1</v>
      </c>
      <c r="D129" s="12">
        <v>1</v>
      </c>
    </row>
    <row r="130" spans="1:4" ht="18" customHeight="1" x14ac:dyDescent="0.2">
      <c r="A130" s="8" t="s">
        <v>1</v>
      </c>
      <c r="B130" s="28">
        <v>148</v>
      </c>
      <c r="C130" s="6">
        <v>177</v>
      </c>
      <c r="D130" s="5">
        <v>325</v>
      </c>
    </row>
    <row r="131" spans="1:4" ht="18" customHeight="1" x14ac:dyDescent="0.2">
      <c r="A131" s="4" t="s">
        <v>0</v>
      </c>
      <c r="B131" s="27">
        <v>305</v>
      </c>
      <c r="C131" s="2">
        <v>305</v>
      </c>
      <c r="D131" s="1">
        <v>61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11A2277-E10A-4DD9-A23B-74D0DD9DD9AB}">
  <sheetPr codeName="Sheet8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100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0</v>
      </c>
      <c r="C5" s="45">
        <v>0</v>
      </c>
      <c r="D5" s="44">
        <v>0</v>
      </c>
    </row>
    <row r="6" spans="1:4" ht="18" customHeight="1" x14ac:dyDescent="0.2">
      <c r="A6" s="8">
        <v>1</v>
      </c>
      <c r="B6" s="40">
        <v>0</v>
      </c>
      <c r="C6" s="13">
        <v>0</v>
      </c>
      <c r="D6" s="12">
        <v>0</v>
      </c>
    </row>
    <row r="7" spans="1:4" ht="18" customHeight="1" x14ac:dyDescent="0.2">
      <c r="A7" s="8">
        <v>2</v>
      </c>
      <c r="B7" s="40">
        <v>0</v>
      </c>
      <c r="C7" s="13">
        <v>0</v>
      </c>
      <c r="D7" s="12">
        <v>0</v>
      </c>
    </row>
    <row r="8" spans="1:4" ht="18" customHeight="1" x14ac:dyDescent="0.2">
      <c r="A8" s="8">
        <v>3</v>
      </c>
      <c r="B8" s="40">
        <v>0</v>
      </c>
      <c r="C8" s="13">
        <v>0</v>
      </c>
      <c r="D8" s="12">
        <v>0</v>
      </c>
    </row>
    <row r="9" spans="1:4" ht="18" customHeight="1" x14ac:dyDescent="0.2">
      <c r="A9" s="8">
        <v>4</v>
      </c>
      <c r="B9" s="43">
        <v>0</v>
      </c>
      <c r="C9" s="42">
        <v>0</v>
      </c>
      <c r="D9" s="41">
        <v>0</v>
      </c>
    </row>
    <row r="10" spans="1:4" ht="18" customHeight="1" x14ac:dyDescent="0.2">
      <c r="A10" s="8" t="s">
        <v>25</v>
      </c>
      <c r="B10" s="35">
        <v>0</v>
      </c>
      <c r="C10" s="13">
        <v>0</v>
      </c>
      <c r="D10" s="12">
        <v>0</v>
      </c>
    </row>
    <row r="11" spans="1:4" ht="18" customHeight="1" x14ac:dyDescent="0.2">
      <c r="A11" s="8">
        <v>5</v>
      </c>
      <c r="B11" s="40">
        <v>0</v>
      </c>
      <c r="C11" s="13">
        <v>0</v>
      </c>
      <c r="D11" s="12">
        <v>0</v>
      </c>
    </row>
    <row r="12" spans="1:4" ht="18" customHeight="1" x14ac:dyDescent="0.2">
      <c r="A12" s="8">
        <v>6</v>
      </c>
      <c r="B12" s="40">
        <v>0</v>
      </c>
      <c r="C12" s="13">
        <v>0</v>
      </c>
      <c r="D12" s="12">
        <v>0</v>
      </c>
    </row>
    <row r="13" spans="1:4" ht="18" customHeight="1" x14ac:dyDescent="0.2">
      <c r="A13" s="8">
        <v>7</v>
      </c>
      <c r="B13" s="40">
        <v>0</v>
      </c>
      <c r="C13" s="13">
        <v>1</v>
      </c>
      <c r="D13" s="12">
        <v>1</v>
      </c>
    </row>
    <row r="14" spans="1:4" ht="18" customHeight="1" x14ac:dyDescent="0.2">
      <c r="A14" s="8">
        <v>8</v>
      </c>
      <c r="B14" s="40">
        <v>0</v>
      </c>
      <c r="C14" s="13">
        <v>0</v>
      </c>
      <c r="D14" s="12">
        <v>0</v>
      </c>
    </row>
    <row r="15" spans="1:4" ht="18" customHeight="1" x14ac:dyDescent="0.2">
      <c r="A15" s="8">
        <v>9</v>
      </c>
      <c r="B15" s="40">
        <v>0</v>
      </c>
      <c r="C15" s="13">
        <v>1</v>
      </c>
      <c r="D15" s="12">
        <v>1</v>
      </c>
    </row>
    <row r="16" spans="1:4" ht="18" customHeight="1" x14ac:dyDescent="0.2">
      <c r="A16" s="8" t="s">
        <v>24</v>
      </c>
      <c r="B16" s="35">
        <v>0</v>
      </c>
      <c r="C16" s="13">
        <v>2</v>
      </c>
      <c r="D16" s="12">
        <v>2</v>
      </c>
    </row>
    <row r="17" spans="1:4" ht="18" customHeight="1" x14ac:dyDescent="0.2">
      <c r="A17" s="8">
        <v>10</v>
      </c>
      <c r="B17" s="35">
        <v>0</v>
      </c>
      <c r="C17" s="13">
        <v>0</v>
      </c>
      <c r="D17" s="12">
        <v>0</v>
      </c>
    </row>
    <row r="18" spans="1:4" ht="18" customHeight="1" x14ac:dyDescent="0.2">
      <c r="A18" s="8">
        <v>11</v>
      </c>
      <c r="B18" s="35">
        <v>0</v>
      </c>
      <c r="C18" s="13">
        <v>0</v>
      </c>
      <c r="D18" s="12">
        <v>0</v>
      </c>
    </row>
    <row r="19" spans="1:4" ht="18" customHeight="1" x14ac:dyDescent="0.2">
      <c r="A19" s="8">
        <v>12</v>
      </c>
      <c r="B19" s="35">
        <v>0</v>
      </c>
      <c r="C19" s="13">
        <v>1</v>
      </c>
      <c r="D19" s="12">
        <v>1</v>
      </c>
    </row>
    <row r="20" spans="1:4" ht="18" customHeight="1" x14ac:dyDescent="0.2">
      <c r="A20" s="8">
        <v>13</v>
      </c>
      <c r="B20" s="35">
        <v>0</v>
      </c>
      <c r="C20" s="13">
        <v>0</v>
      </c>
      <c r="D20" s="12">
        <v>0</v>
      </c>
    </row>
    <row r="21" spans="1:4" ht="18" customHeight="1" x14ac:dyDescent="0.2">
      <c r="A21" s="8">
        <v>14</v>
      </c>
      <c r="B21" s="35">
        <v>0</v>
      </c>
      <c r="C21" s="13">
        <v>0</v>
      </c>
      <c r="D21" s="12">
        <v>0</v>
      </c>
    </row>
    <row r="22" spans="1:4" ht="18" customHeight="1" x14ac:dyDescent="0.2">
      <c r="A22" s="8" t="s">
        <v>23</v>
      </c>
      <c r="B22" s="35">
        <v>0</v>
      </c>
      <c r="C22" s="13">
        <v>1</v>
      </c>
      <c r="D22" s="12">
        <v>1</v>
      </c>
    </row>
    <row r="23" spans="1:4" ht="18" customHeight="1" x14ac:dyDescent="0.2">
      <c r="A23" s="8" t="s">
        <v>22</v>
      </c>
      <c r="B23" s="35">
        <v>0</v>
      </c>
      <c r="C23" s="13">
        <v>3</v>
      </c>
      <c r="D23" s="12">
        <v>3</v>
      </c>
    </row>
    <row r="24" spans="1:4" ht="18" customHeight="1" x14ac:dyDescent="0.2">
      <c r="A24" s="8">
        <v>15</v>
      </c>
      <c r="B24" s="35">
        <v>0</v>
      </c>
      <c r="C24" s="13">
        <v>0</v>
      </c>
      <c r="D24" s="12">
        <v>0</v>
      </c>
    </row>
    <row r="25" spans="1:4" ht="18" customHeight="1" x14ac:dyDescent="0.2">
      <c r="A25" s="8">
        <v>16</v>
      </c>
      <c r="B25" s="35">
        <v>0</v>
      </c>
      <c r="C25" s="13">
        <v>0</v>
      </c>
      <c r="D25" s="12">
        <v>0</v>
      </c>
    </row>
    <row r="26" spans="1:4" ht="18" customHeight="1" x14ac:dyDescent="0.2">
      <c r="A26" s="8">
        <v>17</v>
      </c>
      <c r="B26" s="35">
        <v>1</v>
      </c>
      <c r="C26" s="13">
        <v>0</v>
      </c>
      <c r="D26" s="12">
        <v>1</v>
      </c>
    </row>
    <row r="27" spans="1:4" ht="18" customHeight="1" x14ac:dyDescent="0.2">
      <c r="A27" s="8">
        <v>18</v>
      </c>
      <c r="B27" s="35">
        <v>0</v>
      </c>
      <c r="C27" s="13">
        <v>0</v>
      </c>
      <c r="D27" s="12">
        <v>0</v>
      </c>
    </row>
    <row r="28" spans="1:4" ht="18" customHeight="1" x14ac:dyDescent="0.2">
      <c r="A28" s="8">
        <v>19</v>
      </c>
      <c r="B28" s="35">
        <v>0</v>
      </c>
      <c r="C28" s="13">
        <v>1</v>
      </c>
      <c r="D28" s="12">
        <v>1</v>
      </c>
    </row>
    <row r="29" spans="1:4" ht="18" customHeight="1" x14ac:dyDescent="0.2">
      <c r="A29" s="8" t="s">
        <v>21</v>
      </c>
      <c r="B29" s="35">
        <v>1</v>
      </c>
      <c r="C29" s="13">
        <v>1</v>
      </c>
      <c r="D29" s="12">
        <v>2</v>
      </c>
    </row>
    <row r="30" spans="1:4" ht="18" customHeight="1" x14ac:dyDescent="0.2">
      <c r="A30" s="8">
        <v>20</v>
      </c>
      <c r="B30" s="35">
        <v>0</v>
      </c>
      <c r="C30" s="13">
        <v>0</v>
      </c>
      <c r="D30" s="12">
        <v>0</v>
      </c>
    </row>
    <row r="31" spans="1:4" ht="18" customHeight="1" x14ac:dyDescent="0.2">
      <c r="A31" s="8">
        <v>21</v>
      </c>
      <c r="B31" s="35">
        <v>0</v>
      </c>
      <c r="C31" s="13">
        <v>1</v>
      </c>
      <c r="D31" s="12">
        <v>1</v>
      </c>
    </row>
    <row r="32" spans="1:4" ht="18" customHeight="1" x14ac:dyDescent="0.2">
      <c r="A32" s="8">
        <v>22</v>
      </c>
      <c r="B32" s="35">
        <v>0</v>
      </c>
      <c r="C32" s="13">
        <v>0</v>
      </c>
      <c r="D32" s="12">
        <v>0</v>
      </c>
    </row>
    <row r="33" spans="1:4" ht="18" customHeight="1" x14ac:dyDescent="0.2">
      <c r="A33" s="8">
        <v>23</v>
      </c>
      <c r="B33" s="35">
        <v>0</v>
      </c>
      <c r="C33" s="13">
        <v>0</v>
      </c>
      <c r="D33" s="12">
        <v>0</v>
      </c>
    </row>
    <row r="34" spans="1:4" ht="18" customHeight="1" x14ac:dyDescent="0.2">
      <c r="A34" s="8">
        <v>24</v>
      </c>
      <c r="B34" s="35">
        <v>1</v>
      </c>
      <c r="C34" s="13">
        <v>0</v>
      </c>
      <c r="D34" s="12">
        <v>1</v>
      </c>
    </row>
    <row r="35" spans="1:4" ht="18" customHeight="1" x14ac:dyDescent="0.2">
      <c r="A35" s="8" t="s">
        <v>20</v>
      </c>
      <c r="B35" s="35">
        <v>1</v>
      </c>
      <c r="C35" s="13">
        <v>1</v>
      </c>
      <c r="D35" s="12">
        <v>2</v>
      </c>
    </row>
    <row r="36" spans="1:4" ht="18" customHeight="1" x14ac:dyDescent="0.2">
      <c r="A36" s="8">
        <v>25</v>
      </c>
      <c r="B36" s="35">
        <v>0</v>
      </c>
      <c r="C36" s="13">
        <v>0</v>
      </c>
      <c r="D36" s="12">
        <v>0</v>
      </c>
    </row>
    <row r="37" spans="1:4" ht="18" customHeight="1" x14ac:dyDescent="0.2">
      <c r="A37" s="8">
        <v>26</v>
      </c>
      <c r="B37" s="35">
        <v>0</v>
      </c>
      <c r="C37" s="13">
        <v>0</v>
      </c>
      <c r="D37" s="12">
        <v>0</v>
      </c>
    </row>
    <row r="38" spans="1:4" ht="18" customHeight="1" x14ac:dyDescent="0.2">
      <c r="A38" s="8">
        <v>27</v>
      </c>
      <c r="B38" s="35">
        <v>0</v>
      </c>
      <c r="C38" s="13">
        <v>0</v>
      </c>
      <c r="D38" s="12">
        <v>0</v>
      </c>
    </row>
    <row r="39" spans="1:4" ht="18" customHeight="1" x14ac:dyDescent="0.2">
      <c r="A39" s="8">
        <v>28</v>
      </c>
      <c r="B39" s="35">
        <v>0</v>
      </c>
      <c r="C39" s="13">
        <v>0</v>
      </c>
      <c r="D39" s="12">
        <v>0</v>
      </c>
    </row>
    <row r="40" spans="1:4" ht="18" customHeight="1" x14ac:dyDescent="0.2">
      <c r="A40" s="8">
        <v>29</v>
      </c>
      <c r="B40" s="35">
        <v>1</v>
      </c>
      <c r="C40" s="13">
        <v>0</v>
      </c>
      <c r="D40" s="12">
        <v>1</v>
      </c>
    </row>
    <row r="41" spans="1:4" ht="18" customHeight="1" x14ac:dyDescent="0.2">
      <c r="A41" s="8" t="s">
        <v>19</v>
      </c>
      <c r="B41" s="35">
        <v>1</v>
      </c>
      <c r="C41" s="13">
        <v>0</v>
      </c>
      <c r="D41" s="12">
        <v>1</v>
      </c>
    </row>
    <row r="42" spans="1:4" ht="18" customHeight="1" x14ac:dyDescent="0.2">
      <c r="A42" s="8">
        <v>30</v>
      </c>
      <c r="B42" s="35">
        <v>0</v>
      </c>
      <c r="C42" s="13">
        <v>0</v>
      </c>
      <c r="D42" s="12">
        <v>0</v>
      </c>
    </row>
    <row r="43" spans="1:4" ht="18" customHeight="1" x14ac:dyDescent="0.2">
      <c r="A43" s="8">
        <v>31</v>
      </c>
      <c r="B43" s="35">
        <v>1</v>
      </c>
      <c r="C43" s="13">
        <v>2</v>
      </c>
      <c r="D43" s="12">
        <v>3</v>
      </c>
    </row>
    <row r="44" spans="1:4" ht="18" customHeight="1" x14ac:dyDescent="0.2">
      <c r="A44" s="8">
        <v>32</v>
      </c>
      <c r="B44" s="35">
        <v>0</v>
      </c>
      <c r="C44" s="13">
        <v>0</v>
      </c>
      <c r="D44" s="12">
        <v>0</v>
      </c>
    </row>
    <row r="45" spans="1:4" ht="18" customHeight="1" x14ac:dyDescent="0.2">
      <c r="A45" s="8">
        <v>33</v>
      </c>
      <c r="B45" s="35">
        <v>1</v>
      </c>
      <c r="C45" s="13">
        <v>0</v>
      </c>
      <c r="D45" s="12">
        <v>1</v>
      </c>
    </row>
    <row r="46" spans="1:4" ht="18" customHeight="1" x14ac:dyDescent="0.2">
      <c r="A46" s="8">
        <v>34</v>
      </c>
      <c r="B46" s="35">
        <v>0</v>
      </c>
      <c r="C46" s="13">
        <v>1</v>
      </c>
      <c r="D46" s="12">
        <v>1</v>
      </c>
    </row>
    <row r="47" spans="1:4" ht="18" customHeight="1" x14ac:dyDescent="0.2">
      <c r="A47" s="8" t="s">
        <v>18</v>
      </c>
      <c r="B47" s="35">
        <v>2</v>
      </c>
      <c r="C47" s="13">
        <v>3</v>
      </c>
      <c r="D47" s="12">
        <v>5</v>
      </c>
    </row>
    <row r="48" spans="1:4" ht="18" customHeight="1" x14ac:dyDescent="0.2">
      <c r="A48" s="8">
        <v>35</v>
      </c>
      <c r="B48" s="35">
        <v>0</v>
      </c>
      <c r="C48" s="13">
        <v>0</v>
      </c>
      <c r="D48" s="12">
        <v>0</v>
      </c>
    </row>
    <row r="49" spans="1:4" ht="18" customHeight="1" x14ac:dyDescent="0.2">
      <c r="A49" s="8">
        <v>36</v>
      </c>
      <c r="B49" s="35">
        <v>1</v>
      </c>
      <c r="C49" s="13">
        <v>0</v>
      </c>
      <c r="D49" s="12">
        <v>1</v>
      </c>
    </row>
    <row r="50" spans="1:4" ht="18" customHeight="1" x14ac:dyDescent="0.2">
      <c r="A50" s="8">
        <v>37</v>
      </c>
      <c r="B50" s="35">
        <v>3</v>
      </c>
      <c r="C50" s="13">
        <v>0</v>
      </c>
      <c r="D50" s="12">
        <v>3</v>
      </c>
    </row>
    <row r="51" spans="1:4" ht="18" customHeight="1" x14ac:dyDescent="0.2">
      <c r="A51" s="8">
        <v>38</v>
      </c>
      <c r="B51" s="35">
        <v>0</v>
      </c>
      <c r="C51" s="13">
        <v>0</v>
      </c>
      <c r="D51" s="12">
        <v>0</v>
      </c>
    </row>
    <row r="52" spans="1:4" ht="18" customHeight="1" x14ac:dyDescent="0.2">
      <c r="A52" s="8">
        <v>39</v>
      </c>
      <c r="B52" s="35">
        <v>0</v>
      </c>
      <c r="C52" s="13">
        <v>1</v>
      </c>
      <c r="D52" s="12">
        <v>1</v>
      </c>
    </row>
    <row r="53" spans="1:4" ht="18" customHeight="1" x14ac:dyDescent="0.2">
      <c r="A53" s="8" t="s">
        <v>17</v>
      </c>
      <c r="B53" s="35">
        <v>4</v>
      </c>
      <c r="C53" s="13">
        <v>1</v>
      </c>
      <c r="D53" s="12">
        <v>5</v>
      </c>
    </row>
    <row r="54" spans="1:4" ht="18" customHeight="1" x14ac:dyDescent="0.2">
      <c r="A54" s="8">
        <v>40</v>
      </c>
      <c r="B54" s="35">
        <v>0</v>
      </c>
      <c r="C54" s="13">
        <v>0</v>
      </c>
      <c r="D54" s="12">
        <v>0</v>
      </c>
    </row>
    <row r="55" spans="1:4" ht="18" customHeight="1" x14ac:dyDescent="0.2">
      <c r="A55" s="8">
        <v>41</v>
      </c>
      <c r="B55" s="35">
        <v>2</v>
      </c>
      <c r="C55" s="13">
        <v>0</v>
      </c>
      <c r="D55" s="12">
        <v>2</v>
      </c>
    </row>
    <row r="56" spans="1:4" ht="18" customHeight="1" x14ac:dyDescent="0.2">
      <c r="A56" s="8">
        <v>42</v>
      </c>
      <c r="B56" s="35">
        <v>0</v>
      </c>
      <c r="C56" s="13">
        <v>1</v>
      </c>
      <c r="D56" s="12">
        <v>1</v>
      </c>
    </row>
    <row r="57" spans="1:4" ht="18" customHeight="1" x14ac:dyDescent="0.2">
      <c r="A57" s="8">
        <v>43</v>
      </c>
      <c r="B57" s="35">
        <v>3</v>
      </c>
      <c r="C57" s="13">
        <v>0</v>
      </c>
      <c r="D57" s="12">
        <v>3</v>
      </c>
    </row>
    <row r="58" spans="1:4" ht="18" customHeight="1" x14ac:dyDescent="0.2">
      <c r="A58" s="8">
        <v>44</v>
      </c>
      <c r="B58" s="35">
        <v>1</v>
      </c>
      <c r="C58" s="13">
        <v>1</v>
      </c>
      <c r="D58" s="12">
        <v>2</v>
      </c>
    </row>
    <row r="59" spans="1:4" ht="18" customHeight="1" x14ac:dyDescent="0.2">
      <c r="A59" s="8" t="s">
        <v>16</v>
      </c>
      <c r="B59" s="35">
        <v>6</v>
      </c>
      <c r="C59" s="13">
        <v>2</v>
      </c>
      <c r="D59" s="12">
        <v>8</v>
      </c>
    </row>
    <row r="60" spans="1:4" ht="18" customHeight="1" x14ac:dyDescent="0.2">
      <c r="A60" s="8">
        <v>45</v>
      </c>
      <c r="B60" s="35">
        <v>0</v>
      </c>
      <c r="C60" s="13">
        <v>0</v>
      </c>
      <c r="D60" s="12">
        <v>0</v>
      </c>
    </row>
    <row r="61" spans="1:4" ht="18" customHeight="1" x14ac:dyDescent="0.2">
      <c r="A61" s="8">
        <v>46</v>
      </c>
      <c r="B61" s="35">
        <v>0</v>
      </c>
      <c r="C61" s="13">
        <v>0</v>
      </c>
      <c r="D61" s="12">
        <v>0</v>
      </c>
    </row>
    <row r="62" spans="1:4" ht="18" customHeight="1" x14ac:dyDescent="0.2">
      <c r="A62" s="8">
        <v>47</v>
      </c>
      <c r="B62" s="35">
        <v>0</v>
      </c>
      <c r="C62" s="13">
        <v>1</v>
      </c>
      <c r="D62" s="12">
        <v>1</v>
      </c>
    </row>
    <row r="63" spans="1:4" ht="18" customHeight="1" x14ac:dyDescent="0.2">
      <c r="A63" s="8">
        <v>48</v>
      </c>
      <c r="B63" s="35">
        <v>0</v>
      </c>
      <c r="C63" s="13">
        <v>0</v>
      </c>
      <c r="D63" s="12">
        <v>0</v>
      </c>
    </row>
    <row r="64" spans="1:4" ht="18" customHeight="1" x14ac:dyDescent="0.2">
      <c r="A64" s="8">
        <v>49</v>
      </c>
      <c r="B64" s="35">
        <v>0</v>
      </c>
      <c r="C64" s="13">
        <v>0</v>
      </c>
      <c r="D64" s="12">
        <v>0</v>
      </c>
    </row>
    <row r="65" spans="1:4" ht="18" customHeight="1" x14ac:dyDescent="0.2">
      <c r="A65" s="8" t="s">
        <v>15</v>
      </c>
      <c r="B65" s="35">
        <v>0</v>
      </c>
      <c r="C65" s="13">
        <v>1</v>
      </c>
      <c r="D65" s="12">
        <v>1</v>
      </c>
    </row>
    <row r="66" spans="1:4" ht="18" customHeight="1" x14ac:dyDescent="0.2">
      <c r="A66" s="8">
        <v>50</v>
      </c>
      <c r="B66" s="35">
        <v>0</v>
      </c>
      <c r="C66" s="13">
        <v>0</v>
      </c>
      <c r="D66" s="12">
        <v>0</v>
      </c>
    </row>
    <row r="67" spans="1:4" ht="18" customHeight="1" x14ac:dyDescent="0.2">
      <c r="A67" s="8">
        <v>51</v>
      </c>
      <c r="B67" s="35">
        <v>0</v>
      </c>
      <c r="C67" s="13">
        <v>0</v>
      </c>
      <c r="D67" s="12">
        <v>0</v>
      </c>
    </row>
    <row r="68" spans="1:4" ht="18" customHeight="1" x14ac:dyDescent="0.2">
      <c r="A68" s="8">
        <v>52</v>
      </c>
      <c r="B68" s="35">
        <v>0</v>
      </c>
      <c r="C68" s="13">
        <v>1</v>
      </c>
      <c r="D68" s="12">
        <v>1</v>
      </c>
    </row>
    <row r="69" spans="1:4" ht="18" customHeight="1" x14ac:dyDescent="0.2">
      <c r="A69" s="8">
        <v>53</v>
      </c>
      <c r="B69" s="35">
        <v>0</v>
      </c>
      <c r="C69" s="13">
        <v>0</v>
      </c>
      <c r="D69" s="12">
        <v>0</v>
      </c>
    </row>
    <row r="70" spans="1:4" ht="18" customHeight="1" x14ac:dyDescent="0.2">
      <c r="A70" s="8">
        <v>54</v>
      </c>
      <c r="B70" s="35">
        <v>0</v>
      </c>
      <c r="C70" s="13">
        <v>1</v>
      </c>
      <c r="D70" s="12">
        <v>1</v>
      </c>
    </row>
    <row r="71" spans="1:4" ht="18" customHeight="1" x14ac:dyDescent="0.2">
      <c r="A71" s="8" t="s">
        <v>14</v>
      </c>
      <c r="B71" s="35">
        <v>0</v>
      </c>
      <c r="C71" s="13">
        <v>2</v>
      </c>
      <c r="D71" s="12">
        <v>2</v>
      </c>
    </row>
    <row r="72" spans="1:4" ht="18" customHeight="1" x14ac:dyDescent="0.2">
      <c r="A72" s="8">
        <v>55</v>
      </c>
      <c r="B72" s="35">
        <v>0</v>
      </c>
      <c r="C72" s="13">
        <v>0</v>
      </c>
      <c r="D72" s="12">
        <v>0</v>
      </c>
    </row>
    <row r="73" spans="1:4" ht="18" customHeight="1" x14ac:dyDescent="0.2">
      <c r="A73" s="8">
        <v>56</v>
      </c>
      <c r="B73" s="35">
        <v>2</v>
      </c>
      <c r="C73" s="13">
        <v>1</v>
      </c>
      <c r="D73" s="12">
        <v>3</v>
      </c>
    </row>
    <row r="74" spans="1:4" ht="18" customHeight="1" x14ac:dyDescent="0.2">
      <c r="A74" s="8">
        <v>57</v>
      </c>
      <c r="B74" s="35">
        <v>0</v>
      </c>
      <c r="C74" s="13">
        <v>2</v>
      </c>
      <c r="D74" s="12">
        <v>2</v>
      </c>
    </row>
    <row r="75" spans="1:4" ht="18" customHeight="1" x14ac:dyDescent="0.2">
      <c r="A75" s="8">
        <v>58</v>
      </c>
      <c r="B75" s="35">
        <v>1</v>
      </c>
      <c r="C75" s="13">
        <v>1</v>
      </c>
      <c r="D75" s="12">
        <v>2</v>
      </c>
    </row>
    <row r="76" spans="1:4" ht="18" customHeight="1" x14ac:dyDescent="0.2">
      <c r="A76" s="8">
        <v>59</v>
      </c>
      <c r="B76" s="35">
        <v>1</v>
      </c>
      <c r="C76" s="13">
        <v>1</v>
      </c>
      <c r="D76" s="12">
        <v>2</v>
      </c>
    </row>
    <row r="77" spans="1:4" ht="18" customHeight="1" x14ac:dyDescent="0.2">
      <c r="A77" s="8" t="s">
        <v>13</v>
      </c>
      <c r="B77" s="35">
        <v>4</v>
      </c>
      <c r="C77" s="13">
        <v>5</v>
      </c>
      <c r="D77" s="12">
        <v>9</v>
      </c>
    </row>
    <row r="78" spans="1:4" ht="18" customHeight="1" x14ac:dyDescent="0.2">
      <c r="A78" s="8">
        <v>60</v>
      </c>
      <c r="B78" s="35">
        <v>1</v>
      </c>
      <c r="C78" s="13">
        <v>0</v>
      </c>
      <c r="D78" s="12">
        <v>1</v>
      </c>
    </row>
    <row r="79" spans="1:4" ht="18" customHeight="1" x14ac:dyDescent="0.2">
      <c r="A79" s="8">
        <v>61</v>
      </c>
      <c r="B79" s="35">
        <v>2</v>
      </c>
      <c r="C79" s="13">
        <v>0</v>
      </c>
      <c r="D79" s="12">
        <v>2</v>
      </c>
    </row>
    <row r="80" spans="1:4" ht="18" customHeight="1" x14ac:dyDescent="0.2">
      <c r="A80" s="8">
        <v>62</v>
      </c>
      <c r="B80" s="35">
        <v>0</v>
      </c>
      <c r="C80" s="13">
        <v>2</v>
      </c>
      <c r="D80" s="12">
        <v>2</v>
      </c>
    </row>
    <row r="81" spans="1:4" ht="18" customHeight="1" x14ac:dyDescent="0.2">
      <c r="A81" s="8">
        <v>63</v>
      </c>
      <c r="B81" s="35">
        <v>2</v>
      </c>
      <c r="C81" s="13">
        <v>0</v>
      </c>
      <c r="D81" s="12">
        <v>2</v>
      </c>
    </row>
    <row r="82" spans="1:4" ht="18" customHeight="1" x14ac:dyDescent="0.2">
      <c r="A82" s="8">
        <v>64</v>
      </c>
      <c r="B82" s="35">
        <v>2</v>
      </c>
      <c r="C82" s="13">
        <v>1</v>
      </c>
      <c r="D82" s="12">
        <v>3</v>
      </c>
    </row>
    <row r="83" spans="1:4" ht="18" customHeight="1" x14ac:dyDescent="0.2">
      <c r="A83" s="8" t="s">
        <v>12</v>
      </c>
      <c r="B83" s="35">
        <v>7</v>
      </c>
      <c r="C83" s="13">
        <v>3</v>
      </c>
      <c r="D83" s="12">
        <v>10</v>
      </c>
    </row>
    <row r="84" spans="1:4" ht="18" customHeight="1" x14ac:dyDescent="0.2">
      <c r="A84" s="8" t="s">
        <v>11</v>
      </c>
      <c r="B84" s="35">
        <v>26</v>
      </c>
      <c r="C84" s="13">
        <v>19</v>
      </c>
      <c r="D84" s="12">
        <v>45</v>
      </c>
    </row>
    <row r="85" spans="1:4" ht="18" customHeight="1" x14ac:dyDescent="0.2">
      <c r="A85" s="8">
        <v>65</v>
      </c>
      <c r="B85" s="35">
        <v>1</v>
      </c>
      <c r="C85" s="13">
        <v>0</v>
      </c>
      <c r="D85" s="12">
        <v>1</v>
      </c>
    </row>
    <row r="86" spans="1:4" ht="18" customHeight="1" x14ac:dyDescent="0.2">
      <c r="A86" s="8">
        <v>66</v>
      </c>
      <c r="B86" s="35">
        <v>1</v>
      </c>
      <c r="C86" s="13">
        <v>6</v>
      </c>
      <c r="D86" s="12">
        <v>7</v>
      </c>
    </row>
    <row r="87" spans="1:4" ht="18" customHeight="1" x14ac:dyDescent="0.2">
      <c r="A87" s="8">
        <v>67</v>
      </c>
      <c r="B87" s="35">
        <v>0</v>
      </c>
      <c r="C87" s="13">
        <v>4</v>
      </c>
      <c r="D87" s="12">
        <v>4</v>
      </c>
    </row>
    <row r="88" spans="1:4" ht="18" customHeight="1" x14ac:dyDescent="0.2">
      <c r="A88" s="8">
        <v>68</v>
      </c>
      <c r="B88" s="35">
        <v>0</v>
      </c>
      <c r="C88" s="13">
        <v>1</v>
      </c>
      <c r="D88" s="12">
        <v>1</v>
      </c>
    </row>
    <row r="89" spans="1:4" ht="18" customHeight="1" x14ac:dyDescent="0.2">
      <c r="A89" s="8">
        <v>69</v>
      </c>
      <c r="B89" s="35">
        <v>3</v>
      </c>
      <c r="C89" s="13">
        <v>2</v>
      </c>
      <c r="D89" s="12">
        <v>5</v>
      </c>
    </row>
    <row r="90" spans="1:4" ht="18" customHeight="1" x14ac:dyDescent="0.2">
      <c r="A90" s="8" t="s">
        <v>10</v>
      </c>
      <c r="B90" s="35">
        <v>5</v>
      </c>
      <c r="C90" s="13">
        <v>13</v>
      </c>
      <c r="D90" s="12">
        <v>18</v>
      </c>
    </row>
    <row r="91" spans="1:4" ht="18" customHeight="1" x14ac:dyDescent="0.2">
      <c r="A91" s="8">
        <v>70</v>
      </c>
      <c r="B91" s="35">
        <v>1</v>
      </c>
      <c r="C91" s="13">
        <v>0</v>
      </c>
      <c r="D91" s="12">
        <v>1</v>
      </c>
    </row>
    <row r="92" spans="1:4" ht="18" customHeight="1" x14ac:dyDescent="0.2">
      <c r="A92" s="8">
        <v>71</v>
      </c>
      <c r="B92" s="35">
        <v>2</v>
      </c>
      <c r="C92" s="13">
        <v>2</v>
      </c>
      <c r="D92" s="12">
        <v>4</v>
      </c>
    </row>
    <row r="93" spans="1:4" ht="18" customHeight="1" x14ac:dyDescent="0.2">
      <c r="A93" s="8">
        <v>72</v>
      </c>
      <c r="B93" s="35">
        <v>2</v>
      </c>
      <c r="C93" s="13">
        <v>0</v>
      </c>
      <c r="D93" s="12">
        <v>2</v>
      </c>
    </row>
    <row r="94" spans="1:4" ht="18" customHeight="1" x14ac:dyDescent="0.2">
      <c r="A94" s="8">
        <v>73</v>
      </c>
      <c r="B94" s="35">
        <v>5</v>
      </c>
      <c r="C94" s="13">
        <v>0</v>
      </c>
      <c r="D94" s="12">
        <v>5</v>
      </c>
    </row>
    <row r="95" spans="1:4" ht="18" customHeight="1" x14ac:dyDescent="0.2">
      <c r="A95" s="8">
        <v>74</v>
      </c>
      <c r="B95" s="35">
        <v>2</v>
      </c>
      <c r="C95" s="13">
        <v>1</v>
      </c>
      <c r="D95" s="12">
        <v>3</v>
      </c>
    </row>
    <row r="96" spans="1:4" ht="18" customHeight="1" x14ac:dyDescent="0.2">
      <c r="A96" s="8" t="s">
        <v>9</v>
      </c>
      <c r="B96" s="35">
        <v>12</v>
      </c>
      <c r="C96" s="13">
        <v>3</v>
      </c>
      <c r="D96" s="12">
        <v>15</v>
      </c>
    </row>
    <row r="97" spans="1:4" ht="18" customHeight="1" x14ac:dyDescent="0.2">
      <c r="A97" s="8">
        <v>75</v>
      </c>
      <c r="B97" s="35">
        <v>3</v>
      </c>
      <c r="C97" s="13">
        <v>4</v>
      </c>
      <c r="D97" s="12">
        <v>7</v>
      </c>
    </row>
    <row r="98" spans="1:4" ht="18" customHeight="1" x14ac:dyDescent="0.2">
      <c r="A98" s="8">
        <v>76</v>
      </c>
      <c r="B98" s="35">
        <v>2</v>
      </c>
      <c r="C98" s="13">
        <v>1</v>
      </c>
      <c r="D98" s="12">
        <v>3</v>
      </c>
    </row>
    <row r="99" spans="1:4" ht="18" customHeight="1" x14ac:dyDescent="0.2">
      <c r="A99" s="8">
        <v>77</v>
      </c>
      <c r="B99" s="35">
        <v>0</v>
      </c>
      <c r="C99" s="13">
        <v>0</v>
      </c>
      <c r="D99" s="12">
        <v>0</v>
      </c>
    </row>
    <row r="100" spans="1:4" ht="18" customHeight="1" x14ac:dyDescent="0.2">
      <c r="A100" s="8">
        <v>78</v>
      </c>
      <c r="B100" s="35">
        <v>2</v>
      </c>
      <c r="C100" s="13">
        <v>0</v>
      </c>
      <c r="D100" s="12">
        <v>2</v>
      </c>
    </row>
    <row r="101" spans="1:4" ht="18" customHeight="1" x14ac:dyDescent="0.2">
      <c r="A101" s="8">
        <v>79</v>
      </c>
      <c r="B101" s="35">
        <v>2</v>
      </c>
      <c r="C101" s="13">
        <v>1</v>
      </c>
      <c r="D101" s="12">
        <v>3</v>
      </c>
    </row>
    <row r="102" spans="1:4" ht="18" customHeight="1" x14ac:dyDescent="0.2">
      <c r="A102" s="8" t="s">
        <v>8</v>
      </c>
      <c r="B102" s="35">
        <v>9</v>
      </c>
      <c r="C102" s="13">
        <v>6</v>
      </c>
      <c r="D102" s="12">
        <v>15</v>
      </c>
    </row>
    <row r="103" spans="1:4" ht="18" customHeight="1" x14ac:dyDescent="0.2">
      <c r="A103" s="8">
        <v>80</v>
      </c>
      <c r="B103" s="35">
        <v>1</v>
      </c>
      <c r="C103" s="13">
        <v>2</v>
      </c>
      <c r="D103" s="12">
        <v>3</v>
      </c>
    </row>
    <row r="104" spans="1:4" ht="18" customHeight="1" x14ac:dyDescent="0.2">
      <c r="A104" s="8">
        <v>81</v>
      </c>
      <c r="B104" s="35">
        <v>0</v>
      </c>
      <c r="C104" s="13">
        <v>2</v>
      </c>
      <c r="D104" s="12">
        <v>2</v>
      </c>
    </row>
    <row r="105" spans="1:4" ht="18" customHeight="1" x14ac:dyDescent="0.2">
      <c r="A105" s="8">
        <v>82</v>
      </c>
      <c r="B105" s="35">
        <v>1</v>
      </c>
      <c r="C105" s="13">
        <v>0</v>
      </c>
      <c r="D105" s="12">
        <v>1</v>
      </c>
    </row>
    <row r="106" spans="1:4" ht="18" customHeight="1" x14ac:dyDescent="0.2">
      <c r="A106" s="8">
        <v>83</v>
      </c>
      <c r="B106" s="35">
        <v>1</v>
      </c>
      <c r="C106" s="13">
        <v>5</v>
      </c>
      <c r="D106" s="12">
        <v>6</v>
      </c>
    </row>
    <row r="107" spans="1:4" ht="18" customHeight="1" x14ac:dyDescent="0.2">
      <c r="A107" s="8">
        <v>84</v>
      </c>
      <c r="B107" s="35">
        <v>0</v>
      </c>
      <c r="C107" s="13">
        <v>0</v>
      </c>
      <c r="D107" s="12">
        <v>0</v>
      </c>
    </row>
    <row r="108" spans="1:4" ht="18" customHeight="1" x14ac:dyDescent="0.2">
      <c r="A108" s="8" t="s">
        <v>7</v>
      </c>
      <c r="B108" s="35">
        <v>3</v>
      </c>
      <c r="C108" s="13">
        <v>9</v>
      </c>
      <c r="D108" s="12">
        <v>12</v>
      </c>
    </row>
    <row r="109" spans="1:4" ht="18" customHeight="1" x14ac:dyDescent="0.2">
      <c r="A109" s="8">
        <v>85</v>
      </c>
      <c r="B109" s="35">
        <v>3</v>
      </c>
      <c r="C109" s="13">
        <v>5</v>
      </c>
      <c r="D109" s="12">
        <v>8</v>
      </c>
    </row>
    <row r="110" spans="1:4" ht="18" customHeight="1" x14ac:dyDescent="0.2">
      <c r="A110" s="8">
        <v>86</v>
      </c>
      <c r="B110" s="35">
        <v>2</v>
      </c>
      <c r="C110" s="13">
        <v>3</v>
      </c>
      <c r="D110" s="12">
        <v>5</v>
      </c>
    </row>
    <row r="111" spans="1:4" ht="18" customHeight="1" x14ac:dyDescent="0.2">
      <c r="A111" s="8">
        <v>87</v>
      </c>
      <c r="B111" s="35">
        <v>1</v>
      </c>
      <c r="C111" s="13">
        <v>2</v>
      </c>
      <c r="D111" s="12">
        <v>3</v>
      </c>
    </row>
    <row r="112" spans="1:4" ht="18" customHeight="1" x14ac:dyDescent="0.2">
      <c r="A112" s="8">
        <v>88</v>
      </c>
      <c r="B112" s="35">
        <v>0</v>
      </c>
      <c r="C112" s="13">
        <v>1</v>
      </c>
      <c r="D112" s="12">
        <v>1</v>
      </c>
    </row>
    <row r="113" spans="1:4" ht="18" customHeight="1" x14ac:dyDescent="0.2">
      <c r="A113" s="8">
        <v>89</v>
      </c>
      <c r="B113" s="35">
        <v>0</v>
      </c>
      <c r="C113" s="13">
        <v>1</v>
      </c>
      <c r="D113" s="12">
        <v>1</v>
      </c>
    </row>
    <row r="114" spans="1:4" ht="18" customHeight="1" x14ac:dyDescent="0.2">
      <c r="A114" s="8" t="s">
        <v>6</v>
      </c>
      <c r="B114" s="35">
        <v>6</v>
      </c>
      <c r="C114" s="13">
        <v>12</v>
      </c>
      <c r="D114" s="12">
        <v>18</v>
      </c>
    </row>
    <row r="115" spans="1:4" ht="18" customHeight="1" x14ac:dyDescent="0.2">
      <c r="A115" s="8">
        <v>90</v>
      </c>
      <c r="B115" s="35">
        <v>0</v>
      </c>
      <c r="C115" s="13">
        <v>1</v>
      </c>
      <c r="D115" s="12">
        <v>1</v>
      </c>
    </row>
    <row r="116" spans="1:4" ht="18" customHeight="1" x14ac:dyDescent="0.2">
      <c r="A116" s="8">
        <v>91</v>
      </c>
      <c r="B116" s="35">
        <v>1</v>
      </c>
      <c r="C116" s="13">
        <v>1</v>
      </c>
      <c r="D116" s="12">
        <v>2</v>
      </c>
    </row>
    <row r="117" spans="1:4" ht="18" customHeight="1" x14ac:dyDescent="0.2">
      <c r="A117" s="8">
        <v>92</v>
      </c>
      <c r="B117" s="35">
        <v>0</v>
      </c>
      <c r="C117" s="13">
        <v>2</v>
      </c>
      <c r="D117" s="12">
        <v>2</v>
      </c>
    </row>
    <row r="118" spans="1:4" ht="18" customHeight="1" x14ac:dyDescent="0.2">
      <c r="A118" s="8">
        <v>93</v>
      </c>
      <c r="B118" s="35">
        <v>0</v>
      </c>
      <c r="C118" s="13">
        <v>0</v>
      </c>
      <c r="D118" s="12">
        <v>0</v>
      </c>
    </row>
    <row r="119" spans="1:4" ht="18" customHeight="1" x14ac:dyDescent="0.2">
      <c r="A119" s="8">
        <v>94</v>
      </c>
      <c r="B119" s="35">
        <v>0</v>
      </c>
      <c r="C119" s="13">
        <v>1</v>
      </c>
      <c r="D119" s="12">
        <v>1</v>
      </c>
    </row>
    <row r="120" spans="1:4" ht="18" customHeight="1" x14ac:dyDescent="0.2">
      <c r="A120" s="8" t="s">
        <v>5</v>
      </c>
      <c r="B120" s="35">
        <v>1</v>
      </c>
      <c r="C120" s="13">
        <v>5</v>
      </c>
      <c r="D120" s="12">
        <v>6</v>
      </c>
    </row>
    <row r="121" spans="1:4" ht="18" customHeight="1" x14ac:dyDescent="0.2">
      <c r="A121" s="8">
        <v>95</v>
      </c>
      <c r="B121" s="35">
        <v>0</v>
      </c>
      <c r="C121" s="13">
        <v>1</v>
      </c>
      <c r="D121" s="12">
        <v>1</v>
      </c>
    </row>
    <row r="122" spans="1:4" ht="18" customHeight="1" x14ac:dyDescent="0.2">
      <c r="A122" s="8">
        <v>96</v>
      </c>
      <c r="B122" s="35">
        <v>0</v>
      </c>
      <c r="C122" s="13">
        <v>0</v>
      </c>
      <c r="D122" s="12">
        <v>0</v>
      </c>
    </row>
    <row r="123" spans="1:4" ht="18" customHeight="1" x14ac:dyDescent="0.2">
      <c r="A123" s="8">
        <v>97</v>
      </c>
      <c r="B123" s="35">
        <v>0</v>
      </c>
      <c r="C123" s="13">
        <v>0</v>
      </c>
      <c r="D123" s="12">
        <v>0</v>
      </c>
    </row>
    <row r="124" spans="1:4" ht="18" customHeight="1" x14ac:dyDescent="0.2">
      <c r="A124" s="8">
        <v>98</v>
      </c>
      <c r="B124" s="35">
        <v>0</v>
      </c>
      <c r="C124" s="13">
        <v>0</v>
      </c>
      <c r="D124" s="12">
        <v>0</v>
      </c>
    </row>
    <row r="125" spans="1:4" ht="18" customHeight="1" x14ac:dyDescent="0.2">
      <c r="A125" s="8">
        <v>99</v>
      </c>
      <c r="B125" s="35">
        <v>0</v>
      </c>
      <c r="C125" s="13">
        <v>0</v>
      </c>
      <c r="D125" s="12">
        <v>0</v>
      </c>
    </row>
    <row r="126" spans="1:4" ht="18" customHeight="1" x14ac:dyDescent="0.2">
      <c r="A126" s="8" t="s">
        <v>4</v>
      </c>
      <c r="B126" s="35">
        <v>0</v>
      </c>
      <c r="C126" s="13">
        <v>1</v>
      </c>
      <c r="D126" s="12">
        <v>1</v>
      </c>
    </row>
    <row r="127" spans="1:4" ht="18" customHeight="1" x14ac:dyDescent="0.2">
      <c r="A127" s="8">
        <v>100</v>
      </c>
      <c r="B127" s="35">
        <v>0</v>
      </c>
      <c r="C127" s="13">
        <v>0</v>
      </c>
      <c r="D127" s="12">
        <v>0</v>
      </c>
    </row>
    <row r="128" spans="1:4" ht="18" customHeight="1" x14ac:dyDescent="0.2">
      <c r="A128" s="15" t="s">
        <v>3</v>
      </c>
      <c r="B128" s="35">
        <v>0</v>
      </c>
      <c r="C128" s="13">
        <v>1</v>
      </c>
      <c r="D128" s="12">
        <v>1</v>
      </c>
    </row>
    <row r="129" spans="1:4" ht="18" customHeight="1" x14ac:dyDescent="0.2">
      <c r="A129" s="8" t="s">
        <v>2</v>
      </c>
      <c r="B129" s="35">
        <v>0</v>
      </c>
      <c r="C129" s="13">
        <v>1</v>
      </c>
      <c r="D129" s="12">
        <v>1</v>
      </c>
    </row>
    <row r="130" spans="1:4" ht="18" customHeight="1" x14ac:dyDescent="0.2">
      <c r="A130" s="8" t="s">
        <v>1</v>
      </c>
      <c r="B130" s="28">
        <v>36</v>
      </c>
      <c r="C130" s="6">
        <v>50</v>
      </c>
      <c r="D130" s="5">
        <v>86</v>
      </c>
    </row>
    <row r="131" spans="1:4" ht="18" customHeight="1" x14ac:dyDescent="0.2">
      <c r="A131" s="4" t="s">
        <v>0</v>
      </c>
      <c r="B131" s="27">
        <v>62</v>
      </c>
      <c r="C131" s="2">
        <v>72</v>
      </c>
      <c r="D131" s="1">
        <v>134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91BBD12-947C-48F3-ABED-A56ABA7235C1}">
  <sheetPr codeName="Sheet8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101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0</v>
      </c>
      <c r="C5" s="45">
        <v>0</v>
      </c>
      <c r="D5" s="44">
        <v>0</v>
      </c>
    </row>
    <row r="6" spans="1:4" ht="18" customHeight="1" x14ac:dyDescent="0.2">
      <c r="A6" s="8">
        <v>1</v>
      </c>
      <c r="B6" s="40">
        <v>0</v>
      </c>
      <c r="C6" s="13">
        <v>0</v>
      </c>
      <c r="D6" s="12">
        <v>0</v>
      </c>
    </row>
    <row r="7" spans="1:4" ht="18" customHeight="1" x14ac:dyDescent="0.2">
      <c r="A7" s="8">
        <v>2</v>
      </c>
      <c r="B7" s="40">
        <v>0</v>
      </c>
      <c r="C7" s="13">
        <v>0</v>
      </c>
      <c r="D7" s="12">
        <v>0</v>
      </c>
    </row>
    <row r="8" spans="1:4" ht="18" customHeight="1" x14ac:dyDescent="0.2">
      <c r="A8" s="8">
        <v>3</v>
      </c>
      <c r="B8" s="40">
        <v>0</v>
      </c>
      <c r="C8" s="13">
        <v>0</v>
      </c>
      <c r="D8" s="12">
        <v>0</v>
      </c>
    </row>
    <row r="9" spans="1:4" ht="18" customHeight="1" x14ac:dyDescent="0.2">
      <c r="A9" s="8">
        <v>4</v>
      </c>
      <c r="B9" s="43">
        <v>0</v>
      </c>
      <c r="C9" s="42">
        <v>0</v>
      </c>
      <c r="D9" s="41">
        <v>0</v>
      </c>
    </row>
    <row r="10" spans="1:4" ht="18" customHeight="1" x14ac:dyDescent="0.2">
      <c r="A10" s="8" t="s">
        <v>25</v>
      </c>
      <c r="B10" s="35">
        <v>0</v>
      </c>
      <c r="C10" s="13">
        <v>0</v>
      </c>
      <c r="D10" s="12">
        <v>0</v>
      </c>
    </row>
    <row r="11" spans="1:4" ht="18" customHeight="1" x14ac:dyDescent="0.2">
      <c r="A11" s="8">
        <v>5</v>
      </c>
      <c r="B11" s="40">
        <v>0</v>
      </c>
      <c r="C11" s="13">
        <v>0</v>
      </c>
      <c r="D11" s="12">
        <v>0</v>
      </c>
    </row>
    <row r="12" spans="1:4" ht="18" customHeight="1" x14ac:dyDescent="0.2">
      <c r="A12" s="8">
        <v>6</v>
      </c>
      <c r="B12" s="40">
        <v>0</v>
      </c>
      <c r="C12" s="13">
        <v>0</v>
      </c>
      <c r="D12" s="12">
        <v>0</v>
      </c>
    </row>
    <row r="13" spans="1:4" ht="18" customHeight="1" x14ac:dyDescent="0.2">
      <c r="A13" s="8">
        <v>7</v>
      </c>
      <c r="B13" s="40">
        <v>1</v>
      </c>
      <c r="C13" s="13">
        <v>0</v>
      </c>
      <c r="D13" s="12">
        <v>1</v>
      </c>
    </row>
    <row r="14" spans="1:4" ht="18" customHeight="1" x14ac:dyDescent="0.2">
      <c r="A14" s="8">
        <v>8</v>
      </c>
      <c r="B14" s="40">
        <v>0</v>
      </c>
      <c r="C14" s="13">
        <v>0</v>
      </c>
      <c r="D14" s="12">
        <v>0</v>
      </c>
    </row>
    <row r="15" spans="1:4" ht="18" customHeight="1" x14ac:dyDescent="0.2">
      <c r="A15" s="8">
        <v>9</v>
      </c>
      <c r="B15" s="40">
        <v>1</v>
      </c>
      <c r="C15" s="13">
        <v>0</v>
      </c>
      <c r="D15" s="12">
        <v>1</v>
      </c>
    </row>
    <row r="16" spans="1:4" ht="18" customHeight="1" x14ac:dyDescent="0.2">
      <c r="A16" s="8" t="s">
        <v>24</v>
      </c>
      <c r="B16" s="35">
        <v>2</v>
      </c>
      <c r="C16" s="13">
        <v>0</v>
      </c>
      <c r="D16" s="12">
        <v>2</v>
      </c>
    </row>
    <row r="17" spans="1:4" ht="18" customHeight="1" x14ac:dyDescent="0.2">
      <c r="A17" s="8">
        <v>10</v>
      </c>
      <c r="B17" s="35">
        <v>0</v>
      </c>
      <c r="C17" s="13">
        <v>0</v>
      </c>
      <c r="D17" s="12">
        <v>0</v>
      </c>
    </row>
    <row r="18" spans="1:4" ht="18" customHeight="1" x14ac:dyDescent="0.2">
      <c r="A18" s="8">
        <v>11</v>
      </c>
      <c r="B18" s="35">
        <v>0</v>
      </c>
      <c r="C18" s="13">
        <v>0</v>
      </c>
      <c r="D18" s="12">
        <v>0</v>
      </c>
    </row>
    <row r="19" spans="1:4" ht="18" customHeight="1" x14ac:dyDescent="0.2">
      <c r="A19" s="8">
        <v>12</v>
      </c>
      <c r="B19" s="35">
        <v>1</v>
      </c>
      <c r="C19" s="13">
        <v>0</v>
      </c>
      <c r="D19" s="12">
        <v>1</v>
      </c>
    </row>
    <row r="20" spans="1:4" ht="18" customHeight="1" x14ac:dyDescent="0.2">
      <c r="A20" s="8">
        <v>13</v>
      </c>
      <c r="B20" s="35">
        <v>0</v>
      </c>
      <c r="C20" s="13">
        <v>0</v>
      </c>
      <c r="D20" s="12">
        <v>0</v>
      </c>
    </row>
    <row r="21" spans="1:4" ht="18" customHeight="1" x14ac:dyDescent="0.2">
      <c r="A21" s="8">
        <v>14</v>
      </c>
      <c r="B21" s="35">
        <v>0</v>
      </c>
      <c r="C21" s="13">
        <v>0</v>
      </c>
      <c r="D21" s="12">
        <v>0</v>
      </c>
    </row>
    <row r="22" spans="1:4" ht="18" customHeight="1" x14ac:dyDescent="0.2">
      <c r="A22" s="8" t="s">
        <v>23</v>
      </c>
      <c r="B22" s="35">
        <v>1</v>
      </c>
      <c r="C22" s="13">
        <v>0</v>
      </c>
      <c r="D22" s="12">
        <v>1</v>
      </c>
    </row>
    <row r="23" spans="1:4" ht="18" customHeight="1" x14ac:dyDescent="0.2">
      <c r="A23" s="8" t="s">
        <v>22</v>
      </c>
      <c r="B23" s="35">
        <v>3</v>
      </c>
      <c r="C23" s="13">
        <v>0</v>
      </c>
      <c r="D23" s="12">
        <v>3</v>
      </c>
    </row>
    <row r="24" spans="1:4" ht="18" customHeight="1" x14ac:dyDescent="0.2">
      <c r="A24" s="8">
        <v>15</v>
      </c>
      <c r="B24" s="35">
        <v>0</v>
      </c>
      <c r="C24" s="13">
        <v>0</v>
      </c>
      <c r="D24" s="12">
        <v>0</v>
      </c>
    </row>
    <row r="25" spans="1:4" ht="18" customHeight="1" x14ac:dyDescent="0.2">
      <c r="A25" s="8">
        <v>16</v>
      </c>
      <c r="B25" s="35">
        <v>0</v>
      </c>
      <c r="C25" s="13">
        <v>0</v>
      </c>
      <c r="D25" s="12">
        <v>0</v>
      </c>
    </row>
    <row r="26" spans="1:4" ht="18" customHeight="1" x14ac:dyDescent="0.2">
      <c r="A26" s="8">
        <v>17</v>
      </c>
      <c r="B26" s="35">
        <v>0</v>
      </c>
      <c r="C26" s="13">
        <v>0</v>
      </c>
      <c r="D26" s="12">
        <v>0</v>
      </c>
    </row>
    <row r="27" spans="1:4" ht="18" customHeight="1" x14ac:dyDescent="0.2">
      <c r="A27" s="8">
        <v>18</v>
      </c>
      <c r="B27" s="35">
        <v>0</v>
      </c>
      <c r="C27" s="13">
        <v>0</v>
      </c>
      <c r="D27" s="12">
        <v>0</v>
      </c>
    </row>
    <row r="28" spans="1:4" ht="18" customHeight="1" x14ac:dyDescent="0.2">
      <c r="A28" s="8">
        <v>19</v>
      </c>
      <c r="B28" s="35">
        <v>0</v>
      </c>
      <c r="C28" s="13">
        <v>0</v>
      </c>
      <c r="D28" s="12">
        <v>0</v>
      </c>
    </row>
    <row r="29" spans="1:4" ht="18" customHeight="1" x14ac:dyDescent="0.2">
      <c r="A29" s="8" t="s">
        <v>21</v>
      </c>
      <c r="B29" s="35">
        <v>0</v>
      </c>
      <c r="C29" s="13">
        <v>0</v>
      </c>
      <c r="D29" s="12">
        <v>0</v>
      </c>
    </row>
    <row r="30" spans="1:4" ht="18" customHeight="1" x14ac:dyDescent="0.2">
      <c r="A30" s="8">
        <v>20</v>
      </c>
      <c r="B30" s="35">
        <v>0</v>
      </c>
      <c r="C30" s="13">
        <v>0</v>
      </c>
      <c r="D30" s="12">
        <v>0</v>
      </c>
    </row>
    <row r="31" spans="1:4" ht="18" customHeight="1" x14ac:dyDescent="0.2">
      <c r="A31" s="8">
        <v>21</v>
      </c>
      <c r="B31" s="35">
        <v>0</v>
      </c>
      <c r="C31" s="13">
        <v>0</v>
      </c>
      <c r="D31" s="12">
        <v>0</v>
      </c>
    </row>
    <row r="32" spans="1:4" ht="18" customHeight="1" x14ac:dyDescent="0.2">
      <c r="A32" s="8">
        <v>22</v>
      </c>
      <c r="B32" s="35">
        <v>0</v>
      </c>
      <c r="C32" s="13">
        <v>0</v>
      </c>
      <c r="D32" s="12">
        <v>0</v>
      </c>
    </row>
    <row r="33" spans="1:4" ht="18" customHeight="1" x14ac:dyDescent="0.2">
      <c r="A33" s="8">
        <v>23</v>
      </c>
      <c r="B33" s="35">
        <v>0</v>
      </c>
      <c r="C33" s="13">
        <v>0</v>
      </c>
      <c r="D33" s="12">
        <v>0</v>
      </c>
    </row>
    <row r="34" spans="1:4" ht="18" customHeight="1" x14ac:dyDescent="0.2">
      <c r="A34" s="8">
        <v>24</v>
      </c>
      <c r="B34" s="35">
        <v>0</v>
      </c>
      <c r="C34" s="13">
        <v>0</v>
      </c>
      <c r="D34" s="12">
        <v>0</v>
      </c>
    </row>
    <row r="35" spans="1:4" ht="18" customHeight="1" x14ac:dyDescent="0.2">
      <c r="A35" s="8" t="s">
        <v>20</v>
      </c>
      <c r="B35" s="35">
        <v>0</v>
      </c>
      <c r="C35" s="13">
        <v>0</v>
      </c>
      <c r="D35" s="12">
        <v>0</v>
      </c>
    </row>
    <row r="36" spans="1:4" ht="18" customHeight="1" x14ac:dyDescent="0.2">
      <c r="A36" s="8">
        <v>25</v>
      </c>
      <c r="B36" s="35">
        <v>0</v>
      </c>
      <c r="C36" s="13">
        <v>0</v>
      </c>
      <c r="D36" s="12">
        <v>0</v>
      </c>
    </row>
    <row r="37" spans="1:4" ht="18" customHeight="1" x14ac:dyDescent="0.2">
      <c r="A37" s="8">
        <v>26</v>
      </c>
      <c r="B37" s="35">
        <v>0</v>
      </c>
      <c r="C37" s="13">
        <v>1</v>
      </c>
      <c r="D37" s="12">
        <v>1</v>
      </c>
    </row>
    <row r="38" spans="1:4" ht="18" customHeight="1" x14ac:dyDescent="0.2">
      <c r="A38" s="8">
        <v>27</v>
      </c>
      <c r="B38" s="35">
        <v>0</v>
      </c>
      <c r="C38" s="13">
        <v>0</v>
      </c>
      <c r="D38" s="12">
        <v>0</v>
      </c>
    </row>
    <row r="39" spans="1:4" ht="18" customHeight="1" x14ac:dyDescent="0.2">
      <c r="A39" s="8">
        <v>28</v>
      </c>
      <c r="B39" s="35">
        <v>0</v>
      </c>
      <c r="C39" s="13">
        <v>0</v>
      </c>
      <c r="D39" s="12">
        <v>0</v>
      </c>
    </row>
    <row r="40" spans="1:4" ht="18" customHeight="1" x14ac:dyDescent="0.2">
      <c r="A40" s="8">
        <v>29</v>
      </c>
      <c r="B40" s="35">
        <v>0</v>
      </c>
      <c r="C40" s="13">
        <v>0</v>
      </c>
      <c r="D40" s="12">
        <v>0</v>
      </c>
    </row>
    <row r="41" spans="1:4" ht="18" customHeight="1" x14ac:dyDescent="0.2">
      <c r="A41" s="8" t="s">
        <v>19</v>
      </c>
      <c r="B41" s="35">
        <v>0</v>
      </c>
      <c r="C41" s="13">
        <v>1</v>
      </c>
      <c r="D41" s="12">
        <v>1</v>
      </c>
    </row>
    <row r="42" spans="1:4" ht="18" customHeight="1" x14ac:dyDescent="0.2">
      <c r="A42" s="8">
        <v>30</v>
      </c>
      <c r="B42" s="35">
        <v>0</v>
      </c>
      <c r="C42" s="13">
        <v>0</v>
      </c>
      <c r="D42" s="12">
        <v>0</v>
      </c>
    </row>
    <row r="43" spans="1:4" ht="18" customHeight="1" x14ac:dyDescent="0.2">
      <c r="A43" s="8">
        <v>31</v>
      </c>
      <c r="B43" s="35">
        <v>1</v>
      </c>
      <c r="C43" s="13">
        <v>0</v>
      </c>
      <c r="D43" s="12">
        <v>1</v>
      </c>
    </row>
    <row r="44" spans="1:4" ht="18" customHeight="1" x14ac:dyDescent="0.2">
      <c r="A44" s="8">
        <v>32</v>
      </c>
      <c r="B44" s="35">
        <v>0</v>
      </c>
      <c r="C44" s="13">
        <v>0</v>
      </c>
      <c r="D44" s="12">
        <v>0</v>
      </c>
    </row>
    <row r="45" spans="1:4" ht="18" customHeight="1" x14ac:dyDescent="0.2">
      <c r="A45" s="8">
        <v>33</v>
      </c>
      <c r="B45" s="35">
        <v>0</v>
      </c>
      <c r="C45" s="13">
        <v>0</v>
      </c>
      <c r="D45" s="12">
        <v>0</v>
      </c>
    </row>
    <row r="46" spans="1:4" ht="18" customHeight="1" x14ac:dyDescent="0.2">
      <c r="A46" s="8">
        <v>34</v>
      </c>
      <c r="B46" s="35">
        <v>1</v>
      </c>
      <c r="C46" s="13">
        <v>0</v>
      </c>
      <c r="D46" s="12">
        <v>1</v>
      </c>
    </row>
    <row r="47" spans="1:4" ht="18" customHeight="1" x14ac:dyDescent="0.2">
      <c r="A47" s="8" t="s">
        <v>18</v>
      </c>
      <c r="B47" s="35">
        <v>2</v>
      </c>
      <c r="C47" s="13">
        <v>0</v>
      </c>
      <c r="D47" s="12">
        <v>2</v>
      </c>
    </row>
    <row r="48" spans="1:4" ht="18" customHeight="1" x14ac:dyDescent="0.2">
      <c r="A48" s="8">
        <v>35</v>
      </c>
      <c r="B48" s="35">
        <v>0</v>
      </c>
      <c r="C48" s="13">
        <v>0</v>
      </c>
      <c r="D48" s="12">
        <v>0</v>
      </c>
    </row>
    <row r="49" spans="1:4" ht="18" customHeight="1" x14ac:dyDescent="0.2">
      <c r="A49" s="8">
        <v>36</v>
      </c>
      <c r="B49" s="35">
        <v>0</v>
      </c>
      <c r="C49" s="13">
        <v>0</v>
      </c>
      <c r="D49" s="12">
        <v>0</v>
      </c>
    </row>
    <row r="50" spans="1:4" ht="18" customHeight="1" x14ac:dyDescent="0.2">
      <c r="A50" s="8">
        <v>37</v>
      </c>
      <c r="B50" s="35">
        <v>0</v>
      </c>
      <c r="C50" s="13">
        <v>0</v>
      </c>
      <c r="D50" s="12">
        <v>0</v>
      </c>
    </row>
    <row r="51" spans="1:4" ht="18" customHeight="1" x14ac:dyDescent="0.2">
      <c r="A51" s="8">
        <v>38</v>
      </c>
      <c r="B51" s="35">
        <v>0</v>
      </c>
      <c r="C51" s="13">
        <v>0</v>
      </c>
      <c r="D51" s="12">
        <v>0</v>
      </c>
    </row>
    <row r="52" spans="1:4" ht="18" customHeight="1" x14ac:dyDescent="0.2">
      <c r="A52" s="8">
        <v>39</v>
      </c>
      <c r="B52" s="35">
        <v>0</v>
      </c>
      <c r="C52" s="13">
        <v>0</v>
      </c>
      <c r="D52" s="12">
        <v>0</v>
      </c>
    </row>
    <row r="53" spans="1:4" ht="18" customHeight="1" x14ac:dyDescent="0.2">
      <c r="A53" s="8" t="s">
        <v>17</v>
      </c>
      <c r="B53" s="35">
        <v>0</v>
      </c>
      <c r="C53" s="13">
        <v>0</v>
      </c>
      <c r="D53" s="12">
        <v>0</v>
      </c>
    </row>
    <row r="54" spans="1:4" ht="18" customHeight="1" x14ac:dyDescent="0.2">
      <c r="A54" s="8">
        <v>40</v>
      </c>
      <c r="B54" s="35">
        <v>0</v>
      </c>
      <c r="C54" s="13">
        <v>0</v>
      </c>
      <c r="D54" s="12">
        <v>0</v>
      </c>
    </row>
    <row r="55" spans="1:4" ht="18" customHeight="1" x14ac:dyDescent="0.2">
      <c r="A55" s="8">
        <v>41</v>
      </c>
      <c r="B55" s="35">
        <v>1</v>
      </c>
      <c r="C55" s="13">
        <v>0</v>
      </c>
      <c r="D55" s="12">
        <v>1</v>
      </c>
    </row>
    <row r="56" spans="1:4" ht="18" customHeight="1" x14ac:dyDescent="0.2">
      <c r="A56" s="8">
        <v>42</v>
      </c>
      <c r="B56" s="35">
        <v>0</v>
      </c>
      <c r="C56" s="13">
        <v>0</v>
      </c>
      <c r="D56" s="12">
        <v>0</v>
      </c>
    </row>
    <row r="57" spans="1:4" ht="18" customHeight="1" x14ac:dyDescent="0.2">
      <c r="A57" s="8">
        <v>43</v>
      </c>
      <c r="B57" s="35">
        <v>0</v>
      </c>
      <c r="C57" s="13">
        <v>0</v>
      </c>
      <c r="D57" s="12">
        <v>0</v>
      </c>
    </row>
    <row r="58" spans="1:4" ht="18" customHeight="1" x14ac:dyDescent="0.2">
      <c r="A58" s="8">
        <v>44</v>
      </c>
      <c r="B58" s="35">
        <v>0</v>
      </c>
      <c r="C58" s="13">
        <v>0</v>
      </c>
      <c r="D58" s="12">
        <v>0</v>
      </c>
    </row>
    <row r="59" spans="1:4" ht="18" customHeight="1" x14ac:dyDescent="0.2">
      <c r="A59" s="8" t="s">
        <v>16</v>
      </c>
      <c r="B59" s="35">
        <v>1</v>
      </c>
      <c r="C59" s="13">
        <v>0</v>
      </c>
      <c r="D59" s="12">
        <v>1</v>
      </c>
    </row>
    <row r="60" spans="1:4" ht="18" customHeight="1" x14ac:dyDescent="0.2">
      <c r="A60" s="8">
        <v>45</v>
      </c>
      <c r="B60" s="35">
        <v>0</v>
      </c>
      <c r="C60" s="13">
        <v>0</v>
      </c>
      <c r="D60" s="12">
        <v>0</v>
      </c>
    </row>
    <row r="61" spans="1:4" ht="18" customHeight="1" x14ac:dyDescent="0.2">
      <c r="A61" s="8">
        <v>46</v>
      </c>
      <c r="B61" s="35">
        <v>0</v>
      </c>
      <c r="C61" s="13">
        <v>0</v>
      </c>
      <c r="D61" s="12">
        <v>0</v>
      </c>
    </row>
    <row r="62" spans="1:4" ht="18" customHeight="1" x14ac:dyDescent="0.2">
      <c r="A62" s="8">
        <v>47</v>
      </c>
      <c r="B62" s="35">
        <v>0</v>
      </c>
      <c r="C62" s="13">
        <v>1</v>
      </c>
      <c r="D62" s="12">
        <v>1</v>
      </c>
    </row>
    <row r="63" spans="1:4" ht="18" customHeight="1" x14ac:dyDescent="0.2">
      <c r="A63" s="8">
        <v>48</v>
      </c>
      <c r="B63" s="35">
        <v>0</v>
      </c>
      <c r="C63" s="13">
        <v>0</v>
      </c>
      <c r="D63" s="12">
        <v>0</v>
      </c>
    </row>
    <row r="64" spans="1:4" ht="18" customHeight="1" x14ac:dyDescent="0.2">
      <c r="A64" s="8">
        <v>49</v>
      </c>
      <c r="B64" s="35">
        <v>0</v>
      </c>
      <c r="C64" s="13">
        <v>0</v>
      </c>
      <c r="D64" s="12">
        <v>0</v>
      </c>
    </row>
    <row r="65" spans="1:4" ht="18" customHeight="1" x14ac:dyDescent="0.2">
      <c r="A65" s="8" t="s">
        <v>15</v>
      </c>
      <c r="B65" s="35">
        <v>0</v>
      </c>
      <c r="C65" s="13">
        <v>1</v>
      </c>
      <c r="D65" s="12">
        <v>1</v>
      </c>
    </row>
    <row r="66" spans="1:4" ht="18" customHeight="1" x14ac:dyDescent="0.2">
      <c r="A66" s="8">
        <v>50</v>
      </c>
      <c r="B66" s="35">
        <v>1</v>
      </c>
      <c r="C66" s="13">
        <v>0</v>
      </c>
      <c r="D66" s="12">
        <v>1</v>
      </c>
    </row>
    <row r="67" spans="1:4" ht="18" customHeight="1" x14ac:dyDescent="0.2">
      <c r="A67" s="8">
        <v>51</v>
      </c>
      <c r="B67" s="35">
        <v>0</v>
      </c>
      <c r="C67" s="13">
        <v>0</v>
      </c>
      <c r="D67" s="12">
        <v>0</v>
      </c>
    </row>
    <row r="68" spans="1:4" ht="18" customHeight="1" x14ac:dyDescent="0.2">
      <c r="A68" s="8">
        <v>52</v>
      </c>
      <c r="B68" s="35">
        <v>1</v>
      </c>
      <c r="C68" s="13">
        <v>0</v>
      </c>
      <c r="D68" s="12">
        <v>1</v>
      </c>
    </row>
    <row r="69" spans="1:4" ht="18" customHeight="1" x14ac:dyDescent="0.2">
      <c r="A69" s="8">
        <v>53</v>
      </c>
      <c r="B69" s="35">
        <v>1</v>
      </c>
      <c r="C69" s="13">
        <v>0</v>
      </c>
      <c r="D69" s="12">
        <v>1</v>
      </c>
    </row>
    <row r="70" spans="1:4" ht="18" customHeight="1" x14ac:dyDescent="0.2">
      <c r="A70" s="8">
        <v>54</v>
      </c>
      <c r="B70" s="35">
        <v>0</v>
      </c>
      <c r="C70" s="13">
        <v>0</v>
      </c>
      <c r="D70" s="12">
        <v>0</v>
      </c>
    </row>
    <row r="71" spans="1:4" ht="18" customHeight="1" x14ac:dyDescent="0.2">
      <c r="A71" s="8" t="s">
        <v>14</v>
      </c>
      <c r="B71" s="35">
        <v>3</v>
      </c>
      <c r="C71" s="13">
        <v>0</v>
      </c>
      <c r="D71" s="12">
        <v>3</v>
      </c>
    </row>
    <row r="72" spans="1:4" ht="18" customHeight="1" x14ac:dyDescent="0.2">
      <c r="A72" s="8">
        <v>55</v>
      </c>
      <c r="B72" s="35">
        <v>0</v>
      </c>
      <c r="C72" s="13">
        <v>1</v>
      </c>
      <c r="D72" s="12">
        <v>1</v>
      </c>
    </row>
    <row r="73" spans="1:4" ht="18" customHeight="1" x14ac:dyDescent="0.2">
      <c r="A73" s="8">
        <v>56</v>
      </c>
      <c r="B73" s="35">
        <v>0</v>
      </c>
      <c r="C73" s="13">
        <v>0</v>
      </c>
      <c r="D73" s="12">
        <v>0</v>
      </c>
    </row>
    <row r="74" spans="1:4" ht="18" customHeight="1" x14ac:dyDescent="0.2">
      <c r="A74" s="8">
        <v>57</v>
      </c>
      <c r="B74" s="35">
        <v>0</v>
      </c>
      <c r="C74" s="13">
        <v>1</v>
      </c>
      <c r="D74" s="12">
        <v>1</v>
      </c>
    </row>
    <row r="75" spans="1:4" ht="18" customHeight="1" x14ac:dyDescent="0.2">
      <c r="A75" s="8">
        <v>58</v>
      </c>
      <c r="B75" s="35">
        <v>0</v>
      </c>
      <c r="C75" s="13">
        <v>0</v>
      </c>
      <c r="D75" s="12">
        <v>0</v>
      </c>
    </row>
    <row r="76" spans="1:4" ht="18" customHeight="1" x14ac:dyDescent="0.2">
      <c r="A76" s="8">
        <v>59</v>
      </c>
      <c r="B76" s="35">
        <v>0</v>
      </c>
      <c r="C76" s="13">
        <v>0</v>
      </c>
      <c r="D76" s="12">
        <v>0</v>
      </c>
    </row>
    <row r="77" spans="1:4" ht="18" customHeight="1" x14ac:dyDescent="0.2">
      <c r="A77" s="8" t="s">
        <v>13</v>
      </c>
      <c r="B77" s="35">
        <v>0</v>
      </c>
      <c r="C77" s="13">
        <v>2</v>
      </c>
      <c r="D77" s="12">
        <v>2</v>
      </c>
    </row>
    <row r="78" spans="1:4" ht="18" customHeight="1" x14ac:dyDescent="0.2">
      <c r="A78" s="8">
        <v>60</v>
      </c>
      <c r="B78" s="35">
        <v>0</v>
      </c>
      <c r="C78" s="13">
        <v>0</v>
      </c>
      <c r="D78" s="12">
        <v>0</v>
      </c>
    </row>
    <row r="79" spans="1:4" ht="18" customHeight="1" x14ac:dyDescent="0.2">
      <c r="A79" s="8">
        <v>61</v>
      </c>
      <c r="B79" s="35">
        <v>0</v>
      </c>
      <c r="C79" s="13">
        <v>0</v>
      </c>
      <c r="D79" s="12">
        <v>0</v>
      </c>
    </row>
    <row r="80" spans="1:4" ht="18" customHeight="1" x14ac:dyDescent="0.2">
      <c r="A80" s="8">
        <v>62</v>
      </c>
      <c r="B80" s="35">
        <v>1</v>
      </c>
      <c r="C80" s="13">
        <v>0</v>
      </c>
      <c r="D80" s="12">
        <v>1</v>
      </c>
    </row>
    <row r="81" spans="1:4" ht="18" customHeight="1" x14ac:dyDescent="0.2">
      <c r="A81" s="8">
        <v>63</v>
      </c>
      <c r="B81" s="35">
        <v>0</v>
      </c>
      <c r="C81" s="13">
        <v>0</v>
      </c>
      <c r="D81" s="12">
        <v>0</v>
      </c>
    </row>
    <row r="82" spans="1:4" ht="18" customHeight="1" x14ac:dyDescent="0.2">
      <c r="A82" s="8">
        <v>64</v>
      </c>
      <c r="B82" s="35">
        <v>0</v>
      </c>
      <c r="C82" s="13">
        <v>1</v>
      </c>
      <c r="D82" s="12">
        <v>1</v>
      </c>
    </row>
    <row r="83" spans="1:4" ht="18" customHeight="1" x14ac:dyDescent="0.2">
      <c r="A83" s="8" t="s">
        <v>12</v>
      </c>
      <c r="B83" s="35">
        <v>1</v>
      </c>
      <c r="C83" s="13">
        <v>1</v>
      </c>
      <c r="D83" s="12">
        <v>2</v>
      </c>
    </row>
    <row r="84" spans="1:4" ht="18" customHeight="1" x14ac:dyDescent="0.2">
      <c r="A84" s="8" t="s">
        <v>11</v>
      </c>
      <c r="B84" s="35">
        <v>7</v>
      </c>
      <c r="C84" s="13">
        <v>5</v>
      </c>
      <c r="D84" s="12">
        <v>12</v>
      </c>
    </row>
    <row r="85" spans="1:4" ht="18" customHeight="1" x14ac:dyDescent="0.2">
      <c r="A85" s="8">
        <v>65</v>
      </c>
      <c r="B85" s="35">
        <v>1</v>
      </c>
      <c r="C85" s="13">
        <v>1</v>
      </c>
      <c r="D85" s="12">
        <v>2</v>
      </c>
    </row>
    <row r="86" spans="1:4" ht="18" customHeight="1" x14ac:dyDescent="0.2">
      <c r="A86" s="8">
        <v>66</v>
      </c>
      <c r="B86" s="35">
        <v>1</v>
      </c>
      <c r="C86" s="13">
        <v>0</v>
      </c>
      <c r="D86" s="12">
        <v>1</v>
      </c>
    </row>
    <row r="87" spans="1:4" ht="18" customHeight="1" x14ac:dyDescent="0.2">
      <c r="A87" s="8">
        <v>67</v>
      </c>
      <c r="B87" s="35">
        <v>0</v>
      </c>
      <c r="C87" s="13">
        <v>0</v>
      </c>
      <c r="D87" s="12">
        <v>0</v>
      </c>
    </row>
    <row r="88" spans="1:4" ht="18" customHeight="1" x14ac:dyDescent="0.2">
      <c r="A88" s="8">
        <v>68</v>
      </c>
      <c r="B88" s="35">
        <v>1</v>
      </c>
      <c r="C88" s="13">
        <v>0</v>
      </c>
      <c r="D88" s="12">
        <v>1</v>
      </c>
    </row>
    <row r="89" spans="1:4" ht="18" customHeight="1" x14ac:dyDescent="0.2">
      <c r="A89" s="8">
        <v>69</v>
      </c>
      <c r="B89" s="35">
        <v>1</v>
      </c>
      <c r="C89" s="13">
        <v>0</v>
      </c>
      <c r="D89" s="12">
        <v>1</v>
      </c>
    </row>
    <row r="90" spans="1:4" ht="18" customHeight="1" x14ac:dyDescent="0.2">
      <c r="A90" s="8" t="s">
        <v>10</v>
      </c>
      <c r="B90" s="35">
        <v>4</v>
      </c>
      <c r="C90" s="13">
        <v>1</v>
      </c>
      <c r="D90" s="12">
        <v>5</v>
      </c>
    </row>
    <row r="91" spans="1:4" ht="18" customHeight="1" x14ac:dyDescent="0.2">
      <c r="A91" s="8">
        <v>70</v>
      </c>
      <c r="B91" s="35">
        <v>1</v>
      </c>
      <c r="C91" s="13">
        <v>0</v>
      </c>
      <c r="D91" s="12">
        <v>1</v>
      </c>
    </row>
    <row r="92" spans="1:4" ht="18" customHeight="1" x14ac:dyDescent="0.2">
      <c r="A92" s="8">
        <v>71</v>
      </c>
      <c r="B92" s="35">
        <v>2</v>
      </c>
      <c r="C92" s="13">
        <v>0</v>
      </c>
      <c r="D92" s="12">
        <v>2</v>
      </c>
    </row>
    <row r="93" spans="1:4" ht="18" customHeight="1" x14ac:dyDescent="0.2">
      <c r="A93" s="8">
        <v>72</v>
      </c>
      <c r="B93" s="35">
        <v>0</v>
      </c>
      <c r="C93" s="13">
        <v>0</v>
      </c>
      <c r="D93" s="12">
        <v>0</v>
      </c>
    </row>
    <row r="94" spans="1:4" ht="18" customHeight="1" x14ac:dyDescent="0.2">
      <c r="A94" s="8">
        <v>73</v>
      </c>
      <c r="B94" s="35">
        <v>1</v>
      </c>
      <c r="C94" s="13">
        <v>0</v>
      </c>
      <c r="D94" s="12">
        <v>1</v>
      </c>
    </row>
    <row r="95" spans="1:4" ht="18" customHeight="1" x14ac:dyDescent="0.2">
      <c r="A95" s="8">
        <v>74</v>
      </c>
      <c r="B95" s="35">
        <v>0</v>
      </c>
      <c r="C95" s="13">
        <v>0</v>
      </c>
      <c r="D95" s="12">
        <v>0</v>
      </c>
    </row>
    <row r="96" spans="1:4" ht="18" customHeight="1" x14ac:dyDescent="0.2">
      <c r="A96" s="8" t="s">
        <v>9</v>
      </c>
      <c r="B96" s="35">
        <v>4</v>
      </c>
      <c r="C96" s="13">
        <v>0</v>
      </c>
      <c r="D96" s="12">
        <v>4</v>
      </c>
    </row>
    <row r="97" spans="1:4" ht="18" customHeight="1" x14ac:dyDescent="0.2">
      <c r="A97" s="8">
        <v>75</v>
      </c>
      <c r="B97" s="35">
        <v>0</v>
      </c>
      <c r="C97" s="13">
        <v>0</v>
      </c>
      <c r="D97" s="12">
        <v>0</v>
      </c>
    </row>
    <row r="98" spans="1:4" ht="18" customHeight="1" x14ac:dyDescent="0.2">
      <c r="A98" s="8">
        <v>76</v>
      </c>
      <c r="B98" s="35">
        <v>3</v>
      </c>
      <c r="C98" s="13">
        <v>0</v>
      </c>
      <c r="D98" s="12">
        <v>3</v>
      </c>
    </row>
    <row r="99" spans="1:4" ht="18" customHeight="1" x14ac:dyDescent="0.2">
      <c r="A99" s="8">
        <v>77</v>
      </c>
      <c r="B99" s="35">
        <v>0</v>
      </c>
      <c r="C99" s="13">
        <v>1</v>
      </c>
      <c r="D99" s="12">
        <v>1</v>
      </c>
    </row>
    <row r="100" spans="1:4" ht="18" customHeight="1" x14ac:dyDescent="0.2">
      <c r="A100" s="8">
        <v>78</v>
      </c>
      <c r="B100" s="35">
        <v>0</v>
      </c>
      <c r="C100" s="13">
        <v>0</v>
      </c>
      <c r="D100" s="12">
        <v>0</v>
      </c>
    </row>
    <row r="101" spans="1:4" ht="18" customHeight="1" x14ac:dyDescent="0.2">
      <c r="A101" s="8">
        <v>79</v>
      </c>
      <c r="B101" s="35">
        <v>0</v>
      </c>
      <c r="C101" s="13">
        <v>0</v>
      </c>
      <c r="D101" s="12">
        <v>0</v>
      </c>
    </row>
    <row r="102" spans="1:4" ht="18" customHeight="1" x14ac:dyDescent="0.2">
      <c r="A102" s="8" t="s">
        <v>8</v>
      </c>
      <c r="B102" s="35">
        <v>3</v>
      </c>
      <c r="C102" s="13">
        <v>1</v>
      </c>
      <c r="D102" s="12">
        <v>4</v>
      </c>
    </row>
    <row r="103" spans="1:4" ht="18" customHeight="1" x14ac:dyDescent="0.2">
      <c r="A103" s="8">
        <v>80</v>
      </c>
      <c r="B103" s="35">
        <v>0</v>
      </c>
      <c r="C103" s="13">
        <v>0</v>
      </c>
      <c r="D103" s="12">
        <v>0</v>
      </c>
    </row>
    <row r="104" spans="1:4" ht="18" customHeight="1" x14ac:dyDescent="0.2">
      <c r="A104" s="8">
        <v>81</v>
      </c>
      <c r="B104" s="35">
        <v>1</v>
      </c>
      <c r="C104" s="13">
        <v>0</v>
      </c>
      <c r="D104" s="12">
        <v>1</v>
      </c>
    </row>
    <row r="105" spans="1:4" ht="18" customHeight="1" x14ac:dyDescent="0.2">
      <c r="A105" s="8">
        <v>82</v>
      </c>
      <c r="B105" s="35">
        <v>0</v>
      </c>
      <c r="C105" s="13">
        <v>0</v>
      </c>
      <c r="D105" s="12">
        <v>0</v>
      </c>
    </row>
    <row r="106" spans="1:4" ht="18" customHeight="1" x14ac:dyDescent="0.2">
      <c r="A106" s="8">
        <v>83</v>
      </c>
      <c r="B106" s="35">
        <v>1</v>
      </c>
      <c r="C106" s="13">
        <v>1</v>
      </c>
      <c r="D106" s="12">
        <v>2</v>
      </c>
    </row>
    <row r="107" spans="1:4" ht="18" customHeight="1" x14ac:dyDescent="0.2">
      <c r="A107" s="8">
        <v>84</v>
      </c>
      <c r="B107" s="35">
        <v>0</v>
      </c>
      <c r="C107" s="13">
        <v>1</v>
      </c>
      <c r="D107" s="12">
        <v>1</v>
      </c>
    </row>
    <row r="108" spans="1:4" ht="18" customHeight="1" x14ac:dyDescent="0.2">
      <c r="A108" s="8" t="s">
        <v>7</v>
      </c>
      <c r="B108" s="35">
        <v>2</v>
      </c>
      <c r="C108" s="13">
        <v>2</v>
      </c>
      <c r="D108" s="12">
        <v>4</v>
      </c>
    </row>
    <row r="109" spans="1:4" ht="18" customHeight="1" x14ac:dyDescent="0.2">
      <c r="A109" s="8">
        <v>85</v>
      </c>
      <c r="B109" s="35">
        <v>1</v>
      </c>
      <c r="C109" s="13">
        <v>1</v>
      </c>
      <c r="D109" s="12">
        <v>2</v>
      </c>
    </row>
    <row r="110" spans="1:4" ht="18" customHeight="1" x14ac:dyDescent="0.2">
      <c r="A110" s="8">
        <v>86</v>
      </c>
      <c r="B110" s="35">
        <v>1</v>
      </c>
      <c r="C110" s="13">
        <v>1</v>
      </c>
      <c r="D110" s="12">
        <v>2</v>
      </c>
    </row>
    <row r="111" spans="1:4" ht="18" customHeight="1" x14ac:dyDescent="0.2">
      <c r="A111" s="8">
        <v>87</v>
      </c>
      <c r="B111" s="35">
        <v>1</v>
      </c>
      <c r="C111" s="13">
        <v>4</v>
      </c>
      <c r="D111" s="12">
        <v>5</v>
      </c>
    </row>
    <row r="112" spans="1:4" ht="18" customHeight="1" x14ac:dyDescent="0.2">
      <c r="A112" s="8">
        <v>88</v>
      </c>
      <c r="B112" s="35">
        <v>1</v>
      </c>
      <c r="C112" s="13">
        <v>1</v>
      </c>
      <c r="D112" s="12">
        <v>2</v>
      </c>
    </row>
    <row r="113" spans="1:4" ht="18" customHeight="1" x14ac:dyDescent="0.2">
      <c r="A113" s="8">
        <v>89</v>
      </c>
      <c r="B113" s="35">
        <v>1</v>
      </c>
      <c r="C113" s="13">
        <v>0</v>
      </c>
      <c r="D113" s="12">
        <v>1</v>
      </c>
    </row>
    <row r="114" spans="1:4" ht="18" customHeight="1" x14ac:dyDescent="0.2">
      <c r="A114" s="8" t="s">
        <v>6</v>
      </c>
      <c r="B114" s="35">
        <v>5</v>
      </c>
      <c r="C114" s="13">
        <v>7</v>
      </c>
      <c r="D114" s="12">
        <v>12</v>
      </c>
    </row>
    <row r="115" spans="1:4" ht="18" customHeight="1" x14ac:dyDescent="0.2">
      <c r="A115" s="8">
        <v>90</v>
      </c>
      <c r="B115" s="35">
        <v>0</v>
      </c>
      <c r="C115" s="13">
        <v>0</v>
      </c>
      <c r="D115" s="12">
        <v>0</v>
      </c>
    </row>
    <row r="116" spans="1:4" ht="18" customHeight="1" x14ac:dyDescent="0.2">
      <c r="A116" s="8">
        <v>91</v>
      </c>
      <c r="B116" s="35">
        <v>0</v>
      </c>
      <c r="C116" s="13">
        <v>0</v>
      </c>
      <c r="D116" s="12">
        <v>0</v>
      </c>
    </row>
    <row r="117" spans="1:4" ht="18" customHeight="1" x14ac:dyDescent="0.2">
      <c r="A117" s="8">
        <v>92</v>
      </c>
      <c r="B117" s="35">
        <v>1</v>
      </c>
      <c r="C117" s="13">
        <v>0</v>
      </c>
      <c r="D117" s="12">
        <v>1</v>
      </c>
    </row>
    <row r="118" spans="1:4" ht="18" customHeight="1" x14ac:dyDescent="0.2">
      <c r="A118" s="8">
        <v>93</v>
      </c>
      <c r="B118" s="35">
        <v>0</v>
      </c>
      <c r="C118" s="13">
        <v>0</v>
      </c>
      <c r="D118" s="12">
        <v>0</v>
      </c>
    </row>
    <row r="119" spans="1:4" ht="18" customHeight="1" x14ac:dyDescent="0.2">
      <c r="A119" s="8">
        <v>94</v>
      </c>
      <c r="B119" s="35">
        <v>0</v>
      </c>
      <c r="C119" s="13">
        <v>0</v>
      </c>
      <c r="D119" s="12">
        <v>0</v>
      </c>
    </row>
    <row r="120" spans="1:4" ht="18" customHeight="1" x14ac:dyDescent="0.2">
      <c r="A120" s="8" t="s">
        <v>5</v>
      </c>
      <c r="B120" s="35">
        <v>1</v>
      </c>
      <c r="C120" s="13">
        <v>0</v>
      </c>
      <c r="D120" s="12">
        <v>1</v>
      </c>
    </row>
    <row r="121" spans="1:4" ht="18" customHeight="1" x14ac:dyDescent="0.2">
      <c r="A121" s="8">
        <v>95</v>
      </c>
      <c r="B121" s="35">
        <v>0</v>
      </c>
      <c r="C121" s="13">
        <v>0</v>
      </c>
      <c r="D121" s="12">
        <v>0</v>
      </c>
    </row>
    <row r="122" spans="1:4" ht="18" customHeight="1" x14ac:dyDescent="0.2">
      <c r="A122" s="8">
        <v>96</v>
      </c>
      <c r="B122" s="35">
        <v>0</v>
      </c>
      <c r="C122" s="13">
        <v>0</v>
      </c>
      <c r="D122" s="12">
        <v>0</v>
      </c>
    </row>
    <row r="123" spans="1:4" ht="18" customHeight="1" x14ac:dyDescent="0.2">
      <c r="A123" s="8">
        <v>97</v>
      </c>
      <c r="B123" s="35">
        <v>0</v>
      </c>
      <c r="C123" s="13">
        <v>0</v>
      </c>
      <c r="D123" s="12">
        <v>0</v>
      </c>
    </row>
    <row r="124" spans="1:4" ht="18" customHeight="1" x14ac:dyDescent="0.2">
      <c r="A124" s="8">
        <v>98</v>
      </c>
      <c r="B124" s="35">
        <v>0</v>
      </c>
      <c r="C124" s="13">
        <v>0</v>
      </c>
      <c r="D124" s="12">
        <v>0</v>
      </c>
    </row>
    <row r="125" spans="1:4" ht="18" customHeight="1" x14ac:dyDescent="0.2">
      <c r="A125" s="8">
        <v>99</v>
      </c>
      <c r="B125" s="35">
        <v>0</v>
      </c>
      <c r="C125" s="13">
        <v>0</v>
      </c>
      <c r="D125" s="12">
        <v>0</v>
      </c>
    </row>
    <row r="126" spans="1:4" ht="18" customHeight="1" x14ac:dyDescent="0.2">
      <c r="A126" s="8" t="s">
        <v>4</v>
      </c>
      <c r="B126" s="35">
        <v>0</v>
      </c>
      <c r="C126" s="13">
        <v>0</v>
      </c>
      <c r="D126" s="12">
        <v>0</v>
      </c>
    </row>
    <row r="127" spans="1:4" ht="18" customHeight="1" x14ac:dyDescent="0.2">
      <c r="A127" s="8">
        <v>100</v>
      </c>
      <c r="B127" s="35">
        <v>0</v>
      </c>
      <c r="C127" s="13">
        <v>1</v>
      </c>
      <c r="D127" s="12">
        <v>1</v>
      </c>
    </row>
    <row r="128" spans="1:4" ht="18" customHeight="1" x14ac:dyDescent="0.2">
      <c r="A128" s="15" t="s">
        <v>3</v>
      </c>
      <c r="B128" s="35">
        <v>0</v>
      </c>
      <c r="C128" s="13">
        <v>0</v>
      </c>
      <c r="D128" s="12">
        <v>0</v>
      </c>
    </row>
    <row r="129" spans="1:4" ht="18" customHeight="1" x14ac:dyDescent="0.2">
      <c r="A129" s="8" t="s">
        <v>2</v>
      </c>
      <c r="B129" s="35">
        <v>0</v>
      </c>
      <c r="C129" s="13">
        <v>1</v>
      </c>
      <c r="D129" s="12">
        <v>1</v>
      </c>
    </row>
    <row r="130" spans="1:4" ht="18" customHeight="1" x14ac:dyDescent="0.2">
      <c r="A130" s="8" t="s">
        <v>1</v>
      </c>
      <c r="B130" s="28">
        <v>19</v>
      </c>
      <c r="C130" s="6">
        <v>12</v>
      </c>
      <c r="D130" s="5">
        <v>31</v>
      </c>
    </row>
    <row r="131" spans="1:4" ht="18" customHeight="1" x14ac:dyDescent="0.2">
      <c r="A131" s="4" t="s">
        <v>0</v>
      </c>
      <c r="B131" s="27">
        <v>29</v>
      </c>
      <c r="C131" s="2">
        <v>17</v>
      </c>
      <c r="D131" s="1">
        <v>4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4D413BA-F4C3-4E17-ADC9-5231ED8EA8CE}">
  <sheetPr codeName="Sheet8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102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29</v>
      </c>
      <c r="C5" s="45">
        <v>22</v>
      </c>
      <c r="D5" s="44">
        <v>51</v>
      </c>
    </row>
    <row r="6" spans="1:4" ht="18" customHeight="1" x14ac:dyDescent="0.2">
      <c r="A6" s="8">
        <v>1</v>
      </c>
      <c r="B6" s="40">
        <v>36</v>
      </c>
      <c r="C6" s="13">
        <v>33</v>
      </c>
      <c r="D6" s="12">
        <v>69</v>
      </c>
    </row>
    <row r="7" spans="1:4" ht="18" customHeight="1" x14ac:dyDescent="0.2">
      <c r="A7" s="8">
        <v>2</v>
      </c>
      <c r="B7" s="40">
        <v>36</v>
      </c>
      <c r="C7" s="13">
        <v>43</v>
      </c>
      <c r="D7" s="12">
        <v>79</v>
      </c>
    </row>
    <row r="8" spans="1:4" ht="18" customHeight="1" x14ac:dyDescent="0.2">
      <c r="A8" s="8">
        <v>3</v>
      </c>
      <c r="B8" s="40">
        <v>37</v>
      </c>
      <c r="C8" s="13">
        <v>43</v>
      </c>
      <c r="D8" s="12">
        <v>80</v>
      </c>
    </row>
    <row r="9" spans="1:4" ht="18" customHeight="1" x14ac:dyDescent="0.2">
      <c r="A9" s="8">
        <v>4</v>
      </c>
      <c r="B9" s="43">
        <v>40</v>
      </c>
      <c r="C9" s="42">
        <v>53</v>
      </c>
      <c r="D9" s="41">
        <v>93</v>
      </c>
    </row>
    <row r="10" spans="1:4" ht="18" customHeight="1" x14ac:dyDescent="0.2">
      <c r="A10" s="8" t="s">
        <v>25</v>
      </c>
      <c r="B10" s="35">
        <v>178</v>
      </c>
      <c r="C10" s="13">
        <v>194</v>
      </c>
      <c r="D10" s="12">
        <v>372</v>
      </c>
    </row>
    <row r="11" spans="1:4" ht="18" customHeight="1" x14ac:dyDescent="0.2">
      <c r="A11" s="8">
        <v>5</v>
      </c>
      <c r="B11" s="40">
        <v>44</v>
      </c>
      <c r="C11" s="13">
        <v>52</v>
      </c>
      <c r="D11" s="12">
        <v>96</v>
      </c>
    </row>
    <row r="12" spans="1:4" ht="18" customHeight="1" x14ac:dyDescent="0.2">
      <c r="A12" s="8">
        <v>6</v>
      </c>
      <c r="B12" s="40">
        <v>50</v>
      </c>
      <c r="C12" s="13">
        <v>66</v>
      </c>
      <c r="D12" s="12">
        <v>116</v>
      </c>
    </row>
    <row r="13" spans="1:4" ht="18" customHeight="1" x14ac:dyDescent="0.2">
      <c r="A13" s="8">
        <v>7</v>
      </c>
      <c r="B13" s="40">
        <v>65</v>
      </c>
      <c r="C13" s="13">
        <v>64</v>
      </c>
      <c r="D13" s="12">
        <v>129</v>
      </c>
    </row>
    <row r="14" spans="1:4" ht="18" customHeight="1" x14ac:dyDescent="0.2">
      <c r="A14" s="8">
        <v>8</v>
      </c>
      <c r="B14" s="40">
        <v>55</v>
      </c>
      <c r="C14" s="13">
        <v>70</v>
      </c>
      <c r="D14" s="12">
        <v>125</v>
      </c>
    </row>
    <row r="15" spans="1:4" ht="18" customHeight="1" x14ac:dyDescent="0.2">
      <c r="A15" s="8">
        <v>9</v>
      </c>
      <c r="B15" s="40">
        <v>59</v>
      </c>
      <c r="C15" s="13">
        <v>54</v>
      </c>
      <c r="D15" s="12">
        <v>113</v>
      </c>
    </row>
    <row r="16" spans="1:4" ht="18" customHeight="1" x14ac:dyDescent="0.2">
      <c r="A16" s="8" t="s">
        <v>24</v>
      </c>
      <c r="B16" s="35">
        <v>273</v>
      </c>
      <c r="C16" s="13">
        <v>306</v>
      </c>
      <c r="D16" s="12">
        <v>579</v>
      </c>
    </row>
    <row r="17" spans="1:4" ht="18" customHeight="1" x14ac:dyDescent="0.2">
      <c r="A17" s="8">
        <v>10</v>
      </c>
      <c r="B17" s="35">
        <v>69</v>
      </c>
      <c r="C17" s="13">
        <v>68</v>
      </c>
      <c r="D17" s="12">
        <v>137</v>
      </c>
    </row>
    <row r="18" spans="1:4" ht="18" customHeight="1" x14ac:dyDescent="0.2">
      <c r="A18" s="8">
        <v>11</v>
      </c>
      <c r="B18" s="35">
        <v>60</v>
      </c>
      <c r="C18" s="13">
        <v>60</v>
      </c>
      <c r="D18" s="12">
        <v>120</v>
      </c>
    </row>
    <row r="19" spans="1:4" ht="18" customHeight="1" x14ac:dyDescent="0.2">
      <c r="A19" s="8">
        <v>12</v>
      </c>
      <c r="B19" s="35">
        <v>64</v>
      </c>
      <c r="C19" s="13">
        <v>68</v>
      </c>
      <c r="D19" s="12">
        <v>132</v>
      </c>
    </row>
    <row r="20" spans="1:4" ht="18" customHeight="1" x14ac:dyDescent="0.2">
      <c r="A20" s="8">
        <v>13</v>
      </c>
      <c r="B20" s="35">
        <v>68</v>
      </c>
      <c r="C20" s="13">
        <v>81</v>
      </c>
      <c r="D20" s="12">
        <v>149</v>
      </c>
    </row>
    <row r="21" spans="1:4" ht="18" customHeight="1" x14ac:dyDescent="0.2">
      <c r="A21" s="8">
        <v>14</v>
      </c>
      <c r="B21" s="35">
        <v>80</v>
      </c>
      <c r="C21" s="13">
        <v>67</v>
      </c>
      <c r="D21" s="12">
        <v>147</v>
      </c>
    </row>
    <row r="22" spans="1:4" ht="18" customHeight="1" x14ac:dyDescent="0.2">
      <c r="A22" s="8" t="s">
        <v>23</v>
      </c>
      <c r="B22" s="35">
        <v>341</v>
      </c>
      <c r="C22" s="13">
        <v>344</v>
      </c>
      <c r="D22" s="12">
        <v>685</v>
      </c>
    </row>
    <row r="23" spans="1:4" ht="18" customHeight="1" x14ac:dyDescent="0.2">
      <c r="A23" s="8" t="s">
        <v>22</v>
      </c>
      <c r="B23" s="35">
        <v>792</v>
      </c>
      <c r="C23" s="13">
        <v>844</v>
      </c>
      <c r="D23" s="12">
        <v>1636</v>
      </c>
    </row>
    <row r="24" spans="1:4" ht="18" customHeight="1" x14ac:dyDescent="0.2">
      <c r="A24" s="8">
        <v>15</v>
      </c>
      <c r="B24" s="35">
        <v>81</v>
      </c>
      <c r="C24" s="13">
        <v>82</v>
      </c>
      <c r="D24" s="12">
        <v>163</v>
      </c>
    </row>
    <row r="25" spans="1:4" ht="18" customHeight="1" x14ac:dyDescent="0.2">
      <c r="A25" s="8">
        <v>16</v>
      </c>
      <c r="B25" s="35">
        <v>92</v>
      </c>
      <c r="C25" s="13">
        <v>69</v>
      </c>
      <c r="D25" s="12">
        <v>161</v>
      </c>
    </row>
    <row r="26" spans="1:4" ht="18" customHeight="1" x14ac:dyDescent="0.2">
      <c r="A26" s="8">
        <v>17</v>
      </c>
      <c r="B26" s="35">
        <v>86</v>
      </c>
      <c r="C26" s="13">
        <v>81</v>
      </c>
      <c r="D26" s="12">
        <v>167</v>
      </c>
    </row>
    <row r="27" spans="1:4" ht="18" customHeight="1" x14ac:dyDescent="0.2">
      <c r="A27" s="8">
        <v>18</v>
      </c>
      <c r="B27" s="35">
        <v>98</v>
      </c>
      <c r="C27" s="13">
        <v>85</v>
      </c>
      <c r="D27" s="12">
        <v>183</v>
      </c>
    </row>
    <row r="28" spans="1:4" ht="18" customHeight="1" x14ac:dyDescent="0.2">
      <c r="A28" s="8">
        <v>19</v>
      </c>
      <c r="B28" s="35">
        <v>73</v>
      </c>
      <c r="C28" s="13">
        <v>91</v>
      </c>
      <c r="D28" s="12">
        <v>164</v>
      </c>
    </row>
    <row r="29" spans="1:4" ht="18" customHeight="1" x14ac:dyDescent="0.2">
      <c r="A29" s="8" t="s">
        <v>21</v>
      </c>
      <c r="B29" s="35">
        <v>430</v>
      </c>
      <c r="C29" s="13">
        <v>408</v>
      </c>
      <c r="D29" s="12">
        <v>838</v>
      </c>
    </row>
    <row r="30" spans="1:4" ht="18" customHeight="1" x14ac:dyDescent="0.2">
      <c r="A30" s="8">
        <v>20</v>
      </c>
      <c r="B30" s="35">
        <v>89</v>
      </c>
      <c r="C30" s="13">
        <v>95</v>
      </c>
      <c r="D30" s="12">
        <v>184</v>
      </c>
    </row>
    <row r="31" spans="1:4" ht="18" customHeight="1" x14ac:dyDescent="0.2">
      <c r="A31" s="8">
        <v>21</v>
      </c>
      <c r="B31" s="35">
        <v>103</v>
      </c>
      <c r="C31" s="13">
        <v>75</v>
      </c>
      <c r="D31" s="12">
        <v>178</v>
      </c>
    </row>
    <row r="32" spans="1:4" ht="18" customHeight="1" x14ac:dyDescent="0.2">
      <c r="A32" s="8">
        <v>22</v>
      </c>
      <c r="B32" s="35">
        <v>81</v>
      </c>
      <c r="C32" s="13">
        <v>97</v>
      </c>
      <c r="D32" s="12">
        <v>178</v>
      </c>
    </row>
    <row r="33" spans="1:4" ht="18" customHeight="1" x14ac:dyDescent="0.2">
      <c r="A33" s="8">
        <v>23</v>
      </c>
      <c r="B33" s="35">
        <v>91</v>
      </c>
      <c r="C33" s="13">
        <v>100</v>
      </c>
      <c r="D33" s="12">
        <v>191</v>
      </c>
    </row>
    <row r="34" spans="1:4" ht="18" customHeight="1" x14ac:dyDescent="0.2">
      <c r="A34" s="8">
        <v>24</v>
      </c>
      <c r="B34" s="35">
        <v>106</v>
      </c>
      <c r="C34" s="13">
        <v>75</v>
      </c>
      <c r="D34" s="12">
        <v>181</v>
      </c>
    </row>
    <row r="35" spans="1:4" ht="18" customHeight="1" x14ac:dyDescent="0.2">
      <c r="A35" s="8" t="s">
        <v>20</v>
      </c>
      <c r="B35" s="35">
        <v>470</v>
      </c>
      <c r="C35" s="13">
        <v>442</v>
      </c>
      <c r="D35" s="12">
        <v>912</v>
      </c>
    </row>
    <row r="36" spans="1:4" ht="18" customHeight="1" x14ac:dyDescent="0.2">
      <c r="A36" s="8">
        <v>25</v>
      </c>
      <c r="B36" s="35">
        <v>96</v>
      </c>
      <c r="C36" s="13">
        <v>57</v>
      </c>
      <c r="D36" s="12">
        <v>153</v>
      </c>
    </row>
    <row r="37" spans="1:4" ht="18" customHeight="1" x14ac:dyDescent="0.2">
      <c r="A37" s="8">
        <v>26</v>
      </c>
      <c r="B37" s="35">
        <v>101</v>
      </c>
      <c r="C37" s="13">
        <v>81</v>
      </c>
      <c r="D37" s="12">
        <v>182</v>
      </c>
    </row>
    <row r="38" spans="1:4" ht="18" customHeight="1" x14ac:dyDescent="0.2">
      <c r="A38" s="8">
        <v>27</v>
      </c>
      <c r="B38" s="35">
        <v>80</v>
      </c>
      <c r="C38" s="13">
        <v>64</v>
      </c>
      <c r="D38" s="12">
        <v>144</v>
      </c>
    </row>
    <row r="39" spans="1:4" ht="18" customHeight="1" x14ac:dyDescent="0.2">
      <c r="A39" s="8">
        <v>28</v>
      </c>
      <c r="B39" s="35">
        <v>78</v>
      </c>
      <c r="C39" s="13">
        <v>58</v>
      </c>
      <c r="D39" s="12">
        <v>136</v>
      </c>
    </row>
    <row r="40" spans="1:4" ht="18" customHeight="1" x14ac:dyDescent="0.2">
      <c r="A40" s="8">
        <v>29</v>
      </c>
      <c r="B40" s="35">
        <v>73</v>
      </c>
      <c r="C40" s="13">
        <v>47</v>
      </c>
      <c r="D40" s="12">
        <v>120</v>
      </c>
    </row>
    <row r="41" spans="1:4" ht="18" customHeight="1" x14ac:dyDescent="0.2">
      <c r="A41" s="8" t="s">
        <v>19</v>
      </c>
      <c r="B41" s="35">
        <v>428</v>
      </c>
      <c r="C41" s="13">
        <v>307</v>
      </c>
      <c r="D41" s="12">
        <v>735</v>
      </c>
    </row>
    <row r="42" spans="1:4" ht="18" customHeight="1" x14ac:dyDescent="0.2">
      <c r="A42" s="8">
        <v>30</v>
      </c>
      <c r="B42" s="35">
        <v>79</v>
      </c>
      <c r="C42" s="13">
        <v>46</v>
      </c>
      <c r="D42" s="12">
        <v>125</v>
      </c>
    </row>
    <row r="43" spans="1:4" ht="18" customHeight="1" x14ac:dyDescent="0.2">
      <c r="A43" s="8">
        <v>31</v>
      </c>
      <c r="B43" s="35">
        <v>60</v>
      </c>
      <c r="C43" s="13">
        <v>61</v>
      </c>
      <c r="D43" s="12">
        <v>121</v>
      </c>
    </row>
    <row r="44" spans="1:4" ht="18" customHeight="1" x14ac:dyDescent="0.2">
      <c r="A44" s="8">
        <v>32</v>
      </c>
      <c r="B44" s="35">
        <v>74</v>
      </c>
      <c r="C44" s="13">
        <v>49</v>
      </c>
      <c r="D44" s="12">
        <v>123</v>
      </c>
    </row>
    <row r="45" spans="1:4" ht="18" customHeight="1" x14ac:dyDescent="0.2">
      <c r="A45" s="8">
        <v>33</v>
      </c>
      <c r="B45" s="35">
        <v>72</v>
      </c>
      <c r="C45" s="13">
        <v>66</v>
      </c>
      <c r="D45" s="12">
        <v>138</v>
      </c>
    </row>
    <row r="46" spans="1:4" ht="18" customHeight="1" x14ac:dyDescent="0.2">
      <c r="A46" s="8">
        <v>34</v>
      </c>
      <c r="B46" s="35">
        <v>97</v>
      </c>
      <c r="C46" s="13">
        <v>75</v>
      </c>
      <c r="D46" s="12">
        <v>172</v>
      </c>
    </row>
    <row r="47" spans="1:4" ht="18" customHeight="1" x14ac:dyDescent="0.2">
      <c r="A47" s="8" t="s">
        <v>18</v>
      </c>
      <c r="B47" s="35">
        <v>382</v>
      </c>
      <c r="C47" s="13">
        <v>297</v>
      </c>
      <c r="D47" s="12">
        <v>679</v>
      </c>
    </row>
    <row r="48" spans="1:4" ht="18" customHeight="1" x14ac:dyDescent="0.2">
      <c r="A48" s="8">
        <v>35</v>
      </c>
      <c r="B48" s="35">
        <v>62</v>
      </c>
      <c r="C48" s="13">
        <v>56</v>
      </c>
      <c r="D48" s="12">
        <v>118</v>
      </c>
    </row>
    <row r="49" spans="1:4" ht="18" customHeight="1" x14ac:dyDescent="0.2">
      <c r="A49" s="8">
        <v>36</v>
      </c>
      <c r="B49" s="35">
        <v>97</v>
      </c>
      <c r="C49" s="13">
        <v>72</v>
      </c>
      <c r="D49" s="12">
        <v>169</v>
      </c>
    </row>
    <row r="50" spans="1:4" ht="18" customHeight="1" x14ac:dyDescent="0.2">
      <c r="A50" s="8">
        <v>37</v>
      </c>
      <c r="B50" s="35">
        <v>74</v>
      </c>
      <c r="C50" s="13">
        <v>81</v>
      </c>
      <c r="D50" s="12">
        <v>155</v>
      </c>
    </row>
    <row r="51" spans="1:4" ht="18" customHeight="1" x14ac:dyDescent="0.2">
      <c r="A51" s="8">
        <v>38</v>
      </c>
      <c r="B51" s="35">
        <v>75</v>
      </c>
      <c r="C51" s="13">
        <v>86</v>
      </c>
      <c r="D51" s="12">
        <v>161</v>
      </c>
    </row>
    <row r="52" spans="1:4" ht="18" customHeight="1" x14ac:dyDescent="0.2">
      <c r="A52" s="8">
        <v>39</v>
      </c>
      <c r="B52" s="35">
        <v>88</v>
      </c>
      <c r="C52" s="13">
        <v>85</v>
      </c>
      <c r="D52" s="12">
        <v>173</v>
      </c>
    </row>
    <row r="53" spans="1:4" ht="18" customHeight="1" x14ac:dyDescent="0.2">
      <c r="A53" s="8" t="s">
        <v>17</v>
      </c>
      <c r="B53" s="35">
        <v>396</v>
      </c>
      <c r="C53" s="13">
        <v>380</v>
      </c>
      <c r="D53" s="12">
        <v>776</v>
      </c>
    </row>
    <row r="54" spans="1:4" ht="18" customHeight="1" x14ac:dyDescent="0.2">
      <c r="A54" s="8">
        <v>40</v>
      </c>
      <c r="B54" s="35">
        <v>93</v>
      </c>
      <c r="C54" s="13">
        <v>94</v>
      </c>
      <c r="D54" s="12">
        <v>187</v>
      </c>
    </row>
    <row r="55" spans="1:4" ht="18" customHeight="1" x14ac:dyDescent="0.2">
      <c r="A55" s="8">
        <v>41</v>
      </c>
      <c r="B55" s="35">
        <v>116</v>
      </c>
      <c r="C55" s="13">
        <v>101</v>
      </c>
      <c r="D55" s="12">
        <v>217</v>
      </c>
    </row>
    <row r="56" spans="1:4" ht="18" customHeight="1" x14ac:dyDescent="0.2">
      <c r="A56" s="8">
        <v>42</v>
      </c>
      <c r="B56" s="35">
        <v>110</v>
      </c>
      <c r="C56" s="13">
        <v>92</v>
      </c>
      <c r="D56" s="12">
        <v>202</v>
      </c>
    </row>
    <row r="57" spans="1:4" ht="18" customHeight="1" x14ac:dyDescent="0.2">
      <c r="A57" s="8">
        <v>43</v>
      </c>
      <c r="B57" s="35">
        <v>99</v>
      </c>
      <c r="C57" s="13">
        <v>100</v>
      </c>
      <c r="D57" s="12">
        <v>199</v>
      </c>
    </row>
    <row r="58" spans="1:4" ht="18" customHeight="1" x14ac:dyDescent="0.2">
      <c r="A58" s="8">
        <v>44</v>
      </c>
      <c r="B58" s="35">
        <v>118</v>
      </c>
      <c r="C58" s="13">
        <v>112</v>
      </c>
      <c r="D58" s="12">
        <v>230</v>
      </c>
    </row>
    <row r="59" spans="1:4" ht="18" customHeight="1" x14ac:dyDescent="0.2">
      <c r="A59" s="8" t="s">
        <v>16</v>
      </c>
      <c r="B59" s="35">
        <v>536</v>
      </c>
      <c r="C59" s="13">
        <v>499</v>
      </c>
      <c r="D59" s="12">
        <v>1035</v>
      </c>
    </row>
    <row r="60" spans="1:4" ht="18" customHeight="1" x14ac:dyDescent="0.2">
      <c r="A60" s="8">
        <v>45</v>
      </c>
      <c r="B60" s="35">
        <v>127</v>
      </c>
      <c r="C60" s="13">
        <v>105</v>
      </c>
      <c r="D60" s="12">
        <v>232</v>
      </c>
    </row>
    <row r="61" spans="1:4" ht="18" customHeight="1" x14ac:dyDescent="0.2">
      <c r="A61" s="8">
        <v>46</v>
      </c>
      <c r="B61" s="35">
        <v>109</v>
      </c>
      <c r="C61" s="13">
        <v>119</v>
      </c>
      <c r="D61" s="12">
        <v>228</v>
      </c>
    </row>
    <row r="62" spans="1:4" ht="18" customHeight="1" x14ac:dyDescent="0.2">
      <c r="A62" s="8">
        <v>47</v>
      </c>
      <c r="B62" s="35">
        <v>121</v>
      </c>
      <c r="C62" s="13">
        <v>131</v>
      </c>
      <c r="D62" s="12">
        <v>252</v>
      </c>
    </row>
    <row r="63" spans="1:4" ht="18" customHeight="1" x14ac:dyDescent="0.2">
      <c r="A63" s="8">
        <v>48</v>
      </c>
      <c r="B63" s="35">
        <v>140</v>
      </c>
      <c r="C63" s="13">
        <v>127</v>
      </c>
      <c r="D63" s="12">
        <v>267</v>
      </c>
    </row>
    <row r="64" spans="1:4" ht="18" customHeight="1" x14ac:dyDescent="0.2">
      <c r="A64" s="8">
        <v>49</v>
      </c>
      <c r="B64" s="35">
        <v>136</v>
      </c>
      <c r="C64" s="13">
        <v>135</v>
      </c>
      <c r="D64" s="12">
        <v>271</v>
      </c>
    </row>
    <row r="65" spans="1:4" ht="18" customHeight="1" x14ac:dyDescent="0.2">
      <c r="A65" s="8" t="s">
        <v>15</v>
      </c>
      <c r="B65" s="35">
        <v>633</v>
      </c>
      <c r="C65" s="13">
        <v>617</v>
      </c>
      <c r="D65" s="12">
        <v>1250</v>
      </c>
    </row>
    <row r="66" spans="1:4" ht="18" customHeight="1" x14ac:dyDescent="0.2">
      <c r="A66" s="8">
        <v>50</v>
      </c>
      <c r="B66" s="35">
        <v>166</v>
      </c>
      <c r="C66" s="13">
        <v>128</v>
      </c>
      <c r="D66" s="12">
        <v>294</v>
      </c>
    </row>
    <row r="67" spans="1:4" ht="18" customHeight="1" x14ac:dyDescent="0.2">
      <c r="A67" s="8">
        <v>51</v>
      </c>
      <c r="B67" s="35">
        <v>135</v>
      </c>
      <c r="C67" s="13">
        <v>136</v>
      </c>
      <c r="D67" s="12">
        <v>271</v>
      </c>
    </row>
    <row r="68" spans="1:4" ht="18" customHeight="1" x14ac:dyDescent="0.2">
      <c r="A68" s="8">
        <v>52</v>
      </c>
      <c r="B68" s="35">
        <v>141</v>
      </c>
      <c r="C68" s="13">
        <v>131</v>
      </c>
      <c r="D68" s="12">
        <v>272</v>
      </c>
    </row>
    <row r="69" spans="1:4" ht="18" customHeight="1" x14ac:dyDescent="0.2">
      <c r="A69" s="8">
        <v>53</v>
      </c>
      <c r="B69" s="35">
        <v>144</v>
      </c>
      <c r="C69" s="13">
        <v>123</v>
      </c>
      <c r="D69" s="12">
        <v>267</v>
      </c>
    </row>
    <row r="70" spans="1:4" ht="18" customHeight="1" x14ac:dyDescent="0.2">
      <c r="A70" s="8">
        <v>54</v>
      </c>
      <c r="B70" s="35">
        <v>120</v>
      </c>
      <c r="C70" s="13">
        <v>112</v>
      </c>
      <c r="D70" s="12">
        <v>232</v>
      </c>
    </row>
    <row r="71" spans="1:4" ht="18" customHeight="1" x14ac:dyDescent="0.2">
      <c r="A71" s="8" t="s">
        <v>14</v>
      </c>
      <c r="B71" s="35">
        <v>706</v>
      </c>
      <c r="C71" s="13">
        <v>630</v>
      </c>
      <c r="D71" s="12">
        <v>1336</v>
      </c>
    </row>
    <row r="72" spans="1:4" ht="18" customHeight="1" x14ac:dyDescent="0.2">
      <c r="A72" s="8">
        <v>55</v>
      </c>
      <c r="B72" s="35">
        <v>109</v>
      </c>
      <c r="C72" s="13">
        <v>135</v>
      </c>
      <c r="D72" s="12">
        <v>244</v>
      </c>
    </row>
    <row r="73" spans="1:4" ht="18" customHeight="1" x14ac:dyDescent="0.2">
      <c r="A73" s="8">
        <v>56</v>
      </c>
      <c r="B73" s="35">
        <v>112</v>
      </c>
      <c r="C73" s="13">
        <v>106</v>
      </c>
      <c r="D73" s="12">
        <v>218</v>
      </c>
    </row>
    <row r="74" spans="1:4" ht="18" customHeight="1" x14ac:dyDescent="0.2">
      <c r="A74" s="8">
        <v>57</v>
      </c>
      <c r="B74" s="35">
        <v>79</v>
      </c>
      <c r="C74" s="13">
        <v>102</v>
      </c>
      <c r="D74" s="12">
        <v>181</v>
      </c>
    </row>
    <row r="75" spans="1:4" ht="18" customHeight="1" x14ac:dyDescent="0.2">
      <c r="A75" s="8">
        <v>58</v>
      </c>
      <c r="B75" s="35">
        <v>144</v>
      </c>
      <c r="C75" s="13">
        <v>112</v>
      </c>
      <c r="D75" s="12">
        <v>256</v>
      </c>
    </row>
    <row r="76" spans="1:4" ht="18" customHeight="1" x14ac:dyDescent="0.2">
      <c r="A76" s="8">
        <v>59</v>
      </c>
      <c r="B76" s="35">
        <v>120</v>
      </c>
      <c r="C76" s="13">
        <v>120</v>
      </c>
      <c r="D76" s="12">
        <v>240</v>
      </c>
    </row>
    <row r="77" spans="1:4" ht="18" customHeight="1" x14ac:dyDescent="0.2">
      <c r="A77" s="8" t="s">
        <v>13</v>
      </c>
      <c r="B77" s="35">
        <v>564</v>
      </c>
      <c r="C77" s="13">
        <v>575</v>
      </c>
      <c r="D77" s="12">
        <v>1139</v>
      </c>
    </row>
    <row r="78" spans="1:4" ht="18" customHeight="1" x14ac:dyDescent="0.2">
      <c r="A78" s="8">
        <v>60</v>
      </c>
      <c r="B78" s="35">
        <v>104</v>
      </c>
      <c r="C78" s="13">
        <v>99</v>
      </c>
      <c r="D78" s="12">
        <v>203</v>
      </c>
    </row>
    <row r="79" spans="1:4" ht="18" customHeight="1" x14ac:dyDescent="0.2">
      <c r="A79" s="8">
        <v>61</v>
      </c>
      <c r="B79" s="35">
        <v>113</v>
      </c>
      <c r="C79" s="13">
        <v>109</v>
      </c>
      <c r="D79" s="12">
        <v>222</v>
      </c>
    </row>
    <row r="80" spans="1:4" ht="18" customHeight="1" x14ac:dyDescent="0.2">
      <c r="A80" s="8">
        <v>62</v>
      </c>
      <c r="B80" s="35">
        <v>126</v>
      </c>
      <c r="C80" s="13">
        <v>122</v>
      </c>
      <c r="D80" s="12">
        <v>248</v>
      </c>
    </row>
    <row r="81" spans="1:4" ht="18" customHeight="1" x14ac:dyDescent="0.2">
      <c r="A81" s="8">
        <v>63</v>
      </c>
      <c r="B81" s="35">
        <v>126</v>
      </c>
      <c r="C81" s="13">
        <v>118</v>
      </c>
      <c r="D81" s="12">
        <v>244</v>
      </c>
    </row>
    <row r="82" spans="1:4" ht="18" customHeight="1" x14ac:dyDescent="0.2">
      <c r="A82" s="8">
        <v>64</v>
      </c>
      <c r="B82" s="35">
        <v>116</v>
      </c>
      <c r="C82" s="13">
        <v>119</v>
      </c>
      <c r="D82" s="12">
        <v>235</v>
      </c>
    </row>
    <row r="83" spans="1:4" ht="18" customHeight="1" x14ac:dyDescent="0.2">
      <c r="A83" s="8" t="s">
        <v>12</v>
      </c>
      <c r="B83" s="35">
        <v>585</v>
      </c>
      <c r="C83" s="13">
        <v>567</v>
      </c>
      <c r="D83" s="12">
        <v>1152</v>
      </c>
    </row>
    <row r="84" spans="1:4" ht="18" customHeight="1" x14ac:dyDescent="0.2">
      <c r="A84" s="8" t="s">
        <v>11</v>
      </c>
      <c r="B84" s="35">
        <v>5130</v>
      </c>
      <c r="C84" s="13">
        <v>4722</v>
      </c>
      <c r="D84" s="12">
        <v>9852</v>
      </c>
    </row>
    <row r="85" spans="1:4" ht="18" customHeight="1" x14ac:dyDescent="0.2">
      <c r="A85" s="8">
        <v>65</v>
      </c>
      <c r="B85" s="35">
        <v>129</v>
      </c>
      <c r="C85" s="13">
        <v>121</v>
      </c>
      <c r="D85" s="12">
        <v>250</v>
      </c>
    </row>
    <row r="86" spans="1:4" ht="18" customHeight="1" x14ac:dyDescent="0.2">
      <c r="A86" s="8">
        <v>66</v>
      </c>
      <c r="B86" s="35">
        <v>122</v>
      </c>
      <c r="C86" s="13">
        <v>123</v>
      </c>
      <c r="D86" s="12">
        <v>245</v>
      </c>
    </row>
    <row r="87" spans="1:4" ht="18" customHeight="1" x14ac:dyDescent="0.2">
      <c r="A87" s="8">
        <v>67</v>
      </c>
      <c r="B87" s="35">
        <v>125</v>
      </c>
      <c r="C87" s="13">
        <v>141</v>
      </c>
      <c r="D87" s="12">
        <v>266</v>
      </c>
    </row>
    <row r="88" spans="1:4" ht="18" customHeight="1" x14ac:dyDescent="0.2">
      <c r="A88" s="8">
        <v>68</v>
      </c>
      <c r="B88" s="35">
        <v>164</v>
      </c>
      <c r="C88" s="13">
        <v>161</v>
      </c>
      <c r="D88" s="12">
        <v>325</v>
      </c>
    </row>
    <row r="89" spans="1:4" ht="18" customHeight="1" x14ac:dyDescent="0.2">
      <c r="A89" s="8">
        <v>69</v>
      </c>
      <c r="B89" s="35">
        <v>156</v>
      </c>
      <c r="C89" s="13">
        <v>151</v>
      </c>
      <c r="D89" s="12">
        <v>307</v>
      </c>
    </row>
    <row r="90" spans="1:4" ht="18" customHeight="1" x14ac:dyDescent="0.2">
      <c r="A90" s="8" t="s">
        <v>10</v>
      </c>
      <c r="B90" s="35">
        <v>696</v>
      </c>
      <c r="C90" s="13">
        <v>697</v>
      </c>
      <c r="D90" s="12">
        <v>1393</v>
      </c>
    </row>
    <row r="91" spans="1:4" ht="18" customHeight="1" x14ac:dyDescent="0.2">
      <c r="A91" s="8">
        <v>70</v>
      </c>
      <c r="B91" s="35">
        <v>151</v>
      </c>
      <c r="C91" s="13">
        <v>154</v>
      </c>
      <c r="D91" s="12">
        <v>305</v>
      </c>
    </row>
    <row r="92" spans="1:4" ht="18" customHeight="1" x14ac:dyDescent="0.2">
      <c r="A92" s="8">
        <v>71</v>
      </c>
      <c r="B92" s="35">
        <v>178</v>
      </c>
      <c r="C92" s="13">
        <v>155</v>
      </c>
      <c r="D92" s="12">
        <v>333</v>
      </c>
    </row>
    <row r="93" spans="1:4" ht="18" customHeight="1" x14ac:dyDescent="0.2">
      <c r="A93" s="8">
        <v>72</v>
      </c>
      <c r="B93" s="35">
        <v>163</v>
      </c>
      <c r="C93" s="13">
        <v>185</v>
      </c>
      <c r="D93" s="12">
        <v>348</v>
      </c>
    </row>
    <row r="94" spans="1:4" ht="18" customHeight="1" x14ac:dyDescent="0.2">
      <c r="A94" s="8">
        <v>73</v>
      </c>
      <c r="B94" s="35">
        <v>203</v>
      </c>
      <c r="C94" s="13">
        <v>178</v>
      </c>
      <c r="D94" s="12">
        <v>381</v>
      </c>
    </row>
    <row r="95" spans="1:4" ht="18" customHeight="1" x14ac:dyDescent="0.2">
      <c r="A95" s="8">
        <v>74</v>
      </c>
      <c r="B95" s="35">
        <v>185</v>
      </c>
      <c r="C95" s="13">
        <v>175</v>
      </c>
      <c r="D95" s="12">
        <v>360</v>
      </c>
    </row>
    <row r="96" spans="1:4" ht="18" customHeight="1" x14ac:dyDescent="0.2">
      <c r="A96" s="8" t="s">
        <v>9</v>
      </c>
      <c r="B96" s="35">
        <v>880</v>
      </c>
      <c r="C96" s="13">
        <v>847</v>
      </c>
      <c r="D96" s="12">
        <v>1727</v>
      </c>
    </row>
    <row r="97" spans="1:4" ht="18" customHeight="1" x14ac:dyDescent="0.2">
      <c r="A97" s="8">
        <v>75</v>
      </c>
      <c r="B97" s="35">
        <v>210</v>
      </c>
      <c r="C97" s="13">
        <v>208</v>
      </c>
      <c r="D97" s="12">
        <v>418</v>
      </c>
    </row>
    <row r="98" spans="1:4" ht="18" customHeight="1" x14ac:dyDescent="0.2">
      <c r="A98" s="8">
        <v>76</v>
      </c>
      <c r="B98" s="35">
        <v>159</v>
      </c>
      <c r="C98" s="13">
        <v>170</v>
      </c>
      <c r="D98" s="12">
        <v>329</v>
      </c>
    </row>
    <row r="99" spans="1:4" ht="18" customHeight="1" x14ac:dyDescent="0.2">
      <c r="A99" s="8">
        <v>77</v>
      </c>
      <c r="B99" s="35">
        <v>64</v>
      </c>
      <c r="C99" s="13">
        <v>82</v>
      </c>
      <c r="D99" s="12">
        <v>146</v>
      </c>
    </row>
    <row r="100" spans="1:4" ht="18" customHeight="1" x14ac:dyDescent="0.2">
      <c r="A100" s="8">
        <v>78</v>
      </c>
      <c r="B100" s="35">
        <v>99</v>
      </c>
      <c r="C100" s="13">
        <v>130</v>
      </c>
      <c r="D100" s="12">
        <v>229</v>
      </c>
    </row>
    <row r="101" spans="1:4" ht="18" customHeight="1" x14ac:dyDescent="0.2">
      <c r="A101" s="8">
        <v>79</v>
      </c>
      <c r="B101" s="35">
        <v>114</v>
      </c>
      <c r="C101" s="13">
        <v>122</v>
      </c>
      <c r="D101" s="12">
        <v>236</v>
      </c>
    </row>
    <row r="102" spans="1:4" ht="18" customHeight="1" x14ac:dyDescent="0.2">
      <c r="A102" s="8" t="s">
        <v>8</v>
      </c>
      <c r="B102" s="35">
        <v>646</v>
      </c>
      <c r="C102" s="13">
        <v>712</v>
      </c>
      <c r="D102" s="12">
        <v>1358</v>
      </c>
    </row>
    <row r="103" spans="1:4" ht="18" customHeight="1" x14ac:dyDescent="0.2">
      <c r="A103" s="8">
        <v>80</v>
      </c>
      <c r="B103" s="35">
        <v>98</v>
      </c>
      <c r="C103" s="13">
        <v>111</v>
      </c>
      <c r="D103" s="12">
        <v>209</v>
      </c>
    </row>
    <row r="104" spans="1:4" ht="18" customHeight="1" x14ac:dyDescent="0.2">
      <c r="A104" s="8">
        <v>81</v>
      </c>
      <c r="B104" s="35">
        <v>112</v>
      </c>
      <c r="C104" s="13">
        <v>128</v>
      </c>
      <c r="D104" s="12">
        <v>240</v>
      </c>
    </row>
    <row r="105" spans="1:4" ht="18" customHeight="1" x14ac:dyDescent="0.2">
      <c r="A105" s="8">
        <v>82</v>
      </c>
      <c r="B105" s="35">
        <v>88</v>
      </c>
      <c r="C105" s="13">
        <v>100</v>
      </c>
      <c r="D105" s="12">
        <v>188</v>
      </c>
    </row>
    <row r="106" spans="1:4" ht="18" customHeight="1" x14ac:dyDescent="0.2">
      <c r="A106" s="8">
        <v>83</v>
      </c>
      <c r="B106" s="35">
        <v>60</v>
      </c>
      <c r="C106" s="13">
        <v>97</v>
      </c>
      <c r="D106" s="12">
        <v>157</v>
      </c>
    </row>
    <row r="107" spans="1:4" ht="18" customHeight="1" x14ac:dyDescent="0.2">
      <c r="A107" s="8">
        <v>84</v>
      </c>
      <c r="B107" s="35">
        <v>51</v>
      </c>
      <c r="C107" s="13">
        <v>96</v>
      </c>
      <c r="D107" s="12">
        <v>147</v>
      </c>
    </row>
    <row r="108" spans="1:4" ht="18" customHeight="1" x14ac:dyDescent="0.2">
      <c r="A108" s="8" t="s">
        <v>7</v>
      </c>
      <c r="B108" s="35">
        <v>409</v>
      </c>
      <c r="C108" s="13">
        <v>532</v>
      </c>
      <c r="D108" s="12">
        <v>941</v>
      </c>
    </row>
    <row r="109" spans="1:4" ht="18" customHeight="1" x14ac:dyDescent="0.2">
      <c r="A109" s="8">
        <v>85</v>
      </c>
      <c r="B109" s="35">
        <v>68</v>
      </c>
      <c r="C109" s="13">
        <v>115</v>
      </c>
      <c r="D109" s="12">
        <v>183</v>
      </c>
    </row>
    <row r="110" spans="1:4" ht="18" customHeight="1" x14ac:dyDescent="0.2">
      <c r="A110" s="8">
        <v>86</v>
      </c>
      <c r="B110" s="35">
        <v>56</v>
      </c>
      <c r="C110" s="13">
        <v>101</v>
      </c>
      <c r="D110" s="12">
        <v>157</v>
      </c>
    </row>
    <row r="111" spans="1:4" ht="18" customHeight="1" x14ac:dyDescent="0.2">
      <c r="A111" s="8">
        <v>87</v>
      </c>
      <c r="B111" s="35">
        <v>58</v>
      </c>
      <c r="C111" s="13">
        <v>98</v>
      </c>
      <c r="D111" s="12">
        <v>156</v>
      </c>
    </row>
    <row r="112" spans="1:4" ht="18" customHeight="1" x14ac:dyDescent="0.2">
      <c r="A112" s="8">
        <v>88</v>
      </c>
      <c r="B112" s="35">
        <v>46</v>
      </c>
      <c r="C112" s="13">
        <v>82</v>
      </c>
      <c r="D112" s="12">
        <v>128</v>
      </c>
    </row>
    <row r="113" spans="1:4" ht="18" customHeight="1" x14ac:dyDescent="0.2">
      <c r="A113" s="8">
        <v>89</v>
      </c>
      <c r="B113" s="35">
        <v>41</v>
      </c>
      <c r="C113" s="13">
        <v>95</v>
      </c>
      <c r="D113" s="12">
        <v>136</v>
      </c>
    </row>
    <row r="114" spans="1:4" ht="18" customHeight="1" x14ac:dyDescent="0.2">
      <c r="A114" s="8" t="s">
        <v>6</v>
      </c>
      <c r="B114" s="35">
        <v>269</v>
      </c>
      <c r="C114" s="13">
        <v>491</v>
      </c>
      <c r="D114" s="12">
        <v>760</v>
      </c>
    </row>
    <row r="115" spans="1:4" ht="18" customHeight="1" x14ac:dyDescent="0.2">
      <c r="A115" s="8">
        <v>90</v>
      </c>
      <c r="B115" s="35">
        <v>29</v>
      </c>
      <c r="C115" s="13">
        <v>77</v>
      </c>
      <c r="D115" s="12">
        <v>106</v>
      </c>
    </row>
    <row r="116" spans="1:4" ht="18" customHeight="1" x14ac:dyDescent="0.2">
      <c r="A116" s="8">
        <v>91</v>
      </c>
      <c r="B116" s="35">
        <v>30</v>
      </c>
      <c r="C116" s="13">
        <v>81</v>
      </c>
      <c r="D116" s="12">
        <v>111</v>
      </c>
    </row>
    <row r="117" spans="1:4" ht="18" customHeight="1" x14ac:dyDescent="0.2">
      <c r="A117" s="8">
        <v>92</v>
      </c>
      <c r="B117" s="35">
        <v>24</v>
      </c>
      <c r="C117" s="13">
        <v>66</v>
      </c>
      <c r="D117" s="12">
        <v>90</v>
      </c>
    </row>
    <row r="118" spans="1:4" ht="18" customHeight="1" x14ac:dyDescent="0.2">
      <c r="A118" s="8">
        <v>93</v>
      </c>
      <c r="B118" s="35">
        <v>21</v>
      </c>
      <c r="C118" s="13">
        <v>50</v>
      </c>
      <c r="D118" s="12">
        <v>71</v>
      </c>
    </row>
    <row r="119" spans="1:4" ht="18" customHeight="1" x14ac:dyDescent="0.2">
      <c r="A119" s="8">
        <v>94</v>
      </c>
      <c r="B119" s="35">
        <v>24</v>
      </c>
      <c r="C119" s="13">
        <v>46</v>
      </c>
      <c r="D119" s="12">
        <v>70</v>
      </c>
    </row>
    <row r="120" spans="1:4" ht="18" customHeight="1" x14ac:dyDescent="0.2">
      <c r="A120" s="8" t="s">
        <v>5</v>
      </c>
      <c r="B120" s="35">
        <v>128</v>
      </c>
      <c r="C120" s="13">
        <v>320</v>
      </c>
      <c r="D120" s="12">
        <v>448</v>
      </c>
    </row>
    <row r="121" spans="1:4" ht="18" customHeight="1" x14ac:dyDescent="0.2">
      <c r="A121" s="8">
        <v>95</v>
      </c>
      <c r="B121" s="35">
        <v>10</v>
      </c>
      <c r="C121" s="13">
        <v>37</v>
      </c>
      <c r="D121" s="12">
        <v>47</v>
      </c>
    </row>
    <row r="122" spans="1:4" ht="18" customHeight="1" x14ac:dyDescent="0.2">
      <c r="A122" s="8">
        <v>96</v>
      </c>
      <c r="B122" s="35">
        <v>8</v>
      </c>
      <c r="C122" s="13">
        <v>27</v>
      </c>
      <c r="D122" s="12">
        <v>35</v>
      </c>
    </row>
    <row r="123" spans="1:4" ht="18" customHeight="1" x14ac:dyDescent="0.2">
      <c r="A123" s="8">
        <v>97</v>
      </c>
      <c r="B123" s="35">
        <v>4</v>
      </c>
      <c r="C123" s="13">
        <v>34</v>
      </c>
      <c r="D123" s="12">
        <v>38</v>
      </c>
    </row>
    <row r="124" spans="1:4" ht="18" customHeight="1" x14ac:dyDescent="0.2">
      <c r="A124" s="8">
        <v>98</v>
      </c>
      <c r="B124" s="35">
        <v>3</v>
      </c>
      <c r="C124" s="13">
        <v>9</v>
      </c>
      <c r="D124" s="12">
        <v>12</v>
      </c>
    </row>
    <row r="125" spans="1:4" ht="18" customHeight="1" x14ac:dyDescent="0.2">
      <c r="A125" s="8">
        <v>99</v>
      </c>
      <c r="B125" s="35">
        <v>1</v>
      </c>
      <c r="C125" s="13">
        <v>7</v>
      </c>
      <c r="D125" s="12">
        <v>8</v>
      </c>
    </row>
    <row r="126" spans="1:4" ht="18" customHeight="1" x14ac:dyDescent="0.2">
      <c r="A126" s="8" t="s">
        <v>4</v>
      </c>
      <c r="B126" s="35">
        <v>26</v>
      </c>
      <c r="C126" s="13">
        <v>114</v>
      </c>
      <c r="D126" s="12">
        <v>140</v>
      </c>
    </row>
    <row r="127" spans="1:4" ht="18" customHeight="1" x14ac:dyDescent="0.2">
      <c r="A127" s="8">
        <v>100</v>
      </c>
      <c r="B127" s="35">
        <v>0</v>
      </c>
      <c r="C127" s="13">
        <v>9</v>
      </c>
      <c r="D127" s="12">
        <v>9</v>
      </c>
    </row>
    <row r="128" spans="1:4" ht="18" customHeight="1" x14ac:dyDescent="0.2">
      <c r="A128" s="15" t="s">
        <v>3</v>
      </c>
      <c r="B128" s="35">
        <v>3</v>
      </c>
      <c r="C128" s="13">
        <v>10</v>
      </c>
      <c r="D128" s="12">
        <v>13</v>
      </c>
    </row>
    <row r="129" spans="1:4" ht="18" customHeight="1" x14ac:dyDescent="0.2">
      <c r="A129" s="8" t="s">
        <v>2</v>
      </c>
      <c r="B129" s="35">
        <v>3</v>
      </c>
      <c r="C129" s="13">
        <v>19</v>
      </c>
      <c r="D129" s="12">
        <v>22</v>
      </c>
    </row>
    <row r="130" spans="1:4" ht="18" customHeight="1" x14ac:dyDescent="0.2">
      <c r="A130" s="8" t="s">
        <v>1</v>
      </c>
      <c r="B130" s="28">
        <v>3057</v>
      </c>
      <c r="C130" s="6">
        <v>3732</v>
      </c>
      <c r="D130" s="5">
        <v>6789</v>
      </c>
    </row>
    <row r="131" spans="1:4" ht="18" customHeight="1" x14ac:dyDescent="0.2">
      <c r="A131" s="4" t="s">
        <v>0</v>
      </c>
      <c r="B131" s="27">
        <v>8979</v>
      </c>
      <c r="C131" s="2">
        <v>9298</v>
      </c>
      <c r="D131" s="1">
        <v>18277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EB9580-CDA4-465F-ADAB-F4BEE4B814F9}">
  <sheetPr codeName="Sheet8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103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43</v>
      </c>
      <c r="C5" s="45">
        <v>37</v>
      </c>
      <c r="D5" s="44">
        <v>80</v>
      </c>
    </row>
    <row r="6" spans="1:4" ht="18" customHeight="1" x14ac:dyDescent="0.2">
      <c r="A6" s="8">
        <v>1</v>
      </c>
      <c r="B6" s="40">
        <v>37</v>
      </c>
      <c r="C6" s="13">
        <v>33</v>
      </c>
      <c r="D6" s="12">
        <v>70</v>
      </c>
    </row>
    <row r="7" spans="1:4" ht="18" customHeight="1" x14ac:dyDescent="0.2">
      <c r="A7" s="8">
        <v>2</v>
      </c>
      <c r="B7" s="40">
        <v>39</v>
      </c>
      <c r="C7" s="13">
        <v>48</v>
      </c>
      <c r="D7" s="12">
        <v>87</v>
      </c>
    </row>
    <row r="8" spans="1:4" ht="18" customHeight="1" x14ac:dyDescent="0.2">
      <c r="A8" s="8">
        <v>3</v>
      </c>
      <c r="B8" s="40">
        <v>42</v>
      </c>
      <c r="C8" s="13">
        <v>43</v>
      </c>
      <c r="D8" s="12">
        <v>85</v>
      </c>
    </row>
    <row r="9" spans="1:4" ht="18" customHeight="1" x14ac:dyDescent="0.2">
      <c r="A9" s="8">
        <v>4</v>
      </c>
      <c r="B9" s="43">
        <v>49</v>
      </c>
      <c r="C9" s="42">
        <v>43</v>
      </c>
      <c r="D9" s="41">
        <v>92</v>
      </c>
    </row>
    <row r="10" spans="1:4" ht="18" customHeight="1" x14ac:dyDescent="0.2">
      <c r="A10" s="8" t="s">
        <v>25</v>
      </c>
      <c r="B10" s="35">
        <v>210</v>
      </c>
      <c r="C10" s="13">
        <v>204</v>
      </c>
      <c r="D10" s="12">
        <v>414</v>
      </c>
    </row>
    <row r="11" spans="1:4" ht="18" customHeight="1" x14ac:dyDescent="0.2">
      <c r="A11" s="8">
        <v>5</v>
      </c>
      <c r="B11" s="40">
        <v>48</v>
      </c>
      <c r="C11" s="13">
        <v>45</v>
      </c>
      <c r="D11" s="12">
        <v>93</v>
      </c>
    </row>
    <row r="12" spans="1:4" ht="18" customHeight="1" x14ac:dyDescent="0.2">
      <c r="A12" s="8">
        <v>6</v>
      </c>
      <c r="B12" s="40">
        <v>51</v>
      </c>
      <c r="C12" s="13">
        <v>54</v>
      </c>
      <c r="D12" s="12">
        <v>105</v>
      </c>
    </row>
    <row r="13" spans="1:4" ht="18" customHeight="1" x14ac:dyDescent="0.2">
      <c r="A13" s="8">
        <v>7</v>
      </c>
      <c r="B13" s="40">
        <v>57</v>
      </c>
      <c r="C13" s="13">
        <v>38</v>
      </c>
      <c r="D13" s="12">
        <v>95</v>
      </c>
    </row>
    <row r="14" spans="1:4" ht="18" customHeight="1" x14ac:dyDescent="0.2">
      <c r="A14" s="8">
        <v>8</v>
      </c>
      <c r="B14" s="40">
        <v>47</v>
      </c>
      <c r="C14" s="13">
        <v>42</v>
      </c>
      <c r="D14" s="12">
        <v>89</v>
      </c>
    </row>
    <row r="15" spans="1:4" ht="18" customHeight="1" x14ac:dyDescent="0.2">
      <c r="A15" s="8">
        <v>9</v>
      </c>
      <c r="B15" s="40">
        <v>48</v>
      </c>
      <c r="C15" s="13">
        <v>54</v>
      </c>
      <c r="D15" s="12">
        <v>102</v>
      </c>
    </row>
    <row r="16" spans="1:4" ht="18" customHeight="1" x14ac:dyDescent="0.2">
      <c r="A16" s="8" t="s">
        <v>24</v>
      </c>
      <c r="B16" s="35">
        <v>251</v>
      </c>
      <c r="C16" s="13">
        <v>233</v>
      </c>
      <c r="D16" s="12">
        <v>484</v>
      </c>
    </row>
    <row r="17" spans="1:4" ht="18" customHeight="1" x14ac:dyDescent="0.2">
      <c r="A17" s="8">
        <v>10</v>
      </c>
      <c r="B17" s="35">
        <v>47</v>
      </c>
      <c r="C17" s="13">
        <v>60</v>
      </c>
      <c r="D17" s="12">
        <v>107</v>
      </c>
    </row>
    <row r="18" spans="1:4" ht="18" customHeight="1" x14ac:dyDescent="0.2">
      <c r="A18" s="8">
        <v>11</v>
      </c>
      <c r="B18" s="35">
        <v>69</v>
      </c>
      <c r="C18" s="13">
        <v>49</v>
      </c>
      <c r="D18" s="12">
        <v>118</v>
      </c>
    </row>
    <row r="19" spans="1:4" ht="18" customHeight="1" x14ac:dyDescent="0.2">
      <c r="A19" s="8">
        <v>12</v>
      </c>
      <c r="B19" s="35">
        <v>71</v>
      </c>
      <c r="C19" s="13">
        <v>62</v>
      </c>
      <c r="D19" s="12">
        <v>133</v>
      </c>
    </row>
    <row r="20" spans="1:4" ht="18" customHeight="1" x14ac:dyDescent="0.2">
      <c r="A20" s="8">
        <v>13</v>
      </c>
      <c r="B20" s="35">
        <v>63</v>
      </c>
      <c r="C20" s="13">
        <v>81</v>
      </c>
      <c r="D20" s="12">
        <v>144</v>
      </c>
    </row>
    <row r="21" spans="1:4" ht="18" customHeight="1" x14ac:dyDescent="0.2">
      <c r="A21" s="8">
        <v>14</v>
      </c>
      <c r="B21" s="35">
        <v>79</v>
      </c>
      <c r="C21" s="13">
        <v>75</v>
      </c>
      <c r="D21" s="12">
        <v>154</v>
      </c>
    </row>
    <row r="22" spans="1:4" ht="18" customHeight="1" x14ac:dyDescent="0.2">
      <c r="A22" s="8" t="s">
        <v>23</v>
      </c>
      <c r="B22" s="35">
        <v>329</v>
      </c>
      <c r="C22" s="13">
        <v>327</v>
      </c>
      <c r="D22" s="12">
        <v>656</v>
      </c>
    </row>
    <row r="23" spans="1:4" ht="18" customHeight="1" x14ac:dyDescent="0.2">
      <c r="A23" s="8" t="s">
        <v>22</v>
      </c>
      <c r="B23" s="35">
        <v>790</v>
      </c>
      <c r="C23" s="13">
        <v>764</v>
      </c>
      <c r="D23" s="12">
        <v>1554</v>
      </c>
    </row>
    <row r="24" spans="1:4" ht="18" customHeight="1" x14ac:dyDescent="0.2">
      <c r="A24" s="8">
        <v>15</v>
      </c>
      <c r="B24" s="35">
        <v>92</v>
      </c>
      <c r="C24" s="13">
        <v>72</v>
      </c>
      <c r="D24" s="12">
        <v>164</v>
      </c>
    </row>
    <row r="25" spans="1:4" ht="18" customHeight="1" x14ac:dyDescent="0.2">
      <c r="A25" s="8">
        <v>16</v>
      </c>
      <c r="B25" s="35">
        <v>87</v>
      </c>
      <c r="C25" s="13">
        <v>96</v>
      </c>
      <c r="D25" s="12">
        <v>183</v>
      </c>
    </row>
    <row r="26" spans="1:4" ht="18" customHeight="1" x14ac:dyDescent="0.2">
      <c r="A26" s="8">
        <v>17</v>
      </c>
      <c r="B26" s="35">
        <v>85</v>
      </c>
      <c r="C26" s="13">
        <v>82</v>
      </c>
      <c r="D26" s="12">
        <v>167</v>
      </c>
    </row>
    <row r="27" spans="1:4" ht="18" customHeight="1" x14ac:dyDescent="0.2">
      <c r="A27" s="8">
        <v>18</v>
      </c>
      <c r="B27" s="35">
        <v>76</v>
      </c>
      <c r="C27" s="13">
        <v>75</v>
      </c>
      <c r="D27" s="12">
        <v>151</v>
      </c>
    </row>
    <row r="28" spans="1:4" ht="18" customHeight="1" x14ac:dyDescent="0.2">
      <c r="A28" s="8">
        <v>19</v>
      </c>
      <c r="B28" s="35">
        <v>82</v>
      </c>
      <c r="C28" s="13">
        <v>80</v>
      </c>
      <c r="D28" s="12">
        <v>162</v>
      </c>
    </row>
    <row r="29" spans="1:4" ht="18" customHeight="1" x14ac:dyDescent="0.2">
      <c r="A29" s="8" t="s">
        <v>21</v>
      </c>
      <c r="B29" s="35">
        <v>422</v>
      </c>
      <c r="C29" s="13">
        <v>405</v>
      </c>
      <c r="D29" s="12">
        <v>827</v>
      </c>
    </row>
    <row r="30" spans="1:4" ht="18" customHeight="1" x14ac:dyDescent="0.2">
      <c r="A30" s="8">
        <v>20</v>
      </c>
      <c r="B30" s="35">
        <v>68</v>
      </c>
      <c r="C30" s="13">
        <v>73</v>
      </c>
      <c r="D30" s="12">
        <v>141</v>
      </c>
    </row>
    <row r="31" spans="1:4" ht="18" customHeight="1" x14ac:dyDescent="0.2">
      <c r="A31" s="8">
        <v>21</v>
      </c>
      <c r="B31" s="35">
        <v>75</v>
      </c>
      <c r="C31" s="13">
        <v>64</v>
      </c>
      <c r="D31" s="12">
        <v>139</v>
      </c>
    </row>
    <row r="32" spans="1:4" ht="18" customHeight="1" x14ac:dyDescent="0.2">
      <c r="A32" s="8">
        <v>22</v>
      </c>
      <c r="B32" s="35">
        <v>69</v>
      </c>
      <c r="C32" s="13">
        <v>58</v>
      </c>
      <c r="D32" s="12">
        <v>127</v>
      </c>
    </row>
    <row r="33" spans="1:4" ht="18" customHeight="1" x14ac:dyDescent="0.2">
      <c r="A33" s="8">
        <v>23</v>
      </c>
      <c r="B33" s="35">
        <v>75</v>
      </c>
      <c r="C33" s="13">
        <v>68</v>
      </c>
      <c r="D33" s="12">
        <v>143</v>
      </c>
    </row>
    <row r="34" spans="1:4" ht="18" customHeight="1" x14ac:dyDescent="0.2">
      <c r="A34" s="8">
        <v>24</v>
      </c>
      <c r="B34" s="35">
        <v>73</v>
      </c>
      <c r="C34" s="13">
        <v>59</v>
      </c>
      <c r="D34" s="12">
        <v>132</v>
      </c>
    </row>
    <row r="35" spans="1:4" ht="18" customHeight="1" x14ac:dyDescent="0.2">
      <c r="A35" s="8" t="s">
        <v>20</v>
      </c>
      <c r="B35" s="35">
        <v>360</v>
      </c>
      <c r="C35" s="13">
        <v>322</v>
      </c>
      <c r="D35" s="12">
        <v>682</v>
      </c>
    </row>
    <row r="36" spans="1:4" ht="18" customHeight="1" x14ac:dyDescent="0.2">
      <c r="A36" s="8">
        <v>25</v>
      </c>
      <c r="B36" s="35">
        <v>82</v>
      </c>
      <c r="C36" s="13">
        <v>62</v>
      </c>
      <c r="D36" s="12">
        <v>144</v>
      </c>
    </row>
    <row r="37" spans="1:4" ht="18" customHeight="1" x14ac:dyDescent="0.2">
      <c r="A37" s="8">
        <v>26</v>
      </c>
      <c r="B37" s="35">
        <v>62</v>
      </c>
      <c r="C37" s="13">
        <v>56</v>
      </c>
      <c r="D37" s="12">
        <v>118</v>
      </c>
    </row>
    <row r="38" spans="1:4" ht="18" customHeight="1" x14ac:dyDescent="0.2">
      <c r="A38" s="8">
        <v>27</v>
      </c>
      <c r="B38" s="35">
        <v>74</v>
      </c>
      <c r="C38" s="13">
        <v>65</v>
      </c>
      <c r="D38" s="12">
        <v>139</v>
      </c>
    </row>
    <row r="39" spans="1:4" ht="18" customHeight="1" x14ac:dyDescent="0.2">
      <c r="A39" s="8">
        <v>28</v>
      </c>
      <c r="B39" s="35">
        <v>62</v>
      </c>
      <c r="C39" s="13">
        <v>67</v>
      </c>
      <c r="D39" s="12">
        <v>129</v>
      </c>
    </row>
    <row r="40" spans="1:4" ht="18" customHeight="1" x14ac:dyDescent="0.2">
      <c r="A40" s="8">
        <v>29</v>
      </c>
      <c r="B40" s="35">
        <v>57</v>
      </c>
      <c r="C40" s="13">
        <v>56</v>
      </c>
      <c r="D40" s="12">
        <v>113</v>
      </c>
    </row>
    <row r="41" spans="1:4" ht="18" customHeight="1" x14ac:dyDescent="0.2">
      <c r="A41" s="8" t="s">
        <v>19</v>
      </c>
      <c r="B41" s="35">
        <v>337</v>
      </c>
      <c r="C41" s="13">
        <v>306</v>
      </c>
      <c r="D41" s="12">
        <v>643</v>
      </c>
    </row>
    <row r="42" spans="1:4" ht="18" customHeight="1" x14ac:dyDescent="0.2">
      <c r="A42" s="8">
        <v>30</v>
      </c>
      <c r="B42" s="35">
        <v>79</v>
      </c>
      <c r="C42" s="13">
        <v>55</v>
      </c>
      <c r="D42" s="12">
        <v>134</v>
      </c>
    </row>
    <row r="43" spans="1:4" ht="18" customHeight="1" x14ac:dyDescent="0.2">
      <c r="A43" s="8">
        <v>31</v>
      </c>
      <c r="B43" s="35">
        <v>54</v>
      </c>
      <c r="C43" s="13">
        <v>42</v>
      </c>
      <c r="D43" s="12">
        <v>96</v>
      </c>
    </row>
    <row r="44" spans="1:4" ht="18" customHeight="1" x14ac:dyDescent="0.2">
      <c r="A44" s="8">
        <v>32</v>
      </c>
      <c r="B44" s="35">
        <v>72</v>
      </c>
      <c r="C44" s="13">
        <v>55</v>
      </c>
      <c r="D44" s="12">
        <v>127</v>
      </c>
    </row>
    <row r="45" spans="1:4" ht="18" customHeight="1" x14ac:dyDescent="0.2">
      <c r="A45" s="8">
        <v>33</v>
      </c>
      <c r="B45" s="35">
        <v>60</v>
      </c>
      <c r="C45" s="13">
        <v>55</v>
      </c>
      <c r="D45" s="12">
        <v>115</v>
      </c>
    </row>
    <row r="46" spans="1:4" ht="18" customHeight="1" x14ac:dyDescent="0.2">
      <c r="A46" s="8">
        <v>34</v>
      </c>
      <c r="B46" s="35">
        <v>55</v>
      </c>
      <c r="C46" s="13">
        <v>46</v>
      </c>
      <c r="D46" s="12">
        <v>101</v>
      </c>
    </row>
    <row r="47" spans="1:4" ht="18" customHeight="1" x14ac:dyDescent="0.2">
      <c r="A47" s="8" t="s">
        <v>18</v>
      </c>
      <c r="B47" s="35">
        <v>320</v>
      </c>
      <c r="C47" s="13">
        <v>253</v>
      </c>
      <c r="D47" s="12">
        <v>573</v>
      </c>
    </row>
    <row r="48" spans="1:4" ht="18" customHeight="1" x14ac:dyDescent="0.2">
      <c r="A48" s="8">
        <v>35</v>
      </c>
      <c r="B48" s="35">
        <v>56</v>
      </c>
      <c r="C48" s="13">
        <v>62</v>
      </c>
      <c r="D48" s="12">
        <v>118</v>
      </c>
    </row>
    <row r="49" spans="1:4" ht="18" customHeight="1" x14ac:dyDescent="0.2">
      <c r="A49" s="8">
        <v>36</v>
      </c>
      <c r="B49" s="35">
        <v>83</v>
      </c>
      <c r="C49" s="13">
        <v>67</v>
      </c>
      <c r="D49" s="12">
        <v>150</v>
      </c>
    </row>
    <row r="50" spans="1:4" ht="18" customHeight="1" x14ac:dyDescent="0.2">
      <c r="A50" s="8">
        <v>37</v>
      </c>
      <c r="B50" s="35">
        <v>73</v>
      </c>
      <c r="C50" s="13">
        <v>70</v>
      </c>
      <c r="D50" s="12">
        <v>143</v>
      </c>
    </row>
    <row r="51" spans="1:4" ht="18" customHeight="1" x14ac:dyDescent="0.2">
      <c r="A51" s="8">
        <v>38</v>
      </c>
      <c r="B51" s="35">
        <v>71</v>
      </c>
      <c r="C51" s="13">
        <v>66</v>
      </c>
      <c r="D51" s="12">
        <v>137</v>
      </c>
    </row>
    <row r="52" spans="1:4" ht="18" customHeight="1" x14ac:dyDescent="0.2">
      <c r="A52" s="8">
        <v>39</v>
      </c>
      <c r="B52" s="35">
        <v>76</v>
      </c>
      <c r="C52" s="13">
        <v>76</v>
      </c>
      <c r="D52" s="12">
        <v>152</v>
      </c>
    </row>
    <row r="53" spans="1:4" ht="18" customHeight="1" x14ac:dyDescent="0.2">
      <c r="A53" s="8" t="s">
        <v>17</v>
      </c>
      <c r="B53" s="35">
        <v>359</v>
      </c>
      <c r="C53" s="13">
        <v>341</v>
      </c>
      <c r="D53" s="12">
        <v>700</v>
      </c>
    </row>
    <row r="54" spans="1:4" ht="18" customHeight="1" x14ac:dyDescent="0.2">
      <c r="A54" s="8">
        <v>40</v>
      </c>
      <c r="B54" s="35">
        <v>60</v>
      </c>
      <c r="C54" s="13">
        <v>65</v>
      </c>
      <c r="D54" s="12">
        <v>125</v>
      </c>
    </row>
    <row r="55" spans="1:4" ht="18" customHeight="1" x14ac:dyDescent="0.2">
      <c r="A55" s="8">
        <v>41</v>
      </c>
      <c r="B55" s="35">
        <v>75</v>
      </c>
      <c r="C55" s="13">
        <v>83</v>
      </c>
      <c r="D55" s="12">
        <v>158</v>
      </c>
    </row>
    <row r="56" spans="1:4" ht="18" customHeight="1" x14ac:dyDescent="0.2">
      <c r="A56" s="8">
        <v>42</v>
      </c>
      <c r="B56" s="35">
        <v>74</v>
      </c>
      <c r="C56" s="13">
        <v>66</v>
      </c>
      <c r="D56" s="12">
        <v>140</v>
      </c>
    </row>
    <row r="57" spans="1:4" ht="18" customHeight="1" x14ac:dyDescent="0.2">
      <c r="A57" s="8">
        <v>43</v>
      </c>
      <c r="B57" s="35">
        <v>78</v>
      </c>
      <c r="C57" s="13">
        <v>92</v>
      </c>
      <c r="D57" s="12">
        <v>170</v>
      </c>
    </row>
    <row r="58" spans="1:4" ht="18" customHeight="1" x14ac:dyDescent="0.2">
      <c r="A58" s="8">
        <v>44</v>
      </c>
      <c r="B58" s="35">
        <v>74</v>
      </c>
      <c r="C58" s="13">
        <v>86</v>
      </c>
      <c r="D58" s="12">
        <v>160</v>
      </c>
    </row>
    <row r="59" spans="1:4" ht="18" customHeight="1" x14ac:dyDescent="0.2">
      <c r="A59" s="8" t="s">
        <v>16</v>
      </c>
      <c r="B59" s="35">
        <v>361</v>
      </c>
      <c r="C59" s="13">
        <v>392</v>
      </c>
      <c r="D59" s="12">
        <v>753</v>
      </c>
    </row>
    <row r="60" spans="1:4" ht="18" customHeight="1" x14ac:dyDescent="0.2">
      <c r="A60" s="8">
        <v>45</v>
      </c>
      <c r="B60" s="35">
        <v>110</v>
      </c>
      <c r="C60" s="13">
        <v>87</v>
      </c>
      <c r="D60" s="12">
        <v>197</v>
      </c>
    </row>
    <row r="61" spans="1:4" ht="18" customHeight="1" x14ac:dyDescent="0.2">
      <c r="A61" s="8">
        <v>46</v>
      </c>
      <c r="B61" s="35">
        <v>105</v>
      </c>
      <c r="C61" s="13">
        <v>120</v>
      </c>
      <c r="D61" s="12">
        <v>225</v>
      </c>
    </row>
    <row r="62" spans="1:4" ht="18" customHeight="1" x14ac:dyDescent="0.2">
      <c r="A62" s="8">
        <v>47</v>
      </c>
      <c r="B62" s="35">
        <v>116</v>
      </c>
      <c r="C62" s="13">
        <v>105</v>
      </c>
      <c r="D62" s="12">
        <v>221</v>
      </c>
    </row>
    <row r="63" spans="1:4" ht="18" customHeight="1" x14ac:dyDescent="0.2">
      <c r="A63" s="8">
        <v>48</v>
      </c>
      <c r="B63" s="35">
        <v>120</v>
      </c>
      <c r="C63" s="13">
        <v>109</v>
      </c>
      <c r="D63" s="12">
        <v>229</v>
      </c>
    </row>
    <row r="64" spans="1:4" ht="18" customHeight="1" x14ac:dyDescent="0.2">
      <c r="A64" s="8">
        <v>49</v>
      </c>
      <c r="B64" s="35">
        <v>105</v>
      </c>
      <c r="C64" s="13">
        <v>121</v>
      </c>
      <c r="D64" s="12">
        <v>226</v>
      </c>
    </row>
    <row r="65" spans="1:4" ht="18" customHeight="1" x14ac:dyDescent="0.2">
      <c r="A65" s="8" t="s">
        <v>15</v>
      </c>
      <c r="B65" s="35">
        <v>556</v>
      </c>
      <c r="C65" s="13">
        <v>542</v>
      </c>
      <c r="D65" s="12">
        <v>1098</v>
      </c>
    </row>
    <row r="66" spans="1:4" ht="18" customHeight="1" x14ac:dyDescent="0.2">
      <c r="A66" s="8">
        <v>50</v>
      </c>
      <c r="B66" s="35">
        <v>141</v>
      </c>
      <c r="C66" s="13">
        <v>124</v>
      </c>
      <c r="D66" s="12">
        <v>265</v>
      </c>
    </row>
    <row r="67" spans="1:4" ht="18" customHeight="1" x14ac:dyDescent="0.2">
      <c r="A67" s="8">
        <v>51</v>
      </c>
      <c r="B67" s="35">
        <v>109</v>
      </c>
      <c r="C67" s="13">
        <v>127</v>
      </c>
      <c r="D67" s="12">
        <v>236</v>
      </c>
    </row>
    <row r="68" spans="1:4" ht="18" customHeight="1" x14ac:dyDescent="0.2">
      <c r="A68" s="8">
        <v>52</v>
      </c>
      <c r="B68" s="35">
        <v>113</v>
      </c>
      <c r="C68" s="13">
        <v>90</v>
      </c>
      <c r="D68" s="12">
        <v>203</v>
      </c>
    </row>
    <row r="69" spans="1:4" ht="18" customHeight="1" x14ac:dyDescent="0.2">
      <c r="A69" s="8">
        <v>53</v>
      </c>
      <c r="B69" s="35">
        <v>124</v>
      </c>
      <c r="C69" s="13">
        <v>88</v>
      </c>
      <c r="D69" s="12">
        <v>212</v>
      </c>
    </row>
    <row r="70" spans="1:4" ht="18" customHeight="1" x14ac:dyDescent="0.2">
      <c r="A70" s="8">
        <v>54</v>
      </c>
      <c r="B70" s="35">
        <v>105</v>
      </c>
      <c r="C70" s="13">
        <v>90</v>
      </c>
      <c r="D70" s="12">
        <v>195</v>
      </c>
    </row>
    <row r="71" spans="1:4" ht="18" customHeight="1" x14ac:dyDescent="0.2">
      <c r="A71" s="8" t="s">
        <v>14</v>
      </c>
      <c r="B71" s="35">
        <v>592</v>
      </c>
      <c r="C71" s="13">
        <v>519</v>
      </c>
      <c r="D71" s="12">
        <v>1111</v>
      </c>
    </row>
    <row r="72" spans="1:4" ht="18" customHeight="1" x14ac:dyDescent="0.2">
      <c r="A72" s="8">
        <v>55</v>
      </c>
      <c r="B72" s="35">
        <v>74</v>
      </c>
      <c r="C72" s="13">
        <v>97</v>
      </c>
      <c r="D72" s="12">
        <v>171</v>
      </c>
    </row>
    <row r="73" spans="1:4" ht="18" customHeight="1" x14ac:dyDescent="0.2">
      <c r="A73" s="8">
        <v>56</v>
      </c>
      <c r="B73" s="35">
        <v>77</v>
      </c>
      <c r="C73" s="13">
        <v>83</v>
      </c>
      <c r="D73" s="12">
        <v>160</v>
      </c>
    </row>
    <row r="74" spans="1:4" ht="18" customHeight="1" x14ac:dyDescent="0.2">
      <c r="A74" s="8">
        <v>57</v>
      </c>
      <c r="B74" s="35">
        <v>59</v>
      </c>
      <c r="C74" s="13">
        <v>63</v>
      </c>
      <c r="D74" s="12">
        <v>122</v>
      </c>
    </row>
    <row r="75" spans="1:4" ht="18" customHeight="1" x14ac:dyDescent="0.2">
      <c r="A75" s="8">
        <v>58</v>
      </c>
      <c r="B75" s="35">
        <v>74</v>
      </c>
      <c r="C75" s="13">
        <v>93</v>
      </c>
      <c r="D75" s="12">
        <v>167</v>
      </c>
    </row>
    <row r="76" spans="1:4" ht="18" customHeight="1" x14ac:dyDescent="0.2">
      <c r="A76" s="8">
        <v>59</v>
      </c>
      <c r="B76" s="35">
        <v>69</v>
      </c>
      <c r="C76" s="13">
        <v>65</v>
      </c>
      <c r="D76" s="12">
        <v>134</v>
      </c>
    </row>
    <row r="77" spans="1:4" ht="18" customHeight="1" x14ac:dyDescent="0.2">
      <c r="A77" s="8" t="s">
        <v>13</v>
      </c>
      <c r="B77" s="35">
        <v>353</v>
      </c>
      <c r="C77" s="13">
        <v>401</v>
      </c>
      <c r="D77" s="12">
        <v>754</v>
      </c>
    </row>
    <row r="78" spans="1:4" ht="18" customHeight="1" x14ac:dyDescent="0.2">
      <c r="A78" s="8">
        <v>60</v>
      </c>
      <c r="B78" s="35">
        <v>73</v>
      </c>
      <c r="C78" s="13">
        <v>74</v>
      </c>
      <c r="D78" s="12">
        <v>147</v>
      </c>
    </row>
    <row r="79" spans="1:4" ht="18" customHeight="1" x14ac:dyDescent="0.2">
      <c r="A79" s="8">
        <v>61</v>
      </c>
      <c r="B79" s="35">
        <v>69</v>
      </c>
      <c r="C79" s="13">
        <v>67</v>
      </c>
      <c r="D79" s="12">
        <v>136</v>
      </c>
    </row>
    <row r="80" spans="1:4" ht="18" customHeight="1" x14ac:dyDescent="0.2">
      <c r="A80" s="8">
        <v>62</v>
      </c>
      <c r="B80" s="35">
        <v>54</v>
      </c>
      <c r="C80" s="13">
        <v>67</v>
      </c>
      <c r="D80" s="12">
        <v>121</v>
      </c>
    </row>
    <row r="81" spans="1:4" ht="18" customHeight="1" x14ac:dyDescent="0.2">
      <c r="A81" s="8">
        <v>63</v>
      </c>
      <c r="B81" s="35">
        <v>56</v>
      </c>
      <c r="C81" s="13">
        <v>67</v>
      </c>
      <c r="D81" s="12">
        <v>123</v>
      </c>
    </row>
    <row r="82" spans="1:4" ht="18" customHeight="1" x14ac:dyDescent="0.2">
      <c r="A82" s="8">
        <v>64</v>
      </c>
      <c r="B82" s="35">
        <v>65</v>
      </c>
      <c r="C82" s="13">
        <v>67</v>
      </c>
      <c r="D82" s="12">
        <v>132</v>
      </c>
    </row>
    <row r="83" spans="1:4" ht="18" customHeight="1" x14ac:dyDescent="0.2">
      <c r="A83" s="8" t="s">
        <v>12</v>
      </c>
      <c r="B83" s="35">
        <v>317</v>
      </c>
      <c r="C83" s="13">
        <v>342</v>
      </c>
      <c r="D83" s="12">
        <v>659</v>
      </c>
    </row>
    <row r="84" spans="1:4" ht="18" customHeight="1" x14ac:dyDescent="0.2">
      <c r="A84" s="8" t="s">
        <v>11</v>
      </c>
      <c r="B84" s="35">
        <v>3977</v>
      </c>
      <c r="C84" s="13">
        <v>3823</v>
      </c>
      <c r="D84" s="12">
        <v>7800</v>
      </c>
    </row>
    <row r="85" spans="1:4" ht="18" customHeight="1" x14ac:dyDescent="0.2">
      <c r="A85" s="8">
        <v>65</v>
      </c>
      <c r="B85" s="35">
        <v>49</v>
      </c>
      <c r="C85" s="13">
        <v>50</v>
      </c>
      <c r="D85" s="12">
        <v>99</v>
      </c>
    </row>
    <row r="86" spans="1:4" ht="18" customHeight="1" x14ac:dyDescent="0.2">
      <c r="A86" s="8">
        <v>66</v>
      </c>
      <c r="B86" s="35">
        <v>54</v>
      </c>
      <c r="C86" s="13">
        <v>47</v>
      </c>
      <c r="D86" s="12">
        <v>101</v>
      </c>
    </row>
    <row r="87" spans="1:4" ht="18" customHeight="1" x14ac:dyDescent="0.2">
      <c r="A87" s="8">
        <v>67</v>
      </c>
      <c r="B87" s="35">
        <v>57</v>
      </c>
      <c r="C87" s="13">
        <v>67</v>
      </c>
      <c r="D87" s="12">
        <v>124</v>
      </c>
    </row>
    <row r="88" spans="1:4" ht="18" customHeight="1" x14ac:dyDescent="0.2">
      <c r="A88" s="8">
        <v>68</v>
      </c>
      <c r="B88" s="35">
        <v>63</v>
      </c>
      <c r="C88" s="13">
        <v>72</v>
      </c>
      <c r="D88" s="12">
        <v>135</v>
      </c>
    </row>
    <row r="89" spans="1:4" ht="18" customHeight="1" x14ac:dyDescent="0.2">
      <c r="A89" s="8">
        <v>69</v>
      </c>
      <c r="B89" s="35">
        <v>76</v>
      </c>
      <c r="C89" s="13">
        <v>63</v>
      </c>
      <c r="D89" s="12">
        <v>139</v>
      </c>
    </row>
    <row r="90" spans="1:4" ht="18" customHeight="1" x14ac:dyDescent="0.2">
      <c r="A90" s="8" t="s">
        <v>10</v>
      </c>
      <c r="B90" s="35">
        <v>299</v>
      </c>
      <c r="C90" s="13">
        <v>299</v>
      </c>
      <c r="D90" s="12">
        <v>598</v>
      </c>
    </row>
    <row r="91" spans="1:4" ht="18" customHeight="1" x14ac:dyDescent="0.2">
      <c r="A91" s="8">
        <v>70</v>
      </c>
      <c r="B91" s="35">
        <v>61</v>
      </c>
      <c r="C91" s="13">
        <v>64</v>
      </c>
      <c r="D91" s="12">
        <v>125</v>
      </c>
    </row>
    <row r="92" spans="1:4" ht="18" customHeight="1" x14ac:dyDescent="0.2">
      <c r="A92" s="8">
        <v>71</v>
      </c>
      <c r="B92" s="35">
        <v>55</v>
      </c>
      <c r="C92" s="13">
        <v>69</v>
      </c>
      <c r="D92" s="12">
        <v>124</v>
      </c>
    </row>
    <row r="93" spans="1:4" ht="18" customHeight="1" x14ac:dyDescent="0.2">
      <c r="A93" s="8">
        <v>72</v>
      </c>
      <c r="B93" s="35">
        <v>71</v>
      </c>
      <c r="C93" s="13">
        <v>68</v>
      </c>
      <c r="D93" s="12">
        <v>139</v>
      </c>
    </row>
    <row r="94" spans="1:4" ht="18" customHeight="1" x14ac:dyDescent="0.2">
      <c r="A94" s="8">
        <v>73</v>
      </c>
      <c r="B94" s="35">
        <v>59</v>
      </c>
      <c r="C94" s="13">
        <v>71</v>
      </c>
      <c r="D94" s="12">
        <v>130</v>
      </c>
    </row>
    <row r="95" spans="1:4" ht="18" customHeight="1" x14ac:dyDescent="0.2">
      <c r="A95" s="8">
        <v>74</v>
      </c>
      <c r="B95" s="35">
        <v>84</v>
      </c>
      <c r="C95" s="13">
        <v>86</v>
      </c>
      <c r="D95" s="12">
        <v>170</v>
      </c>
    </row>
    <row r="96" spans="1:4" ht="18" customHeight="1" x14ac:dyDescent="0.2">
      <c r="A96" s="8" t="s">
        <v>9</v>
      </c>
      <c r="B96" s="35">
        <v>330</v>
      </c>
      <c r="C96" s="13">
        <v>358</v>
      </c>
      <c r="D96" s="12">
        <v>688</v>
      </c>
    </row>
    <row r="97" spans="1:4" ht="18" customHeight="1" x14ac:dyDescent="0.2">
      <c r="A97" s="8">
        <v>75</v>
      </c>
      <c r="B97" s="35">
        <v>69</v>
      </c>
      <c r="C97" s="13">
        <v>99</v>
      </c>
      <c r="D97" s="12">
        <v>168</v>
      </c>
    </row>
    <row r="98" spans="1:4" ht="18" customHeight="1" x14ac:dyDescent="0.2">
      <c r="A98" s="8">
        <v>76</v>
      </c>
      <c r="B98" s="35">
        <v>48</v>
      </c>
      <c r="C98" s="13">
        <v>69</v>
      </c>
      <c r="D98" s="12">
        <v>117</v>
      </c>
    </row>
    <row r="99" spans="1:4" ht="18" customHeight="1" x14ac:dyDescent="0.2">
      <c r="A99" s="8">
        <v>77</v>
      </c>
      <c r="B99" s="35">
        <v>31</v>
      </c>
      <c r="C99" s="13">
        <v>29</v>
      </c>
      <c r="D99" s="12">
        <v>60</v>
      </c>
    </row>
    <row r="100" spans="1:4" ht="18" customHeight="1" x14ac:dyDescent="0.2">
      <c r="A100" s="8">
        <v>78</v>
      </c>
      <c r="B100" s="35">
        <v>37</v>
      </c>
      <c r="C100" s="13">
        <v>44</v>
      </c>
      <c r="D100" s="12">
        <v>81</v>
      </c>
    </row>
    <row r="101" spans="1:4" ht="18" customHeight="1" x14ac:dyDescent="0.2">
      <c r="A101" s="8">
        <v>79</v>
      </c>
      <c r="B101" s="35">
        <v>37</v>
      </c>
      <c r="C101" s="13">
        <v>47</v>
      </c>
      <c r="D101" s="12">
        <v>84</v>
      </c>
    </row>
    <row r="102" spans="1:4" ht="18" customHeight="1" x14ac:dyDescent="0.2">
      <c r="A102" s="8" t="s">
        <v>8</v>
      </c>
      <c r="B102" s="35">
        <v>222</v>
      </c>
      <c r="C102" s="13">
        <v>288</v>
      </c>
      <c r="D102" s="12">
        <v>510</v>
      </c>
    </row>
    <row r="103" spans="1:4" ht="18" customHeight="1" x14ac:dyDescent="0.2">
      <c r="A103" s="8">
        <v>80</v>
      </c>
      <c r="B103" s="35">
        <v>39</v>
      </c>
      <c r="C103" s="13">
        <v>51</v>
      </c>
      <c r="D103" s="12">
        <v>90</v>
      </c>
    </row>
    <row r="104" spans="1:4" ht="18" customHeight="1" x14ac:dyDescent="0.2">
      <c r="A104" s="8">
        <v>81</v>
      </c>
      <c r="B104" s="35">
        <v>38</v>
      </c>
      <c r="C104" s="13">
        <v>42</v>
      </c>
      <c r="D104" s="12">
        <v>80</v>
      </c>
    </row>
    <row r="105" spans="1:4" ht="18" customHeight="1" x14ac:dyDescent="0.2">
      <c r="A105" s="8">
        <v>82</v>
      </c>
      <c r="B105" s="35">
        <v>30</v>
      </c>
      <c r="C105" s="13">
        <v>58</v>
      </c>
      <c r="D105" s="12">
        <v>88</v>
      </c>
    </row>
    <row r="106" spans="1:4" ht="18" customHeight="1" x14ac:dyDescent="0.2">
      <c r="A106" s="8">
        <v>83</v>
      </c>
      <c r="B106" s="35">
        <v>29</v>
      </c>
      <c r="C106" s="13">
        <v>38</v>
      </c>
      <c r="D106" s="12">
        <v>67</v>
      </c>
    </row>
    <row r="107" spans="1:4" ht="18" customHeight="1" x14ac:dyDescent="0.2">
      <c r="A107" s="8">
        <v>84</v>
      </c>
      <c r="B107" s="35">
        <v>19</v>
      </c>
      <c r="C107" s="13">
        <v>35</v>
      </c>
      <c r="D107" s="12">
        <v>54</v>
      </c>
    </row>
    <row r="108" spans="1:4" ht="18" customHeight="1" x14ac:dyDescent="0.2">
      <c r="A108" s="8" t="s">
        <v>7</v>
      </c>
      <c r="B108" s="35">
        <v>155</v>
      </c>
      <c r="C108" s="13">
        <v>224</v>
      </c>
      <c r="D108" s="12">
        <v>379</v>
      </c>
    </row>
    <row r="109" spans="1:4" ht="18" customHeight="1" x14ac:dyDescent="0.2">
      <c r="A109" s="8">
        <v>85</v>
      </c>
      <c r="B109" s="35">
        <v>21</v>
      </c>
      <c r="C109" s="13">
        <v>26</v>
      </c>
      <c r="D109" s="12">
        <v>47</v>
      </c>
    </row>
    <row r="110" spans="1:4" ht="18" customHeight="1" x14ac:dyDescent="0.2">
      <c r="A110" s="8">
        <v>86</v>
      </c>
      <c r="B110" s="35">
        <v>18</v>
      </c>
      <c r="C110" s="13">
        <v>25</v>
      </c>
      <c r="D110" s="12">
        <v>43</v>
      </c>
    </row>
    <row r="111" spans="1:4" ht="18" customHeight="1" x14ac:dyDescent="0.2">
      <c r="A111" s="8">
        <v>87</v>
      </c>
      <c r="B111" s="35">
        <v>20</v>
      </c>
      <c r="C111" s="13">
        <v>37</v>
      </c>
      <c r="D111" s="12">
        <v>57</v>
      </c>
    </row>
    <row r="112" spans="1:4" ht="18" customHeight="1" x14ac:dyDescent="0.2">
      <c r="A112" s="8">
        <v>88</v>
      </c>
      <c r="B112" s="35">
        <v>14</v>
      </c>
      <c r="C112" s="13">
        <v>27</v>
      </c>
      <c r="D112" s="12">
        <v>41</v>
      </c>
    </row>
    <row r="113" spans="1:4" ht="18" customHeight="1" x14ac:dyDescent="0.2">
      <c r="A113" s="8">
        <v>89</v>
      </c>
      <c r="B113" s="35">
        <v>12</v>
      </c>
      <c r="C113" s="13">
        <v>27</v>
      </c>
      <c r="D113" s="12">
        <v>39</v>
      </c>
    </row>
    <row r="114" spans="1:4" ht="18" customHeight="1" x14ac:dyDescent="0.2">
      <c r="A114" s="8" t="s">
        <v>6</v>
      </c>
      <c r="B114" s="35">
        <v>85</v>
      </c>
      <c r="C114" s="13">
        <v>142</v>
      </c>
      <c r="D114" s="12">
        <v>227</v>
      </c>
    </row>
    <row r="115" spans="1:4" ht="18" customHeight="1" x14ac:dyDescent="0.2">
      <c r="A115" s="8">
        <v>90</v>
      </c>
      <c r="B115" s="35">
        <v>8</v>
      </c>
      <c r="C115" s="13">
        <v>36</v>
      </c>
      <c r="D115" s="12">
        <v>44</v>
      </c>
    </row>
    <row r="116" spans="1:4" ht="18" customHeight="1" x14ac:dyDescent="0.2">
      <c r="A116" s="8">
        <v>91</v>
      </c>
      <c r="B116" s="35">
        <v>11</v>
      </c>
      <c r="C116" s="13">
        <v>30</v>
      </c>
      <c r="D116" s="12">
        <v>41</v>
      </c>
    </row>
    <row r="117" spans="1:4" ht="18" customHeight="1" x14ac:dyDescent="0.2">
      <c r="A117" s="8">
        <v>92</v>
      </c>
      <c r="B117" s="35">
        <v>8</v>
      </c>
      <c r="C117" s="13">
        <v>20</v>
      </c>
      <c r="D117" s="12">
        <v>28</v>
      </c>
    </row>
    <row r="118" spans="1:4" ht="18" customHeight="1" x14ac:dyDescent="0.2">
      <c r="A118" s="8">
        <v>93</v>
      </c>
      <c r="B118" s="35">
        <v>6</v>
      </c>
      <c r="C118" s="13">
        <v>16</v>
      </c>
      <c r="D118" s="12">
        <v>22</v>
      </c>
    </row>
    <row r="119" spans="1:4" ht="18" customHeight="1" x14ac:dyDescent="0.2">
      <c r="A119" s="8">
        <v>94</v>
      </c>
      <c r="B119" s="35">
        <v>3</v>
      </c>
      <c r="C119" s="13">
        <v>21</v>
      </c>
      <c r="D119" s="12">
        <v>24</v>
      </c>
    </row>
    <row r="120" spans="1:4" ht="18" customHeight="1" x14ac:dyDescent="0.2">
      <c r="A120" s="8" t="s">
        <v>5</v>
      </c>
      <c r="B120" s="35">
        <v>36</v>
      </c>
      <c r="C120" s="13">
        <v>123</v>
      </c>
      <c r="D120" s="12">
        <v>159</v>
      </c>
    </row>
    <row r="121" spans="1:4" ht="18" customHeight="1" x14ac:dyDescent="0.2">
      <c r="A121" s="8">
        <v>95</v>
      </c>
      <c r="B121" s="35">
        <v>4</v>
      </c>
      <c r="C121" s="13">
        <v>9</v>
      </c>
      <c r="D121" s="12">
        <v>13</v>
      </c>
    </row>
    <row r="122" spans="1:4" ht="18" customHeight="1" x14ac:dyDescent="0.2">
      <c r="A122" s="8">
        <v>96</v>
      </c>
      <c r="B122" s="35">
        <v>1</v>
      </c>
      <c r="C122" s="13">
        <v>8</v>
      </c>
      <c r="D122" s="12">
        <v>9</v>
      </c>
    </row>
    <row r="123" spans="1:4" ht="18" customHeight="1" x14ac:dyDescent="0.2">
      <c r="A123" s="8">
        <v>97</v>
      </c>
      <c r="B123" s="35">
        <v>0</v>
      </c>
      <c r="C123" s="13">
        <v>2</v>
      </c>
      <c r="D123" s="12">
        <v>2</v>
      </c>
    </row>
    <row r="124" spans="1:4" ht="18" customHeight="1" x14ac:dyDescent="0.2">
      <c r="A124" s="8">
        <v>98</v>
      </c>
      <c r="B124" s="35">
        <v>1</v>
      </c>
      <c r="C124" s="13">
        <v>3</v>
      </c>
      <c r="D124" s="12">
        <v>4</v>
      </c>
    </row>
    <row r="125" spans="1:4" ht="18" customHeight="1" x14ac:dyDescent="0.2">
      <c r="A125" s="8">
        <v>99</v>
      </c>
      <c r="B125" s="35">
        <v>1</v>
      </c>
      <c r="C125" s="13">
        <v>4</v>
      </c>
      <c r="D125" s="12">
        <v>5</v>
      </c>
    </row>
    <row r="126" spans="1:4" ht="18" customHeight="1" x14ac:dyDescent="0.2">
      <c r="A126" s="8" t="s">
        <v>4</v>
      </c>
      <c r="B126" s="35">
        <v>7</v>
      </c>
      <c r="C126" s="13">
        <v>26</v>
      </c>
      <c r="D126" s="12">
        <v>33</v>
      </c>
    </row>
    <row r="127" spans="1:4" ht="18" customHeight="1" x14ac:dyDescent="0.2">
      <c r="A127" s="8">
        <v>100</v>
      </c>
      <c r="B127" s="35">
        <v>0</v>
      </c>
      <c r="C127" s="13">
        <v>4</v>
      </c>
      <c r="D127" s="12">
        <v>4</v>
      </c>
    </row>
    <row r="128" spans="1:4" ht="18" customHeight="1" x14ac:dyDescent="0.2">
      <c r="A128" s="15" t="s">
        <v>3</v>
      </c>
      <c r="B128" s="35">
        <v>3</v>
      </c>
      <c r="C128" s="13">
        <v>3</v>
      </c>
      <c r="D128" s="12">
        <v>6</v>
      </c>
    </row>
    <row r="129" spans="1:4" ht="18" customHeight="1" x14ac:dyDescent="0.2">
      <c r="A129" s="8" t="s">
        <v>2</v>
      </c>
      <c r="B129" s="35">
        <v>3</v>
      </c>
      <c r="C129" s="13">
        <v>7</v>
      </c>
      <c r="D129" s="12">
        <v>10</v>
      </c>
    </row>
    <row r="130" spans="1:4" ht="18" customHeight="1" x14ac:dyDescent="0.2">
      <c r="A130" s="8" t="s">
        <v>1</v>
      </c>
      <c r="B130" s="28">
        <v>1137</v>
      </c>
      <c r="C130" s="6">
        <v>1467</v>
      </c>
      <c r="D130" s="5">
        <v>2604</v>
      </c>
    </row>
    <row r="131" spans="1:4" ht="18" customHeight="1" x14ac:dyDescent="0.2">
      <c r="A131" s="4" t="s">
        <v>0</v>
      </c>
      <c r="B131" s="27">
        <v>5904</v>
      </c>
      <c r="C131" s="2">
        <v>6054</v>
      </c>
      <c r="D131" s="1">
        <v>11958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5AC3FF3-FD8E-47A3-BE31-FDB92C0D3B62}">
  <sheetPr codeName="Sheet8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104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51</v>
      </c>
      <c r="C5" s="45">
        <v>47</v>
      </c>
      <c r="D5" s="44">
        <v>98</v>
      </c>
    </row>
    <row r="6" spans="1:4" ht="18" customHeight="1" x14ac:dyDescent="0.2">
      <c r="A6" s="8">
        <v>1</v>
      </c>
      <c r="B6" s="40">
        <v>49</v>
      </c>
      <c r="C6" s="13">
        <v>33</v>
      </c>
      <c r="D6" s="12">
        <v>82</v>
      </c>
    </row>
    <row r="7" spans="1:4" ht="18" customHeight="1" x14ac:dyDescent="0.2">
      <c r="A7" s="8">
        <v>2</v>
      </c>
      <c r="B7" s="40">
        <v>54</v>
      </c>
      <c r="C7" s="13">
        <v>57</v>
      </c>
      <c r="D7" s="12">
        <v>111</v>
      </c>
    </row>
    <row r="8" spans="1:4" ht="18" customHeight="1" x14ac:dyDescent="0.2">
      <c r="A8" s="8">
        <v>3</v>
      </c>
      <c r="B8" s="40">
        <v>47</v>
      </c>
      <c r="C8" s="13">
        <v>43</v>
      </c>
      <c r="D8" s="12">
        <v>90</v>
      </c>
    </row>
    <row r="9" spans="1:4" ht="18" customHeight="1" x14ac:dyDescent="0.2">
      <c r="A9" s="8">
        <v>4</v>
      </c>
      <c r="B9" s="43">
        <v>51</v>
      </c>
      <c r="C9" s="42">
        <v>41</v>
      </c>
      <c r="D9" s="41">
        <v>92</v>
      </c>
    </row>
    <row r="10" spans="1:4" ht="18" customHeight="1" x14ac:dyDescent="0.2">
      <c r="A10" s="8" t="s">
        <v>25</v>
      </c>
      <c r="B10" s="35">
        <v>252</v>
      </c>
      <c r="C10" s="13">
        <v>221</v>
      </c>
      <c r="D10" s="12">
        <v>473</v>
      </c>
    </row>
    <row r="11" spans="1:4" ht="18" customHeight="1" x14ac:dyDescent="0.2">
      <c r="A11" s="8">
        <v>5</v>
      </c>
      <c r="B11" s="40">
        <v>61</v>
      </c>
      <c r="C11" s="13">
        <v>59</v>
      </c>
      <c r="D11" s="12">
        <v>120</v>
      </c>
    </row>
    <row r="12" spans="1:4" ht="18" customHeight="1" x14ac:dyDescent="0.2">
      <c r="A12" s="8">
        <v>6</v>
      </c>
      <c r="B12" s="40">
        <v>62</v>
      </c>
      <c r="C12" s="13">
        <v>50</v>
      </c>
      <c r="D12" s="12">
        <v>112</v>
      </c>
    </row>
    <row r="13" spans="1:4" ht="18" customHeight="1" x14ac:dyDescent="0.2">
      <c r="A13" s="8">
        <v>7</v>
      </c>
      <c r="B13" s="40">
        <v>74</v>
      </c>
      <c r="C13" s="13">
        <v>61</v>
      </c>
      <c r="D13" s="12">
        <v>135</v>
      </c>
    </row>
    <row r="14" spans="1:4" ht="18" customHeight="1" x14ac:dyDescent="0.2">
      <c r="A14" s="8">
        <v>8</v>
      </c>
      <c r="B14" s="40">
        <v>59</v>
      </c>
      <c r="C14" s="13">
        <v>55</v>
      </c>
      <c r="D14" s="12">
        <v>114</v>
      </c>
    </row>
    <row r="15" spans="1:4" ht="18" customHeight="1" x14ac:dyDescent="0.2">
      <c r="A15" s="8">
        <v>9</v>
      </c>
      <c r="B15" s="40">
        <v>66</v>
      </c>
      <c r="C15" s="13">
        <v>66</v>
      </c>
      <c r="D15" s="12">
        <v>132</v>
      </c>
    </row>
    <row r="16" spans="1:4" ht="18" customHeight="1" x14ac:dyDescent="0.2">
      <c r="A16" s="8" t="s">
        <v>24</v>
      </c>
      <c r="B16" s="35">
        <v>322</v>
      </c>
      <c r="C16" s="13">
        <v>291</v>
      </c>
      <c r="D16" s="12">
        <v>613</v>
      </c>
    </row>
    <row r="17" spans="1:4" ht="18" customHeight="1" x14ac:dyDescent="0.2">
      <c r="A17" s="8">
        <v>10</v>
      </c>
      <c r="B17" s="35">
        <v>63</v>
      </c>
      <c r="C17" s="13">
        <v>80</v>
      </c>
      <c r="D17" s="12">
        <v>143</v>
      </c>
    </row>
    <row r="18" spans="1:4" ht="18" customHeight="1" x14ac:dyDescent="0.2">
      <c r="A18" s="8">
        <v>11</v>
      </c>
      <c r="B18" s="35">
        <v>70</v>
      </c>
      <c r="C18" s="13">
        <v>73</v>
      </c>
      <c r="D18" s="12">
        <v>143</v>
      </c>
    </row>
    <row r="19" spans="1:4" ht="18" customHeight="1" x14ac:dyDescent="0.2">
      <c r="A19" s="8">
        <v>12</v>
      </c>
      <c r="B19" s="35">
        <v>82</v>
      </c>
      <c r="C19" s="13">
        <v>62</v>
      </c>
      <c r="D19" s="12">
        <v>144</v>
      </c>
    </row>
    <row r="20" spans="1:4" ht="18" customHeight="1" x14ac:dyDescent="0.2">
      <c r="A20" s="8">
        <v>13</v>
      </c>
      <c r="B20" s="35">
        <v>81</v>
      </c>
      <c r="C20" s="13">
        <v>83</v>
      </c>
      <c r="D20" s="12">
        <v>164</v>
      </c>
    </row>
    <row r="21" spans="1:4" ht="18" customHeight="1" x14ac:dyDescent="0.2">
      <c r="A21" s="8">
        <v>14</v>
      </c>
      <c r="B21" s="35">
        <v>71</v>
      </c>
      <c r="C21" s="13">
        <v>73</v>
      </c>
      <c r="D21" s="12">
        <v>144</v>
      </c>
    </row>
    <row r="22" spans="1:4" ht="18" customHeight="1" x14ac:dyDescent="0.2">
      <c r="A22" s="8" t="s">
        <v>23</v>
      </c>
      <c r="B22" s="35">
        <v>367</v>
      </c>
      <c r="C22" s="13">
        <v>371</v>
      </c>
      <c r="D22" s="12">
        <v>738</v>
      </c>
    </row>
    <row r="23" spans="1:4" ht="18" customHeight="1" x14ac:dyDescent="0.2">
      <c r="A23" s="8" t="s">
        <v>22</v>
      </c>
      <c r="B23" s="35">
        <v>941</v>
      </c>
      <c r="C23" s="13">
        <v>883</v>
      </c>
      <c r="D23" s="12">
        <v>1824</v>
      </c>
    </row>
    <row r="24" spans="1:4" ht="18" customHeight="1" x14ac:dyDescent="0.2">
      <c r="A24" s="8">
        <v>15</v>
      </c>
      <c r="B24" s="35">
        <v>81</v>
      </c>
      <c r="C24" s="13">
        <v>64</v>
      </c>
      <c r="D24" s="12">
        <v>145</v>
      </c>
    </row>
    <row r="25" spans="1:4" ht="18" customHeight="1" x14ac:dyDescent="0.2">
      <c r="A25" s="8">
        <v>16</v>
      </c>
      <c r="B25" s="35">
        <v>73</v>
      </c>
      <c r="C25" s="13">
        <v>69</v>
      </c>
      <c r="D25" s="12">
        <v>142</v>
      </c>
    </row>
    <row r="26" spans="1:4" ht="18" customHeight="1" x14ac:dyDescent="0.2">
      <c r="A26" s="8">
        <v>17</v>
      </c>
      <c r="B26" s="35">
        <v>73</v>
      </c>
      <c r="C26" s="13">
        <v>74</v>
      </c>
      <c r="D26" s="12">
        <v>147</v>
      </c>
    </row>
    <row r="27" spans="1:4" ht="18" customHeight="1" x14ac:dyDescent="0.2">
      <c r="A27" s="8">
        <v>18</v>
      </c>
      <c r="B27" s="35">
        <v>68</v>
      </c>
      <c r="C27" s="13">
        <v>71</v>
      </c>
      <c r="D27" s="12">
        <v>139</v>
      </c>
    </row>
    <row r="28" spans="1:4" ht="18" customHeight="1" x14ac:dyDescent="0.2">
      <c r="A28" s="8">
        <v>19</v>
      </c>
      <c r="B28" s="35">
        <v>77</v>
      </c>
      <c r="C28" s="13">
        <v>64</v>
      </c>
      <c r="D28" s="12">
        <v>141</v>
      </c>
    </row>
    <row r="29" spans="1:4" ht="18" customHeight="1" x14ac:dyDescent="0.2">
      <c r="A29" s="8" t="s">
        <v>21</v>
      </c>
      <c r="B29" s="35">
        <v>372</v>
      </c>
      <c r="C29" s="13">
        <v>342</v>
      </c>
      <c r="D29" s="12">
        <v>714</v>
      </c>
    </row>
    <row r="30" spans="1:4" ht="18" customHeight="1" x14ac:dyDescent="0.2">
      <c r="A30" s="8">
        <v>20</v>
      </c>
      <c r="B30" s="35">
        <v>74</v>
      </c>
      <c r="C30" s="13">
        <v>56</v>
      </c>
      <c r="D30" s="12">
        <v>130</v>
      </c>
    </row>
    <row r="31" spans="1:4" ht="18" customHeight="1" x14ac:dyDescent="0.2">
      <c r="A31" s="8">
        <v>21</v>
      </c>
      <c r="B31" s="35">
        <v>59</v>
      </c>
      <c r="C31" s="13">
        <v>60</v>
      </c>
      <c r="D31" s="12">
        <v>119</v>
      </c>
    </row>
    <row r="32" spans="1:4" ht="18" customHeight="1" x14ac:dyDescent="0.2">
      <c r="A32" s="8">
        <v>22</v>
      </c>
      <c r="B32" s="35">
        <v>70</v>
      </c>
      <c r="C32" s="13">
        <v>48</v>
      </c>
      <c r="D32" s="12">
        <v>118</v>
      </c>
    </row>
    <row r="33" spans="1:4" ht="18" customHeight="1" x14ac:dyDescent="0.2">
      <c r="A33" s="8">
        <v>23</v>
      </c>
      <c r="B33" s="35">
        <v>63</v>
      </c>
      <c r="C33" s="13">
        <v>58</v>
      </c>
      <c r="D33" s="12">
        <v>121</v>
      </c>
    </row>
    <row r="34" spans="1:4" ht="18" customHeight="1" x14ac:dyDescent="0.2">
      <c r="A34" s="8">
        <v>24</v>
      </c>
      <c r="B34" s="35">
        <v>60</v>
      </c>
      <c r="C34" s="13">
        <v>57</v>
      </c>
      <c r="D34" s="12">
        <v>117</v>
      </c>
    </row>
    <row r="35" spans="1:4" ht="18" customHeight="1" x14ac:dyDescent="0.2">
      <c r="A35" s="8" t="s">
        <v>20</v>
      </c>
      <c r="B35" s="35">
        <v>326</v>
      </c>
      <c r="C35" s="13">
        <v>279</v>
      </c>
      <c r="D35" s="12">
        <v>605</v>
      </c>
    </row>
    <row r="36" spans="1:4" ht="18" customHeight="1" x14ac:dyDescent="0.2">
      <c r="A36" s="8">
        <v>25</v>
      </c>
      <c r="B36" s="35">
        <v>51</v>
      </c>
      <c r="C36" s="13">
        <v>77</v>
      </c>
      <c r="D36" s="12">
        <v>128</v>
      </c>
    </row>
    <row r="37" spans="1:4" ht="18" customHeight="1" x14ac:dyDescent="0.2">
      <c r="A37" s="8">
        <v>26</v>
      </c>
      <c r="B37" s="35">
        <v>65</v>
      </c>
      <c r="C37" s="13">
        <v>66</v>
      </c>
      <c r="D37" s="12">
        <v>131</v>
      </c>
    </row>
    <row r="38" spans="1:4" ht="18" customHeight="1" x14ac:dyDescent="0.2">
      <c r="A38" s="8">
        <v>27</v>
      </c>
      <c r="B38" s="35">
        <v>73</v>
      </c>
      <c r="C38" s="13">
        <v>71</v>
      </c>
      <c r="D38" s="12">
        <v>144</v>
      </c>
    </row>
    <row r="39" spans="1:4" ht="18" customHeight="1" x14ac:dyDescent="0.2">
      <c r="A39" s="8">
        <v>28</v>
      </c>
      <c r="B39" s="35">
        <v>83</v>
      </c>
      <c r="C39" s="13">
        <v>80</v>
      </c>
      <c r="D39" s="12">
        <v>163</v>
      </c>
    </row>
    <row r="40" spans="1:4" ht="18" customHeight="1" x14ac:dyDescent="0.2">
      <c r="A40" s="8">
        <v>29</v>
      </c>
      <c r="B40" s="35">
        <v>82</v>
      </c>
      <c r="C40" s="13">
        <v>60</v>
      </c>
      <c r="D40" s="12">
        <v>142</v>
      </c>
    </row>
    <row r="41" spans="1:4" ht="18" customHeight="1" x14ac:dyDescent="0.2">
      <c r="A41" s="8" t="s">
        <v>19</v>
      </c>
      <c r="B41" s="35">
        <v>354</v>
      </c>
      <c r="C41" s="13">
        <v>354</v>
      </c>
      <c r="D41" s="12">
        <v>708</v>
      </c>
    </row>
    <row r="42" spans="1:4" ht="18" customHeight="1" x14ac:dyDescent="0.2">
      <c r="A42" s="8">
        <v>30</v>
      </c>
      <c r="B42" s="35">
        <v>60</v>
      </c>
      <c r="C42" s="13">
        <v>73</v>
      </c>
      <c r="D42" s="12">
        <v>133</v>
      </c>
    </row>
    <row r="43" spans="1:4" ht="18" customHeight="1" x14ac:dyDescent="0.2">
      <c r="A43" s="8">
        <v>31</v>
      </c>
      <c r="B43" s="35">
        <v>80</v>
      </c>
      <c r="C43" s="13">
        <v>65</v>
      </c>
      <c r="D43" s="12">
        <v>145</v>
      </c>
    </row>
    <row r="44" spans="1:4" ht="18" customHeight="1" x14ac:dyDescent="0.2">
      <c r="A44" s="8">
        <v>32</v>
      </c>
      <c r="B44" s="35">
        <v>72</v>
      </c>
      <c r="C44" s="13">
        <v>60</v>
      </c>
      <c r="D44" s="12">
        <v>132</v>
      </c>
    </row>
    <row r="45" spans="1:4" ht="18" customHeight="1" x14ac:dyDescent="0.2">
      <c r="A45" s="8">
        <v>33</v>
      </c>
      <c r="B45" s="35">
        <v>73</v>
      </c>
      <c r="C45" s="13">
        <v>61</v>
      </c>
      <c r="D45" s="12">
        <v>134</v>
      </c>
    </row>
    <row r="46" spans="1:4" ht="18" customHeight="1" x14ac:dyDescent="0.2">
      <c r="A46" s="8">
        <v>34</v>
      </c>
      <c r="B46" s="35">
        <v>70</v>
      </c>
      <c r="C46" s="13">
        <v>59</v>
      </c>
      <c r="D46" s="12">
        <v>129</v>
      </c>
    </row>
    <row r="47" spans="1:4" ht="18" customHeight="1" x14ac:dyDescent="0.2">
      <c r="A47" s="8" t="s">
        <v>18</v>
      </c>
      <c r="B47" s="35">
        <v>355</v>
      </c>
      <c r="C47" s="13">
        <v>318</v>
      </c>
      <c r="D47" s="12">
        <v>673</v>
      </c>
    </row>
    <row r="48" spans="1:4" ht="18" customHeight="1" x14ac:dyDescent="0.2">
      <c r="A48" s="8">
        <v>35</v>
      </c>
      <c r="B48" s="35">
        <v>55</v>
      </c>
      <c r="C48" s="13">
        <v>51</v>
      </c>
      <c r="D48" s="12">
        <v>106</v>
      </c>
    </row>
    <row r="49" spans="1:4" ht="18" customHeight="1" x14ac:dyDescent="0.2">
      <c r="A49" s="8">
        <v>36</v>
      </c>
      <c r="B49" s="35">
        <v>68</v>
      </c>
      <c r="C49" s="13">
        <v>68</v>
      </c>
      <c r="D49" s="12">
        <v>136</v>
      </c>
    </row>
    <row r="50" spans="1:4" ht="18" customHeight="1" x14ac:dyDescent="0.2">
      <c r="A50" s="8">
        <v>37</v>
      </c>
      <c r="B50" s="35">
        <v>66</v>
      </c>
      <c r="C50" s="13">
        <v>66</v>
      </c>
      <c r="D50" s="12">
        <v>132</v>
      </c>
    </row>
    <row r="51" spans="1:4" ht="18" customHeight="1" x14ac:dyDescent="0.2">
      <c r="A51" s="8">
        <v>38</v>
      </c>
      <c r="B51" s="35">
        <v>65</v>
      </c>
      <c r="C51" s="13">
        <v>77</v>
      </c>
      <c r="D51" s="12">
        <v>142</v>
      </c>
    </row>
    <row r="52" spans="1:4" ht="18" customHeight="1" x14ac:dyDescent="0.2">
      <c r="A52" s="8">
        <v>39</v>
      </c>
      <c r="B52" s="35">
        <v>78</v>
      </c>
      <c r="C52" s="13">
        <v>93</v>
      </c>
      <c r="D52" s="12">
        <v>171</v>
      </c>
    </row>
    <row r="53" spans="1:4" ht="18" customHeight="1" x14ac:dyDescent="0.2">
      <c r="A53" s="8" t="s">
        <v>17</v>
      </c>
      <c r="B53" s="35">
        <v>332</v>
      </c>
      <c r="C53" s="13">
        <v>355</v>
      </c>
      <c r="D53" s="12">
        <v>687</v>
      </c>
    </row>
    <row r="54" spans="1:4" ht="18" customHeight="1" x14ac:dyDescent="0.2">
      <c r="A54" s="8">
        <v>40</v>
      </c>
      <c r="B54" s="35">
        <v>95</v>
      </c>
      <c r="C54" s="13">
        <v>88</v>
      </c>
      <c r="D54" s="12">
        <v>183</v>
      </c>
    </row>
    <row r="55" spans="1:4" ht="18" customHeight="1" x14ac:dyDescent="0.2">
      <c r="A55" s="8">
        <v>41</v>
      </c>
      <c r="B55" s="35">
        <v>67</v>
      </c>
      <c r="C55" s="13">
        <v>90</v>
      </c>
      <c r="D55" s="12">
        <v>157</v>
      </c>
    </row>
    <row r="56" spans="1:4" ht="18" customHeight="1" x14ac:dyDescent="0.2">
      <c r="A56" s="8">
        <v>42</v>
      </c>
      <c r="B56" s="35">
        <v>90</v>
      </c>
      <c r="C56" s="13">
        <v>84</v>
      </c>
      <c r="D56" s="12">
        <v>174</v>
      </c>
    </row>
    <row r="57" spans="1:4" ht="18" customHeight="1" x14ac:dyDescent="0.2">
      <c r="A57" s="8">
        <v>43</v>
      </c>
      <c r="B57" s="35">
        <v>108</v>
      </c>
      <c r="C57" s="13">
        <v>91</v>
      </c>
      <c r="D57" s="12">
        <v>199</v>
      </c>
    </row>
    <row r="58" spans="1:4" ht="18" customHeight="1" x14ac:dyDescent="0.2">
      <c r="A58" s="8">
        <v>44</v>
      </c>
      <c r="B58" s="35">
        <v>99</v>
      </c>
      <c r="C58" s="13">
        <v>118</v>
      </c>
      <c r="D58" s="12">
        <v>217</v>
      </c>
    </row>
    <row r="59" spans="1:4" ht="18" customHeight="1" x14ac:dyDescent="0.2">
      <c r="A59" s="8" t="s">
        <v>16</v>
      </c>
      <c r="B59" s="35">
        <v>459</v>
      </c>
      <c r="C59" s="13">
        <v>471</v>
      </c>
      <c r="D59" s="12">
        <v>930</v>
      </c>
    </row>
    <row r="60" spans="1:4" ht="18" customHeight="1" x14ac:dyDescent="0.2">
      <c r="A60" s="8">
        <v>45</v>
      </c>
      <c r="B60" s="35">
        <v>120</v>
      </c>
      <c r="C60" s="13">
        <v>91</v>
      </c>
      <c r="D60" s="12">
        <v>211</v>
      </c>
    </row>
    <row r="61" spans="1:4" ht="18" customHeight="1" x14ac:dyDescent="0.2">
      <c r="A61" s="8">
        <v>46</v>
      </c>
      <c r="B61" s="35">
        <v>112</v>
      </c>
      <c r="C61" s="13">
        <v>133</v>
      </c>
      <c r="D61" s="12">
        <v>245</v>
      </c>
    </row>
    <row r="62" spans="1:4" ht="18" customHeight="1" x14ac:dyDescent="0.2">
      <c r="A62" s="8">
        <v>47</v>
      </c>
      <c r="B62" s="35">
        <v>119</v>
      </c>
      <c r="C62" s="13">
        <v>111</v>
      </c>
      <c r="D62" s="12">
        <v>230</v>
      </c>
    </row>
    <row r="63" spans="1:4" ht="18" customHeight="1" x14ac:dyDescent="0.2">
      <c r="A63" s="8">
        <v>48</v>
      </c>
      <c r="B63" s="35">
        <v>97</v>
      </c>
      <c r="C63" s="13">
        <v>104</v>
      </c>
      <c r="D63" s="12">
        <v>201</v>
      </c>
    </row>
    <row r="64" spans="1:4" ht="18" customHeight="1" x14ac:dyDescent="0.2">
      <c r="A64" s="8">
        <v>49</v>
      </c>
      <c r="B64" s="35">
        <v>123</v>
      </c>
      <c r="C64" s="13">
        <v>111</v>
      </c>
      <c r="D64" s="12">
        <v>234</v>
      </c>
    </row>
    <row r="65" spans="1:4" ht="18" customHeight="1" x14ac:dyDescent="0.2">
      <c r="A65" s="8" t="s">
        <v>15</v>
      </c>
      <c r="B65" s="35">
        <v>571</v>
      </c>
      <c r="C65" s="13">
        <v>550</v>
      </c>
      <c r="D65" s="12">
        <v>1121</v>
      </c>
    </row>
    <row r="66" spans="1:4" ht="18" customHeight="1" x14ac:dyDescent="0.2">
      <c r="A66" s="8">
        <v>50</v>
      </c>
      <c r="B66" s="35">
        <v>118</v>
      </c>
      <c r="C66" s="13">
        <v>114</v>
      </c>
      <c r="D66" s="12">
        <v>232</v>
      </c>
    </row>
    <row r="67" spans="1:4" ht="18" customHeight="1" x14ac:dyDescent="0.2">
      <c r="A67" s="8">
        <v>51</v>
      </c>
      <c r="B67" s="35">
        <v>113</v>
      </c>
      <c r="C67" s="13">
        <v>118</v>
      </c>
      <c r="D67" s="12">
        <v>231</v>
      </c>
    </row>
    <row r="68" spans="1:4" ht="18" customHeight="1" x14ac:dyDescent="0.2">
      <c r="A68" s="8">
        <v>52</v>
      </c>
      <c r="B68" s="35">
        <v>89</v>
      </c>
      <c r="C68" s="13">
        <v>109</v>
      </c>
      <c r="D68" s="12">
        <v>198</v>
      </c>
    </row>
    <row r="69" spans="1:4" ht="18" customHeight="1" x14ac:dyDescent="0.2">
      <c r="A69" s="8">
        <v>53</v>
      </c>
      <c r="B69" s="35">
        <v>80</v>
      </c>
      <c r="C69" s="13">
        <v>92</v>
      </c>
      <c r="D69" s="12">
        <v>172</v>
      </c>
    </row>
    <row r="70" spans="1:4" ht="18" customHeight="1" x14ac:dyDescent="0.2">
      <c r="A70" s="8">
        <v>54</v>
      </c>
      <c r="B70" s="35">
        <v>105</v>
      </c>
      <c r="C70" s="13">
        <v>81</v>
      </c>
      <c r="D70" s="12">
        <v>186</v>
      </c>
    </row>
    <row r="71" spans="1:4" ht="18" customHeight="1" x14ac:dyDescent="0.2">
      <c r="A71" s="8" t="s">
        <v>14</v>
      </c>
      <c r="B71" s="35">
        <v>505</v>
      </c>
      <c r="C71" s="13">
        <v>514</v>
      </c>
      <c r="D71" s="12">
        <v>1019</v>
      </c>
    </row>
    <row r="72" spans="1:4" ht="18" customHeight="1" x14ac:dyDescent="0.2">
      <c r="A72" s="8">
        <v>55</v>
      </c>
      <c r="B72" s="35">
        <v>77</v>
      </c>
      <c r="C72" s="13">
        <v>76</v>
      </c>
      <c r="D72" s="12">
        <v>153</v>
      </c>
    </row>
    <row r="73" spans="1:4" ht="18" customHeight="1" x14ac:dyDescent="0.2">
      <c r="A73" s="8">
        <v>56</v>
      </c>
      <c r="B73" s="35">
        <v>60</v>
      </c>
      <c r="C73" s="13">
        <v>57</v>
      </c>
      <c r="D73" s="12">
        <v>117</v>
      </c>
    </row>
    <row r="74" spans="1:4" ht="18" customHeight="1" x14ac:dyDescent="0.2">
      <c r="A74" s="8">
        <v>57</v>
      </c>
      <c r="B74" s="35">
        <v>51</v>
      </c>
      <c r="C74" s="13">
        <v>59</v>
      </c>
      <c r="D74" s="12">
        <v>110</v>
      </c>
    </row>
    <row r="75" spans="1:4" ht="18" customHeight="1" x14ac:dyDescent="0.2">
      <c r="A75" s="8">
        <v>58</v>
      </c>
      <c r="B75" s="35">
        <v>62</v>
      </c>
      <c r="C75" s="13">
        <v>68</v>
      </c>
      <c r="D75" s="12">
        <v>130</v>
      </c>
    </row>
    <row r="76" spans="1:4" ht="18" customHeight="1" x14ac:dyDescent="0.2">
      <c r="A76" s="8">
        <v>59</v>
      </c>
      <c r="B76" s="35">
        <v>63</v>
      </c>
      <c r="C76" s="13">
        <v>78</v>
      </c>
      <c r="D76" s="12">
        <v>141</v>
      </c>
    </row>
    <row r="77" spans="1:4" ht="18" customHeight="1" x14ac:dyDescent="0.2">
      <c r="A77" s="8" t="s">
        <v>13</v>
      </c>
      <c r="B77" s="35">
        <v>313</v>
      </c>
      <c r="C77" s="13">
        <v>338</v>
      </c>
      <c r="D77" s="12">
        <v>651</v>
      </c>
    </row>
    <row r="78" spans="1:4" ht="18" customHeight="1" x14ac:dyDescent="0.2">
      <c r="A78" s="8">
        <v>60</v>
      </c>
      <c r="B78" s="35">
        <v>66</v>
      </c>
      <c r="C78" s="13">
        <v>63</v>
      </c>
      <c r="D78" s="12">
        <v>129</v>
      </c>
    </row>
    <row r="79" spans="1:4" ht="18" customHeight="1" x14ac:dyDescent="0.2">
      <c r="A79" s="8">
        <v>61</v>
      </c>
      <c r="B79" s="35">
        <v>61</v>
      </c>
      <c r="C79" s="13">
        <v>63</v>
      </c>
      <c r="D79" s="12">
        <v>124</v>
      </c>
    </row>
    <row r="80" spans="1:4" ht="18" customHeight="1" x14ac:dyDescent="0.2">
      <c r="A80" s="8">
        <v>62</v>
      </c>
      <c r="B80" s="35">
        <v>64</v>
      </c>
      <c r="C80" s="13">
        <v>66</v>
      </c>
      <c r="D80" s="12">
        <v>130</v>
      </c>
    </row>
    <row r="81" spans="1:4" ht="18" customHeight="1" x14ac:dyDescent="0.2">
      <c r="A81" s="8">
        <v>63</v>
      </c>
      <c r="B81" s="35">
        <v>56</v>
      </c>
      <c r="C81" s="13">
        <v>43</v>
      </c>
      <c r="D81" s="12">
        <v>99</v>
      </c>
    </row>
    <row r="82" spans="1:4" ht="18" customHeight="1" x14ac:dyDescent="0.2">
      <c r="A82" s="8">
        <v>64</v>
      </c>
      <c r="B82" s="35">
        <v>58</v>
      </c>
      <c r="C82" s="13">
        <v>53</v>
      </c>
      <c r="D82" s="12">
        <v>111</v>
      </c>
    </row>
    <row r="83" spans="1:4" ht="18" customHeight="1" x14ac:dyDescent="0.2">
      <c r="A83" s="8" t="s">
        <v>12</v>
      </c>
      <c r="B83" s="35">
        <v>305</v>
      </c>
      <c r="C83" s="13">
        <v>288</v>
      </c>
      <c r="D83" s="12">
        <v>593</v>
      </c>
    </row>
    <row r="84" spans="1:4" ht="18" customHeight="1" x14ac:dyDescent="0.2">
      <c r="A84" s="8" t="s">
        <v>11</v>
      </c>
      <c r="B84" s="35">
        <v>3892</v>
      </c>
      <c r="C84" s="13">
        <v>3809</v>
      </c>
      <c r="D84" s="12">
        <v>7701</v>
      </c>
    </row>
    <row r="85" spans="1:4" ht="18" customHeight="1" x14ac:dyDescent="0.2">
      <c r="A85" s="8">
        <v>65</v>
      </c>
      <c r="B85" s="35">
        <v>44</v>
      </c>
      <c r="C85" s="13">
        <v>55</v>
      </c>
      <c r="D85" s="12">
        <v>99</v>
      </c>
    </row>
    <row r="86" spans="1:4" ht="18" customHeight="1" x14ac:dyDescent="0.2">
      <c r="A86" s="8">
        <v>66</v>
      </c>
      <c r="B86" s="35">
        <v>45</v>
      </c>
      <c r="C86" s="13">
        <v>52</v>
      </c>
      <c r="D86" s="12">
        <v>97</v>
      </c>
    </row>
    <row r="87" spans="1:4" ht="18" customHeight="1" x14ac:dyDescent="0.2">
      <c r="A87" s="8">
        <v>67</v>
      </c>
      <c r="B87" s="35">
        <v>55</v>
      </c>
      <c r="C87" s="13">
        <v>56</v>
      </c>
      <c r="D87" s="12">
        <v>111</v>
      </c>
    </row>
    <row r="88" spans="1:4" ht="18" customHeight="1" x14ac:dyDescent="0.2">
      <c r="A88" s="8">
        <v>68</v>
      </c>
      <c r="B88" s="35">
        <v>58</v>
      </c>
      <c r="C88" s="13">
        <v>58</v>
      </c>
      <c r="D88" s="12">
        <v>116</v>
      </c>
    </row>
    <row r="89" spans="1:4" ht="18" customHeight="1" x14ac:dyDescent="0.2">
      <c r="A89" s="8">
        <v>69</v>
      </c>
      <c r="B89" s="35">
        <v>44</v>
      </c>
      <c r="C89" s="13">
        <v>64</v>
      </c>
      <c r="D89" s="12">
        <v>108</v>
      </c>
    </row>
    <row r="90" spans="1:4" ht="18" customHeight="1" x14ac:dyDescent="0.2">
      <c r="A90" s="8" t="s">
        <v>10</v>
      </c>
      <c r="B90" s="35">
        <v>246</v>
      </c>
      <c r="C90" s="13">
        <v>285</v>
      </c>
      <c r="D90" s="12">
        <v>531</v>
      </c>
    </row>
    <row r="91" spans="1:4" ht="18" customHeight="1" x14ac:dyDescent="0.2">
      <c r="A91" s="8">
        <v>70</v>
      </c>
      <c r="B91" s="35">
        <v>65</v>
      </c>
      <c r="C91" s="13">
        <v>52</v>
      </c>
      <c r="D91" s="12">
        <v>117</v>
      </c>
    </row>
    <row r="92" spans="1:4" ht="18" customHeight="1" x14ac:dyDescent="0.2">
      <c r="A92" s="8">
        <v>71</v>
      </c>
      <c r="B92" s="35">
        <v>47</v>
      </c>
      <c r="C92" s="13">
        <v>62</v>
      </c>
      <c r="D92" s="12">
        <v>109</v>
      </c>
    </row>
    <row r="93" spans="1:4" ht="18" customHeight="1" x14ac:dyDescent="0.2">
      <c r="A93" s="8">
        <v>72</v>
      </c>
      <c r="B93" s="35">
        <v>46</v>
      </c>
      <c r="C93" s="13">
        <v>67</v>
      </c>
      <c r="D93" s="12">
        <v>113</v>
      </c>
    </row>
    <row r="94" spans="1:4" ht="18" customHeight="1" x14ac:dyDescent="0.2">
      <c r="A94" s="8">
        <v>73</v>
      </c>
      <c r="B94" s="35">
        <v>57</v>
      </c>
      <c r="C94" s="13">
        <v>60</v>
      </c>
      <c r="D94" s="12">
        <v>117</v>
      </c>
    </row>
    <row r="95" spans="1:4" ht="18" customHeight="1" x14ac:dyDescent="0.2">
      <c r="A95" s="8">
        <v>74</v>
      </c>
      <c r="B95" s="35">
        <v>57</v>
      </c>
      <c r="C95" s="13">
        <v>75</v>
      </c>
      <c r="D95" s="12">
        <v>132</v>
      </c>
    </row>
    <row r="96" spans="1:4" ht="18" customHeight="1" x14ac:dyDescent="0.2">
      <c r="A96" s="8" t="s">
        <v>9</v>
      </c>
      <c r="B96" s="35">
        <v>272</v>
      </c>
      <c r="C96" s="13">
        <v>316</v>
      </c>
      <c r="D96" s="12">
        <v>588</v>
      </c>
    </row>
    <row r="97" spans="1:4" ht="18" customHeight="1" x14ac:dyDescent="0.2">
      <c r="A97" s="8">
        <v>75</v>
      </c>
      <c r="B97" s="35">
        <v>53</v>
      </c>
      <c r="C97" s="13">
        <v>71</v>
      </c>
      <c r="D97" s="12">
        <v>124</v>
      </c>
    </row>
    <row r="98" spans="1:4" ht="18" customHeight="1" x14ac:dyDescent="0.2">
      <c r="A98" s="8">
        <v>76</v>
      </c>
      <c r="B98" s="35">
        <v>53</v>
      </c>
      <c r="C98" s="13">
        <v>74</v>
      </c>
      <c r="D98" s="12">
        <v>127</v>
      </c>
    </row>
    <row r="99" spans="1:4" ht="18" customHeight="1" x14ac:dyDescent="0.2">
      <c r="A99" s="8">
        <v>77</v>
      </c>
      <c r="B99" s="35">
        <v>24</v>
      </c>
      <c r="C99" s="13">
        <v>28</v>
      </c>
      <c r="D99" s="12">
        <v>52</v>
      </c>
    </row>
    <row r="100" spans="1:4" ht="18" customHeight="1" x14ac:dyDescent="0.2">
      <c r="A100" s="8">
        <v>78</v>
      </c>
      <c r="B100" s="35">
        <v>36</v>
      </c>
      <c r="C100" s="13">
        <v>34</v>
      </c>
      <c r="D100" s="12">
        <v>70</v>
      </c>
    </row>
    <row r="101" spans="1:4" ht="18" customHeight="1" x14ac:dyDescent="0.2">
      <c r="A101" s="8">
        <v>79</v>
      </c>
      <c r="B101" s="35">
        <v>35</v>
      </c>
      <c r="C101" s="13">
        <v>51</v>
      </c>
      <c r="D101" s="12">
        <v>86</v>
      </c>
    </row>
    <row r="102" spans="1:4" ht="18" customHeight="1" x14ac:dyDescent="0.2">
      <c r="A102" s="8" t="s">
        <v>8</v>
      </c>
      <c r="B102" s="35">
        <v>201</v>
      </c>
      <c r="C102" s="13">
        <v>258</v>
      </c>
      <c r="D102" s="12">
        <v>459</v>
      </c>
    </row>
    <row r="103" spans="1:4" ht="18" customHeight="1" x14ac:dyDescent="0.2">
      <c r="A103" s="8">
        <v>80</v>
      </c>
      <c r="B103" s="35">
        <v>43</v>
      </c>
      <c r="C103" s="13">
        <v>54</v>
      </c>
      <c r="D103" s="12">
        <v>97</v>
      </c>
    </row>
    <row r="104" spans="1:4" ht="18" customHeight="1" x14ac:dyDescent="0.2">
      <c r="A104" s="8">
        <v>81</v>
      </c>
      <c r="B104" s="35">
        <v>41</v>
      </c>
      <c r="C104" s="13">
        <v>37</v>
      </c>
      <c r="D104" s="12">
        <v>78</v>
      </c>
    </row>
    <row r="105" spans="1:4" ht="18" customHeight="1" x14ac:dyDescent="0.2">
      <c r="A105" s="8">
        <v>82</v>
      </c>
      <c r="B105" s="35">
        <v>34</v>
      </c>
      <c r="C105" s="13">
        <v>33</v>
      </c>
      <c r="D105" s="12">
        <v>67</v>
      </c>
    </row>
    <row r="106" spans="1:4" ht="18" customHeight="1" x14ac:dyDescent="0.2">
      <c r="A106" s="8">
        <v>83</v>
      </c>
      <c r="B106" s="35">
        <v>22</v>
      </c>
      <c r="C106" s="13">
        <v>36</v>
      </c>
      <c r="D106" s="12">
        <v>58</v>
      </c>
    </row>
    <row r="107" spans="1:4" ht="18" customHeight="1" x14ac:dyDescent="0.2">
      <c r="A107" s="8">
        <v>84</v>
      </c>
      <c r="B107" s="35">
        <v>16</v>
      </c>
      <c r="C107" s="13">
        <v>29</v>
      </c>
      <c r="D107" s="12">
        <v>45</v>
      </c>
    </row>
    <row r="108" spans="1:4" ht="18" customHeight="1" x14ac:dyDescent="0.2">
      <c r="A108" s="8" t="s">
        <v>7</v>
      </c>
      <c r="B108" s="35">
        <v>156</v>
      </c>
      <c r="C108" s="13">
        <v>189</v>
      </c>
      <c r="D108" s="12">
        <v>345</v>
      </c>
    </row>
    <row r="109" spans="1:4" ht="18" customHeight="1" x14ac:dyDescent="0.2">
      <c r="A109" s="8">
        <v>85</v>
      </c>
      <c r="B109" s="35">
        <v>30</v>
      </c>
      <c r="C109" s="13">
        <v>29</v>
      </c>
      <c r="D109" s="12">
        <v>59</v>
      </c>
    </row>
    <row r="110" spans="1:4" ht="18" customHeight="1" x14ac:dyDescent="0.2">
      <c r="A110" s="8">
        <v>86</v>
      </c>
      <c r="B110" s="35">
        <v>17</v>
      </c>
      <c r="C110" s="13">
        <v>18</v>
      </c>
      <c r="D110" s="12">
        <v>35</v>
      </c>
    </row>
    <row r="111" spans="1:4" ht="18" customHeight="1" x14ac:dyDescent="0.2">
      <c r="A111" s="8">
        <v>87</v>
      </c>
      <c r="B111" s="35">
        <v>9</v>
      </c>
      <c r="C111" s="13">
        <v>46</v>
      </c>
      <c r="D111" s="12">
        <v>55</v>
      </c>
    </row>
    <row r="112" spans="1:4" ht="18" customHeight="1" x14ac:dyDescent="0.2">
      <c r="A112" s="8">
        <v>88</v>
      </c>
      <c r="B112" s="35">
        <v>13</v>
      </c>
      <c r="C112" s="13">
        <v>17</v>
      </c>
      <c r="D112" s="12">
        <v>30</v>
      </c>
    </row>
    <row r="113" spans="1:4" ht="18" customHeight="1" x14ac:dyDescent="0.2">
      <c r="A113" s="8">
        <v>89</v>
      </c>
      <c r="B113" s="35">
        <v>13</v>
      </c>
      <c r="C113" s="13">
        <v>30</v>
      </c>
      <c r="D113" s="12">
        <v>43</v>
      </c>
    </row>
    <row r="114" spans="1:4" ht="18" customHeight="1" x14ac:dyDescent="0.2">
      <c r="A114" s="8" t="s">
        <v>6</v>
      </c>
      <c r="B114" s="35">
        <v>82</v>
      </c>
      <c r="C114" s="13">
        <v>140</v>
      </c>
      <c r="D114" s="12">
        <v>222</v>
      </c>
    </row>
    <row r="115" spans="1:4" ht="18" customHeight="1" x14ac:dyDescent="0.2">
      <c r="A115" s="8">
        <v>90</v>
      </c>
      <c r="B115" s="35">
        <v>10</v>
      </c>
      <c r="C115" s="13">
        <v>30</v>
      </c>
      <c r="D115" s="12">
        <v>40</v>
      </c>
    </row>
    <row r="116" spans="1:4" ht="18" customHeight="1" x14ac:dyDescent="0.2">
      <c r="A116" s="8">
        <v>91</v>
      </c>
      <c r="B116" s="35">
        <v>4</v>
      </c>
      <c r="C116" s="13">
        <v>24</v>
      </c>
      <c r="D116" s="12">
        <v>28</v>
      </c>
    </row>
    <row r="117" spans="1:4" ht="18" customHeight="1" x14ac:dyDescent="0.2">
      <c r="A117" s="8">
        <v>92</v>
      </c>
      <c r="B117" s="35">
        <v>4</v>
      </c>
      <c r="C117" s="13">
        <v>19</v>
      </c>
      <c r="D117" s="12">
        <v>23</v>
      </c>
    </row>
    <row r="118" spans="1:4" ht="18" customHeight="1" x14ac:dyDescent="0.2">
      <c r="A118" s="8">
        <v>93</v>
      </c>
      <c r="B118" s="35">
        <v>4</v>
      </c>
      <c r="C118" s="13">
        <v>11</v>
      </c>
      <c r="D118" s="12">
        <v>15</v>
      </c>
    </row>
    <row r="119" spans="1:4" ht="18" customHeight="1" x14ac:dyDescent="0.2">
      <c r="A119" s="8">
        <v>94</v>
      </c>
      <c r="B119" s="35">
        <v>4</v>
      </c>
      <c r="C119" s="13">
        <v>12</v>
      </c>
      <c r="D119" s="12">
        <v>16</v>
      </c>
    </row>
    <row r="120" spans="1:4" ht="18" customHeight="1" x14ac:dyDescent="0.2">
      <c r="A120" s="8" t="s">
        <v>5</v>
      </c>
      <c r="B120" s="35">
        <v>26</v>
      </c>
      <c r="C120" s="13">
        <v>96</v>
      </c>
      <c r="D120" s="12">
        <v>122</v>
      </c>
    </row>
    <row r="121" spans="1:4" ht="18" customHeight="1" x14ac:dyDescent="0.2">
      <c r="A121" s="8">
        <v>95</v>
      </c>
      <c r="B121" s="35">
        <v>2</v>
      </c>
      <c r="C121" s="13">
        <v>10</v>
      </c>
      <c r="D121" s="12">
        <v>12</v>
      </c>
    </row>
    <row r="122" spans="1:4" ht="18" customHeight="1" x14ac:dyDescent="0.2">
      <c r="A122" s="8">
        <v>96</v>
      </c>
      <c r="B122" s="35">
        <v>4</v>
      </c>
      <c r="C122" s="13">
        <v>10</v>
      </c>
      <c r="D122" s="12">
        <v>14</v>
      </c>
    </row>
    <row r="123" spans="1:4" ht="18" customHeight="1" x14ac:dyDescent="0.2">
      <c r="A123" s="8">
        <v>97</v>
      </c>
      <c r="B123" s="35">
        <v>2</v>
      </c>
      <c r="C123" s="13">
        <v>6</v>
      </c>
      <c r="D123" s="12">
        <v>8</v>
      </c>
    </row>
    <row r="124" spans="1:4" ht="18" customHeight="1" x14ac:dyDescent="0.2">
      <c r="A124" s="8">
        <v>98</v>
      </c>
      <c r="B124" s="35">
        <v>0</v>
      </c>
      <c r="C124" s="13">
        <v>10</v>
      </c>
      <c r="D124" s="12">
        <v>10</v>
      </c>
    </row>
    <row r="125" spans="1:4" ht="18" customHeight="1" x14ac:dyDescent="0.2">
      <c r="A125" s="8">
        <v>99</v>
      </c>
      <c r="B125" s="35">
        <v>4</v>
      </c>
      <c r="C125" s="13">
        <v>2</v>
      </c>
      <c r="D125" s="12">
        <v>6</v>
      </c>
    </row>
    <row r="126" spans="1:4" ht="18" customHeight="1" x14ac:dyDescent="0.2">
      <c r="A126" s="8" t="s">
        <v>4</v>
      </c>
      <c r="B126" s="35">
        <v>12</v>
      </c>
      <c r="C126" s="13">
        <v>38</v>
      </c>
      <c r="D126" s="12">
        <v>50</v>
      </c>
    </row>
    <row r="127" spans="1:4" ht="18" customHeight="1" x14ac:dyDescent="0.2">
      <c r="A127" s="8">
        <v>100</v>
      </c>
      <c r="B127" s="35">
        <v>0</v>
      </c>
      <c r="C127" s="13">
        <v>3</v>
      </c>
      <c r="D127" s="12">
        <v>3</v>
      </c>
    </row>
    <row r="128" spans="1:4" ht="18" customHeight="1" x14ac:dyDescent="0.2">
      <c r="A128" s="15" t="s">
        <v>3</v>
      </c>
      <c r="B128" s="35">
        <v>0</v>
      </c>
      <c r="C128" s="13">
        <v>8</v>
      </c>
      <c r="D128" s="12">
        <v>8</v>
      </c>
    </row>
    <row r="129" spans="1:4" ht="18" customHeight="1" x14ac:dyDescent="0.2">
      <c r="A129" s="8" t="s">
        <v>2</v>
      </c>
      <c r="B129" s="35">
        <v>0</v>
      </c>
      <c r="C129" s="13">
        <v>11</v>
      </c>
      <c r="D129" s="12">
        <v>11</v>
      </c>
    </row>
    <row r="130" spans="1:4" ht="18" customHeight="1" x14ac:dyDescent="0.2">
      <c r="A130" s="8" t="s">
        <v>1</v>
      </c>
      <c r="B130" s="28">
        <v>995</v>
      </c>
      <c r="C130" s="6">
        <v>1333</v>
      </c>
      <c r="D130" s="5">
        <v>2328</v>
      </c>
    </row>
    <row r="131" spans="1:4" ht="18" customHeight="1" x14ac:dyDescent="0.2">
      <c r="A131" s="4" t="s">
        <v>0</v>
      </c>
      <c r="B131" s="27">
        <v>5828</v>
      </c>
      <c r="C131" s="2">
        <v>6025</v>
      </c>
      <c r="D131" s="1">
        <v>11853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B5A215F-C37C-4C61-A0E8-1B7F7AF8B277}">
  <sheetPr codeName="Sheet8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105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5</v>
      </c>
      <c r="C5" s="45">
        <v>5</v>
      </c>
      <c r="D5" s="44">
        <v>10</v>
      </c>
    </row>
    <row r="6" spans="1:4" ht="18" customHeight="1" x14ac:dyDescent="0.2">
      <c r="A6" s="8">
        <v>1</v>
      </c>
      <c r="B6" s="40">
        <v>7</v>
      </c>
      <c r="C6" s="13">
        <v>5</v>
      </c>
      <c r="D6" s="12">
        <v>12</v>
      </c>
    </row>
    <row r="7" spans="1:4" ht="18" customHeight="1" x14ac:dyDescent="0.2">
      <c r="A7" s="8">
        <v>2</v>
      </c>
      <c r="B7" s="40">
        <v>5</v>
      </c>
      <c r="C7" s="13">
        <v>8</v>
      </c>
      <c r="D7" s="12">
        <v>13</v>
      </c>
    </row>
    <row r="8" spans="1:4" ht="18" customHeight="1" x14ac:dyDescent="0.2">
      <c r="A8" s="8">
        <v>3</v>
      </c>
      <c r="B8" s="40">
        <v>8</v>
      </c>
      <c r="C8" s="13">
        <v>5</v>
      </c>
      <c r="D8" s="12">
        <v>13</v>
      </c>
    </row>
    <row r="9" spans="1:4" ht="18" customHeight="1" x14ac:dyDescent="0.2">
      <c r="A9" s="8">
        <v>4</v>
      </c>
      <c r="B9" s="43">
        <v>5</v>
      </c>
      <c r="C9" s="42">
        <v>5</v>
      </c>
      <c r="D9" s="41">
        <v>10</v>
      </c>
    </row>
    <row r="10" spans="1:4" ht="18" customHeight="1" x14ac:dyDescent="0.2">
      <c r="A10" s="8" t="s">
        <v>25</v>
      </c>
      <c r="B10" s="35">
        <v>30</v>
      </c>
      <c r="C10" s="13">
        <v>28</v>
      </c>
      <c r="D10" s="12">
        <v>58</v>
      </c>
    </row>
    <row r="11" spans="1:4" ht="18" customHeight="1" x14ac:dyDescent="0.2">
      <c r="A11" s="8">
        <v>5</v>
      </c>
      <c r="B11" s="40">
        <v>6</v>
      </c>
      <c r="C11" s="13">
        <v>8</v>
      </c>
      <c r="D11" s="12">
        <v>14</v>
      </c>
    </row>
    <row r="12" spans="1:4" ht="18" customHeight="1" x14ac:dyDescent="0.2">
      <c r="A12" s="8">
        <v>6</v>
      </c>
      <c r="B12" s="40">
        <v>10</v>
      </c>
      <c r="C12" s="13">
        <v>5</v>
      </c>
      <c r="D12" s="12">
        <v>15</v>
      </c>
    </row>
    <row r="13" spans="1:4" ht="18" customHeight="1" x14ac:dyDescent="0.2">
      <c r="A13" s="8">
        <v>7</v>
      </c>
      <c r="B13" s="40">
        <v>4</v>
      </c>
      <c r="C13" s="13">
        <v>6</v>
      </c>
      <c r="D13" s="12">
        <v>10</v>
      </c>
    </row>
    <row r="14" spans="1:4" ht="18" customHeight="1" x14ac:dyDescent="0.2">
      <c r="A14" s="8">
        <v>8</v>
      </c>
      <c r="B14" s="40">
        <v>3</v>
      </c>
      <c r="C14" s="13">
        <v>6</v>
      </c>
      <c r="D14" s="12">
        <v>9</v>
      </c>
    </row>
    <row r="15" spans="1:4" ht="18" customHeight="1" x14ac:dyDescent="0.2">
      <c r="A15" s="8">
        <v>9</v>
      </c>
      <c r="B15" s="40">
        <v>5</v>
      </c>
      <c r="C15" s="13">
        <v>7</v>
      </c>
      <c r="D15" s="12">
        <v>12</v>
      </c>
    </row>
    <row r="16" spans="1:4" ht="18" customHeight="1" x14ac:dyDescent="0.2">
      <c r="A16" s="8" t="s">
        <v>24</v>
      </c>
      <c r="B16" s="35">
        <v>28</v>
      </c>
      <c r="C16" s="13">
        <v>32</v>
      </c>
      <c r="D16" s="12">
        <v>60</v>
      </c>
    </row>
    <row r="17" spans="1:4" ht="18" customHeight="1" x14ac:dyDescent="0.2">
      <c r="A17" s="8">
        <v>10</v>
      </c>
      <c r="B17" s="35">
        <v>8</v>
      </c>
      <c r="C17" s="13">
        <v>3</v>
      </c>
      <c r="D17" s="12">
        <v>11</v>
      </c>
    </row>
    <row r="18" spans="1:4" ht="18" customHeight="1" x14ac:dyDescent="0.2">
      <c r="A18" s="8">
        <v>11</v>
      </c>
      <c r="B18" s="35">
        <v>2</v>
      </c>
      <c r="C18" s="13">
        <v>4</v>
      </c>
      <c r="D18" s="12">
        <v>6</v>
      </c>
    </row>
    <row r="19" spans="1:4" ht="18" customHeight="1" x14ac:dyDescent="0.2">
      <c r="A19" s="8">
        <v>12</v>
      </c>
      <c r="B19" s="35">
        <v>3</v>
      </c>
      <c r="C19" s="13">
        <v>5</v>
      </c>
      <c r="D19" s="12">
        <v>8</v>
      </c>
    </row>
    <row r="20" spans="1:4" ht="18" customHeight="1" x14ac:dyDescent="0.2">
      <c r="A20" s="8">
        <v>13</v>
      </c>
      <c r="B20" s="35">
        <v>3</v>
      </c>
      <c r="C20" s="13">
        <v>3</v>
      </c>
      <c r="D20" s="12">
        <v>6</v>
      </c>
    </row>
    <row r="21" spans="1:4" ht="18" customHeight="1" x14ac:dyDescent="0.2">
      <c r="A21" s="8">
        <v>14</v>
      </c>
      <c r="B21" s="35">
        <v>2</v>
      </c>
      <c r="C21" s="13">
        <v>5</v>
      </c>
      <c r="D21" s="12">
        <v>7</v>
      </c>
    </row>
    <row r="22" spans="1:4" ht="18" customHeight="1" x14ac:dyDescent="0.2">
      <c r="A22" s="8" t="s">
        <v>23</v>
      </c>
      <c r="B22" s="35">
        <v>18</v>
      </c>
      <c r="C22" s="13">
        <v>20</v>
      </c>
      <c r="D22" s="12">
        <v>38</v>
      </c>
    </row>
    <row r="23" spans="1:4" ht="18" customHeight="1" x14ac:dyDescent="0.2">
      <c r="A23" s="8" t="s">
        <v>22</v>
      </c>
      <c r="B23" s="35">
        <v>76</v>
      </c>
      <c r="C23" s="13">
        <v>80</v>
      </c>
      <c r="D23" s="12">
        <v>156</v>
      </c>
    </row>
    <row r="24" spans="1:4" ht="18" customHeight="1" x14ac:dyDescent="0.2">
      <c r="A24" s="8">
        <v>15</v>
      </c>
      <c r="B24" s="35">
        <v>7</v>
      </c>
      <c r="C24" s="13">
        <v>1</v>
      </c>
      <c r="D24" s="12">
        <v>8</v>
      </c>
    </row>
    <row r="25" spans="1:4" ht="18" customHeight="1" x14ac:dyDescent="0.2">
      <c r="A25" s="8">
        <v>16</v>
      </c>
      <c r="B25" s="35">
        <v>3</v>
      </c>
      <c r="C25" s="13">
        <v>3</v>
      </c>
      <c r="D25" s="12">
        <v>6</v>
      </c>
    </row>
    <row r="26" spans="1:4" ht="18" customHeight="1" x14ac:dyDescent="0.2">
      <c r="A26" s="8">
        <v>17</v>
      </c>
      <c r="B26" s="35">
        <v>3</v>
      </c>
      <c r="C26" s="13">
        <v>5</v>
      </c>
      <c r="D26" s="12">
        <v>8</v>
      </c>
    </row>
    <row r="27" spans="1:4" ht="18" customHeight="1" x14ac:dyDescent="0.2">
      <c r="A27" s="8">
        <v>18</v>
      </c>
      <c r="B27" s="35">
        <v>2</v>
      </c>
      <c r="C27" s="13">
        <v>8</v>
      </c>
      <c r="D27" s="12">
        <v>10</v>
      </c>
    </row>
    <row r="28" spans="1:4" ht="18" customHeight="1" x14ac:dyDescent="0.2">
      <c r="A28" s="8">
        <v>19</v>
      </c>
      <c r="B28" s="35">
        <v>1</v>
      </c>
      <c r="C28" s="13">
        <v>2</v>
      </c>
      <c r="D28" s="12">
        <v>3</v>
      </c>
    </row>
    <row r="29" spans="1:4" ht="18" customHeight="1" x14ac:dyDescent="0.2">
      <c r="A29" s="8" t="s">
        <v>21</v>
      </c>
      <c r="B29" s="35">
        <v>16</v>
      </c>
      <c r="C29" s="13">
        <v>19</v>
      </c>
      <c r="D29" s="12">
        <v>35</v>
      </c>
    </row>
    <row r="30" spans="1:4" ht="18" customHeight="1" x14ac:dyDescent="0.2">
      <c r="A30" s="8">
        <v>20</v>
      </c>
      <c r="B30" s="35">
        <v>7</v>
      </c>
      <c r="C30" s="13">
        <v>8</v>
      </c>
      <c r="D30" s="12">
        <v>15</v>
      </c>
    </row>
    <row r="31" spans="1:4" ht="18" customHeight="1" x14ac:dyDescent="0.2">
      <c r="A31" s="8">
        <v>21</v>
      </c>
      <c r="B31" s="35">
        <v>3</v>
      </c>
      <c r="C31" s="13">
        <v>5</v>
      </c>
      <c r="D31" s="12">
        <v>8</v>
      </c>
    </row>
    <row r="32" spans="1:4" ht="18" customHeight="1" x14ac:dyDescent="0.2">
      <c r="A32" s="8">
        <v>22</v>
      </c>
      <c r="B32" s="35">
        <v>6</v>
      </c>
      <c r="C32" s="13">
        <v>6</v>
      </c>
      <c r="D32" s="12">
        <v>12</v>
      </c>
    </row>
    <row r="33" spans="1:4" ht="18" customHeight="1" x14ac:dyDescent="0.2">
      <c r="A33" s="8">
        <v>23</v>
      </c>
      <c r="B33" s="35">
        <v>4</v>
      </c>
      <c r="C33" s="13">
        <v>10</v>
      </c>
      <c r="D33" s="12">
        <v>14</v>
      </c>
    </row>
    <row r="34" spans="1:4" ht="18" customHeight="1" x14ac:dyDescent="0.2">
      <c r="A34" s="8">
        <v>24</v>
      </c>
      <c r="B34" s="35">
        <v>3</v>
      </c>
      <c r="C34" s="13">
        <v>2</v>
      </c>
      <c r="D34" s="12">
        <v>5</v>
      </c>
    </row>
    <row r="35" spans="1:4" ht="18" customHeight="1" x14ac:dyDescent="0.2">
      <c r="A35" s="8" t="s">
        <v>20</v>
      </c>
      <c r="B35" s="35">
        <v>23</v>
      </c>
      <c r="C35" s="13">
        <v>31</v>
      </c>
      <c r="D35" s="12">
        <v>54</v>
      </c>
    </row>
    <row r="36" spans="1:4" ht="18" customHeight="1" x14ac:dyDescent="0.2">
      <c r="A36" s="8">
        <v>25</v>
      </c>
      <c r="B36" s="35">
        <v>9</v>
      </c>
      <c r="C36" s="13">
        <v>7</v>
      </c>
      <c r="D36" s="12">
        <v>16</v>
      </c>
    </row>
    <row r="37" spans="1:4" ht="18" customHeight="1" x14ac:dyDescent="0.2">
      <c r="A37" s="8">
        <v>26</v>
      </c>
      <c r="B37" s="35">
        <v>13</v>
      </c>
      <c r="C37" s="13">
        <v>6</v>
      </c>
      <c r="D37" s="12">
        <v>19</v>
      </c>
    </row>
    <row r="38" spans="1:4" ht="18" customHeight="1" x14ac:dyDescent="0.2">
      <c r="A38" s="8">
        <v>27</v>
      </c>
      <c r="B38" s="35">
        <v>7</v>
      </c>
      <c r="C38" s="13">
        <v>7</v>
      </c>
      <c r="D38" s="12">
        <v>14</v>
      </c>
    </row>
    <row r="39" spans="1:4" ht="18" customHeight="1" x14ac:dyDescent="0.2">
      <c r="A39" s="8">
        <v>28</v>
      </c>
      <c r="B39" s="35">
        <v>5</v>
      </c>
      <c r="C39" s="13">
        <v>6</v>
      </c>
      <c r="D39" s="12">
        <v>11</v>
      </c>
    </row>
    <row r="40" spans="1:4" ht="18" customHeight="1" x14ac:dyDescent="0.2">
      <c r="A40" s="8">
        <v>29</v>
      </c>
      <c r="B40" s="35">
        <v>8</v>
      </c>
      <c r="C40" s="13">
        <v>5</v>
      </c>
      <c r="D40" s="12">
        <v>13</v>
      </c>
    </row>
    <row r="41" spans="1:4" ht="18" customHeight="1" x14ac:dyDescent="0.2">
      <c r="A41" s="8" t="s">
        <v>19</v>
      </c>
      <c r="B41" s="35">
        <v>42</v>
      </c>
      <c r="C41" s="13">
        <v>31</v>
      </c>
      <c r="D41" s="12">
        <v>73</v>
      </c>
    </row>
    <row r="42" spans="1:4" ht="18" customHeight="1" x14ac:dyDescent="0.2">
      <c r="A42" s="8">
        <v>30</v>
      </c>
      <c r="B42" s="35">
        <v>8</v>
      </c>
      <c r="C42" s="13">
        <v>6</v>
      </c>
      <c r="D42" s="12">
        <v>14</v>
      </c>
    </row>
    <row r="43" spans="1:4" ht="18" customHeight="1" x14ac:dyDescent="0.2">
      <c r="A43" s="8">
        <v>31</v>
      </c>
      <c r="B43" s="35">
        <v>8</v>
      </c>
      <c r="C43" s="13">
        <v>4</v>
      </c>
      <c r="D43" s="12">
        <v>12</v>
      </c>
    </row>
    <row r="44" spans="1:4" ht="18" customHeight="1" x14ac:dyDescent="0.2">
      <c r="A44" s="8">
        <v>32</v>
      </c>
      <c r="B44" s="35">
        <v>11</v>
      </c>
      <c r="C44" s="13">
        <v>8</v>
      </c>
      <c r="D44" s="12">
        <v>19</v>
      </c>
    </row>
    <row r="45" spans="1:4" ht="18" customHeight="1" x14ac:dyDescent="0.2">
      <c r="A45" s="8">
        <v>33</v>
      </c>
      <c r="B45" s="35">
        <v>13</v>
      </c>
      <c r="C45" s="13">
        <v>5</v>
      </c>
      <c r="D45" s="12">
        <v>18</v>
      </c>
    </row>
    <row r="46" spans="1:4" ht="18" customHeight="1" x14ac:dyDescent="0.2">
      <c r="A46" s="8">
        <v>34</v>
      </c>
      <c r="B46" s="35">
        <v>7</v>
      </c>
      <c r="C46" s="13">
        <v>9</v>
      </c>
      <c r="D46" s="12">
        <v>16</v>
      </c>
    </row>
    <row r="47" spans="1:4" ht="18" customHeight="1" x14ac:dyDescent="0.2">
      <c r="A47" s="8" t="s">
        <v>18</v>
      </c>
      <c r="B47" s="35">
        <v>47</v>
      </c>
      <c r="C47" s="13">
        <v>32</v>
      </c>
      <c r="D47" s="12">
        <v>79</v>
      </c>
    </row>
    <row r="48" spans="1:4" ht="18" customHeight="1" x14ac:dyDescent="0.2">
      <c r="A48" s="8">
        <v>35</v>
      </c>
      <c r="B48" s="35">
        <v>7</v>
      </c>
      <c r="C48" s="13">
        <v>6</v>
      </c>
      <c r="D48" s="12">
        <v>13</v>
      </c>
    </row>
    <row r="49" spans="1:4" ht="18" customHeight="1" x14ac:dyDescent="0.2">
      <c r="A49" s="8">
        <v>36</v>
      </c>
      <c r="B49" s="35">
        <v>9</v>
      </c>
      <c r="C49" s="13">
        <v>10</v>
      </c>
      <c r="D49" s="12">
        <v>19</v>
      </c>
    </row>
    <row r="50" spans="1:4" ht="18" customHeight="1" x14ac:dyDescent="0.2">
      <c r="A50" s="8">
        <v>37</v>
      </c>
      <c r="B50" s="35">
        <v>9</v>
      </c>
      <c r="C50" s="13">
        <v>11</v>
      </c>
      <c r="D50" s="12">
        <v>20</v>
      </c>
    </row>
    <row r="51" spans="1:4" ht="18" customHeight="1" x14ac:dyDescent="0.2">
      <c r="A51" s="8">
        <v>38</v>
      </c>
      <c r="B51" s="35">
        <v>10</v>
      </c>
      <c r="C51" s="13">
        <v>7</v>
      </c>
      <c r="D51" s="12">
        <v>17</v>
      </c>
    </row>
    <row r="52" spans="1:4" ht="18" customHeight="1" x14ac:dyDescent="0.2">
      <c r="A52" s="8">
        <v>39</v>
      </c>
      <c r="B52" s="35">
        <v>10</v>
      </c>
      <c r="C52" s="13">
        <v>8</v>
      </c>
      <c r="D52" s="12">
        <v>18</v>
      </c>
    </row>
    <row r="53" spans="1:4" ht="18" customHeight="1" x14ac:dyDescent="0.2">
      <c r="A53" s="8" t="s">
        <v>17</v>
      </c>
      <c r="B53" s="35">
        <v>45</v>
      </c>
      <c r="C53" s="13">
        <v>42</v>
      </c>
      <c r="D53" s="12">
        <v>87</v>
      </c>
    </row>
    <row r="54" spans="1:4" ht="18" customHeight="1" x14ac:dyDescent="0.2">
      <c r="A54" s="8">
        <v>40</v>
      </c>
      <c r="B54" s="35">
        <v>8</v>
      </c>
      <c r="C54" s="13">
        <v>14</v>
      </c>
      <c r="D54" s="12">
        <v>22</v>
      </c>
    </row>
    <row r="55" spans="1:4" ht="18" customHeight="1" x14ac:dyDescent="0.2">
      <c r="A55" s="8">
        <v>41</v>
      </c>
      <c r="B55" s="35">
        <v>2</v>
      </c>
      <c r="C55" s="13">
        <v>6</v>
      </c>
      <c r="D55" s="12">
        <v>8</v>
      </c>
    </row>
    <row r="56" spans="1:4" ht="18" customHeight="1" x14ac:dyDescent="0.2">
      <c r="A56" s="8">
        <v>42</v>
      </c>
      <c r="B56" s="35">
        <v>6</v>
      </c>
      <c r="C56" s="13">
        <v>4</v>
      </c>
      <c r="D56" s="12">
        <v>10</v>
      </c>
    </row>
    <row r="57" spans="1:4" ht="18" customHeight="1" x14ac:dyDescent="0.2">
      <c r="A57" s="8">
        <v>43</v>
      </c>
      <c r="B57" s="35">
        <v>12</v>
      </c>
      <c r="C57" s="13">
        <v>5</v>
      </c>
      <c r="D57" s="12">
        <v>17</v>
      </c>
    </row>
    <row r="58" spans="1:4" ht="18" customHeight="1" x14ac:dyDescent="0.2">
      <c r="A58" s="8">
        <v>44</v>
      </c>
      <c r="B58" s="35">
        <v>11</v>
      </c>
      <c r="C58" s="13">
        <v>9</v>
      </c>
      <c r="D58" s="12">
        <v>20</v>
      </c>
    </row>
    <row r="59" spans="1:4" ht="18" customHeight="1" x14ac:dyDescent="0.2">
      <c r="A59" s="8" t="s">
        <v>16</v>
      </c>
      <c r="B59" s="35">
        <v>39</v>
      </c>
      <c r="C59" s="13">
        <v>38</v>
      </c>
      <c r="D59" s="12">
        <v>77</v>
      </c>
    </row>
    <row r="60" spans="1:4" ht="18" customHeight="1" x14ac:dyDescent="0.2">
      <c r="A60" s="8">
        <v>45</v>
      </c>
      <c r="B60" s="35">
        <v>11</v>
      </c>
      <c r="C60" s="13">
        <v>6</v>
      </c>
      <c r="D60" s="12">
        <v>17</v>
      </c>
    </row>
    <row r="61" spans="1:4" ht="18" customHeight="1" x14ac:dyDescent="0.2">
      <c r="A61" s="8">
        <v>46</v>
      </c>
      <c r="B61" s="35">
        <v>4</v>
      </c>
      <c r="C61" s="13">
        <v>5</v>
      </c>
      <c r="D61" s="12">
        <v>9</v>
      </c>
    </row>
    <row r="62" spans="1:4" ht="18" customHeight="1" x14ac:dyDescent="0.2">
      <c r="A62" s="8">
        <v>47</v>
      </c>
      <c r="B62" s="35">
        <v>4</v>
      </c>
      <c r="C62" s="13">
        <v>6</v>
      </c>
      <c r="D62" s="12">
        <v>10</v>
      </c>
    </row>
    <row r="63" spans="1:4" ht="18" customHeight="1" x14ac:dyDescent="0.2">
      <c r="A63" s="8">
        <v>48</v>
      </c>
      <c r="B63" s="35">
        <v>7</v>
      </c>
      <c r="C63" s="13">
        <v>6</v>
      </c>
      <c r="D63" s="12">
        <v>13</v>
      </c>
    </row>
    <row r="64" spans="1:4" ht="18" customHeight="1" x14ac:dyDescent="0.2">
      <c r="A64" s="8">
        <v>49</v>
      </c>
      <c r="B64" s="35">
        <v>12</v>
      </c>
      <c r="C64" s="13">
        <v>12</v>
      </c>
      <c r="D64" s="12">
        <v>24</v>
      </c>
    </row>
    <row r="65" spans="1:4" ht="18" customHeight="1" x14ac:dyDescent="0.2">
      <c r="A65" s="8" t="s">
        <v>15</v>
      </c>
      <c r="B65" s="35">
        <v>38</v>
      </c>
      <c r="C65" s="13">
        <v>35</v>
      </c>
      <c r="D65" s="12">
        <v>73</v>
      </c>
    </row>
    <row r="66" spans="1:4" ht="18" customHeight="1" x14ac:dyDescent="0.2">
      <c r="A66" s="8">
        <v>50</v>
      </c>
      <c r="B66" s="35">
        <v>9</v>
      </c>
      <c r="C66" s="13">
        <v>10</v>
      </c>
      <c r="D66" s="12">
        <v>19</v>
      </c>
    </row>
    <row r="67" spans="1:4" ht="18" customHeight="1" x14ac:dyDescent="0.2">
      <c r="A67" s="8">
        <v>51</v>
      </c>
      <c r="B67" s="35">
        <v>8</v>
      </c>
      <c r="C67" s="13">
        <v>8</v>
      </c>
      <c r="D67" s="12">
        <v>16</v>
      </c>
    </row>
    <row r="68" spans="1:4" ht="18" customHeight="1" x14ac:dyDescent="0.2">
      <c r="A68" s="8">
        <v>52</v>
      </c>
      <c r="B68" s="35">
        <v>3</v>
      </c>
      <c r="C68" s="13">
        <v>7</v>
      </c>
      <c r="D68" s="12">
        <v>10</v>
      </c>
    </row>
    <row r="69" spans="1:4" ht="18" customHeight="1" x14ac:dyDescent="0.2">
      <c r="A69" s="8">
        <v>53</v>
      </c>
      <c r="B69" s="35">
        <v>9</v>
      </c>
      <c r="C69" s="13">
        <v>9</v>
      </c>
      <c r="D69" s="12">
        <v>18</v>
      </c>
    </row>
    <row r="70" spans="1:4" ht="18" customHeight="1" x14ac:dyDescent="0.2">
      <c r="A70" s="8">
        <v>54</v>
      </c>
      <c r="B70" s="35">
        <v>9</v>
      </c>
      <c r="C70" s="13">
        <v>12</v>
      </c>
      <c r="D70" s="12">
        <v>21</v>
      </c>
    </row>
    <row r="71" spans="1:4" ht="18" customHeight="1" x14ac:dyDescent="0.2">
      <c r="A71" s="8" t="s">
        <v>14</v>
      </c>
      <c r="B71" s="35">
        <v>38</v>
      </c>
      <c r="C71" s="13">
        <v>46</v>
      </c>
      <c r="D71" s="12">
        <v>84</v>
      </c>
    </row>
    <row r="72" spans="1:4" ht="18" customHeight="1" x14ac:dyDescent="0.2">
      <c r="A72" s="8">
        <v>55</v>
      </c>
      <c r="B72" s="35">
        <v>11</v>
      </c>
      <c r="C72" s="13">
        <v>10</v>
      </c>
      <c r="D72" s="12">
        <v>21</v>
      </c>
    </row>
    <row r="73" spans="1:4" ht="18" customHeight="1" x14ac:dyDescent="0.2">
      <c r="A73" s="8">
        <v>56</v>
      </c>
      <c r="B73" s="35">
        <v>9</v>
      </c>
      <c r="C73" s="13">
        <v>4</v>
      </c>
      <c r="D73" s="12">
        <v>13</v>
      </c>
    </row>
    <row r="74" spans="1:4" ht="18" customHeight="1" x14ac:dyDescent="0.2">
      <c r="A74" s="8">
        <v>57</v>
      </c>
      <c r="B74" s="35">
        <v>8</v>
      </c>
      <c r="C74" s="13">
        <v>12</v>
      </c>
      <c r="D74" s="12">
        <v>20</v>
      </c>
    </row>
    <row r="75" spans="1:4" ht="18" customHeight="1" x14ac:dyDescent="0.2">
      <c r="A75" s="8">
        <v>58</v>
      </c>
      <c r="B75" s="35">
        <v>11</v>
      </c>
      <c r="C75" s="13">
        <v>10</v>
      </c>
      <c r="D75" s="12">
        <v>21</v>
      </c>
    </row>
    <row r="76" spans="1:4" ht="18" customHeight="1" x14ac:dyDescent="0.2">
      <c r="A76" s="8">
        <v>59</v>
      </c>
      <c r="B76" s="35">
        <v>9</v>
      </c>
      <c r="C76" s="13">
        <v>11</v>
      </c>
      <c r="D76" s="12">
        <v>20</v>
      </c>
    </row>
    <row r="77" spans="1:4" ht="18" customHeight="1" x14ac:dyDescent="0.2">
      <c r="A77" s="8" t="s">
        <v>13</v>
      </c>
      <c r="B77" s="35">
        <v>48</v>
      </c>
      <c r="C77" s="13">
        <v>47</v>
      </c>
      <c r="D77" s="12">
        <v>95</v>
      </c>
    </row>
    <row r="78" spans="1:4" ht="18" customHeight="1" x14ac:dyDescent="0.2">
      <c r="A78" s="8">
        <v>60</v>
      </c>
      <c r="B78" s="35">
        <v>13</v>
      </c>
      <c r="C78" s="13">
        <v>14</v>
      </c>
      <c r="D78" s="12">
        <v>27</v>
      </c>
    </row>
    <row r="79" spans="1:4" ht="18" customHeight="1" x14ac:dyDescent="0.2">
      <c r="A79" s="8">
        <v>61</v>
      </c>
      <c r="B79" s="35">
        <v>3</v>
      </c>
      <c r="C79" s="13">
        <v>13</v>
      </c>
      <c r="D79" s="12">
        <v>16</v>
      </c>
    </row>
    <row r="80" spans="1:4" ht="18" customHeight="1" x14ac:dyDescent="0.2">
      <c r="A80" s="8">
        <v>62</v>
      </c>
      <c r="B80" s="35">
        <v>4</v>
      </c>
      <c r="C80" s="13">
        <v>15</v>
      </c>
      <c r="D80" s="12">
        <v>19</v>
      </c>
    </row>
    <row r="81" spans="1:4" ht="18" customHeight="1" x14ac:dyDescent="0.2">
      <c r="A81" s="8">
        <v>63</v>
      </c>
      <c r="B81" s="35">
        <v>15</v>
      </c>
      <c r="C81" s="13">
        <v>7</v>
      </c>
      <c r="D81" s="12">
        <v>22</v>
      </c>
    </row>
    <row r="82" spans="1:4" ht="18" customHeight="1" x14ac:dyDescent="0.2">
      <c r="A82" s="8">
        <v>64</v>
      </c>
      <c r="B82" s="35">
        <v>12</v>
      </c>
      <c r="C82" s="13">
        <v>17</v>
      </c>
      <c r="D82" s="12">
        <v>29</v>
      </c>
    </row>
    <row r="83" spans="1:4" ht="18" customHeight="1" x14ac:dyDescent="0.2">
      <c r="A83" s="8" t="s">
        <v>12</v>
      </c>
      <c r="B83" s="35">
        <v>47</v>
      </c>
      <c r="C83" s="13">
        <v>66</v>
      </c>
      <c r="D83" s="12">
        <v>113</v>
      </c>
    </row>
    <row r="84" spans="1:4" ht="18" customHeight="1" x14ac:dyDescent="0.2">
      <c r="A84" s="8" t="s">
        <v>11</v>
      </c>
      <c r="B84" s="35">
        <v>383</v>
      </c>
      <c r="C84" s="13">
        <v>387</v>
      </c>
      <c r="D84" s="12">
        <v>770</v>
      </c>
    </row>
    <row r="85" spans="1:4" ht="18" customHeight="1" x14ac:dyDescent="0.2">
      <c r="A85" s="8">
        <v>65</v>
      </c>
      <c r="B85" s="35">
        <v>11</v>
      </c>
      <c r="C85" s="13">
        <v>6</v>
      </c>
      <c r="D85" s="12">
        <v>17</v>
      </c>
    </row>
    <row r="86" spans="1:4" ht="18" customHeight="1" x14ac:dyDescent="0.2">
      <c r="A86" s="8">
        <v>66</v>
      </c>
      <c r="B86" s="35">
        <v>11</v>
      </c>
      <c r="C86" s="13">
        <v>8</v>
      </c>
      <c r="D86" s="12">
        <v>19</v>
      </c>
    </row>
    <row r="87" spans="1:4" ht="18" customHeight="1" x14ac:dyDescent="0.2">
      <c r="A87" s="8">
        <v>67</v>
      </c>
      <c r="B87" s="35">
        <v>11</v>
      </c>
      <c r="C87" s="13">
        <v>9</v>
      </c>
      <c r="D87" s="12">
        <v>20</v>
      </c>
    </row>
    <row r="88" spans="1:4" ht="18" customHeight="1" x14ac:dyDescent="0.2">
      <c r="A88" s="8">
        <v>68</v>
      </c>
      <c r="B88" s="35">
        <v>9</v>
      </c>
      <c r="C88" s="13">
        <v>15</v>
      </c>
      <c r="D88" s="12">
        <v>24</v>
      </c>
    </row>
    <row r="89" spans="1:4" ht="18" customHeight="1" x14ac:dyDescent="0.2">
      <c r="A89" s="8">
        <v>69</v>
      </c>
      <c r="B89" s="35">
        <v>14</v>
      </c>
      <c r="C89" s="13">
        <v>7</v>
      </c>
      <c r="D89" s="12">
        <v>21</v>
      </c>
    </row>
    <row r="90" spans="1:4" ht="18" customHeight="1" x14ac:dyDescent="0.2">
      <c r="A90" s="8" t="s">
        <v>10</v>
      </c>
      <c r="B90" s="35">
        <v>56</v>
      </c>
      <c r="C90" s="13">
        <v>45</v>
      </c>
      <c r="D90" s="12">
        <v>101</v>
      </c>
    </row>
    <row r="91" spans="1:4" ht="18" customHeight="1" x14ac:dyDescent="0.2">
      <c r="A91" s="8">
        <v>70</v>
      </c>
      <c r="B91" s="35">
        <v>11</v>
      </c>
      <c r="C91" s="13">
        <v>9</v>
      </c>
      <c r="D91" s="12">
        <v>20</v>
      </c>
    </row>
    <row r="92" spans="1:4" ht="18" customHeight="1" x14ac:dyDescent="0.2">
      <c r="A92" s="8">
        <v>71</v>
      </c>
      <c r="B92" s="35">
        <v>9</v>
      </c>
      <c r="C92" s="13">
        <v>13</v>
      </c>
      <c r="D92" s="12">
        <v>22</v>
      </c>
    </row>
    <row r="93" spans="1:4" ht="18" customHeight="1" x14ac:dyDescent="0.2">
      <c r="A93" s="8">
        <v>72</v>
      </c>
      <c r="B93" s="35">
        <v>11</v>
      </c>
      <c r="C93" s="13">
        <v>12</v>
      </c>
      <c r="D93" s="12">
        <v>23</v>
      </c>
    </row>
    <row r="94" spans="1:4" ht="18" customHeight="1" x14ac:dyDescent="0.2">
      <c r="A94" s="8">
        <v>73</v>
      </c>
      <c r="B94" s="35">
        <v>9</v>
      </c>
      <c r="C94" s="13">
        <v>15</v>
      </c>
      <c r="D94" s="12">
        <v>24</v>
      </c>
    </row>
    <row r="95" spans="1:4" ht="18" customHeight="1" x14ac:dyDescent="0.2">
      <c r="A95" s="8">
        <v>74</v>
      </c>
      <c r="B95" s="35">
        <v>13</v>
      </c>
      <c r="C95" s="13">
        <v>6</v>
      </c>
      <c r="D95" s="12">
        <v>19</v>
      </c>
    </row>
    <row r="96" spans="1:4" ht="18" customHeight="1" x14ac:dyDescent="0.2">
      <c r="A96" s="8" t="s">
        <v>9</v>
      </c>
      <c r="B96" s="35">
        <v>53</v>
      </c>
      <c r="C96" s="13">
        <v>55</v>
      </c>
      <c r="D96" s="12">
        <v>108</v>
      </c>
    </row>
    <row r="97" spans="1:4" ht="18" customHeight="1" x14ac:dyDescent="0.2">
      <c r="A97" s="8">
        <v>75</v>
      </c>
      <c r="B97" s="35">
        <v>10</v>
      </c>
      <c r="C97" s="13">
        <v>12</v>
      </c>
      <c r="D97" s="12">
        <v>22</v>
      </c>
    </row>
    <row r="98" spans="1:4" ht="18" customHeight="1" x14ac:dyDescent="0.2">
      <c r="A98" s="8">
        <v>76</v>
      </c>
      <c r="B98" s="35">
        <v>10</v>
      </c>
      <c r="C98" s="13">
        <v>12</v>
      </c>
      <c r="D98" s="12">
        <v>22</v>
      </c>
    </row>
    <row r="99" spans="1:4" ht="18" customHeight="1" x14ac:dyDescent="0.2">
      <c r="A99" s="8">
        <v>77</v>
      </c>
      <c r="B99" s="35">
        <v>3</v>
      </c>
      <c r="C99" s="13">
        <v>5</v>
      </c>
      <c r="D99" s="12">
        <v>8</v>
      </c>
    </row>
    <row r="100" spans="1:4" ht="18" customHeight="1" x14ac:dyDescent="0.2">
      <c r="A100" s="8">
        <v>78</v>
      </c>
      <c r="B100" s="35">
        <v>9</v>
      </c>
      <c r="C100" s="13">
        <v>8</v>
      </c>
      <c r="D100" s="12">
        <v>17</v>
      </c>
    </row>
    <row r="101" spans="1:4" ht="18" customHeight="1" x14ac:dyDescent="0.2">
      <c r="A101" s="8">
        <v>79</v>
      </c>
      <c r="B101" s="35">
        <v>7</v>
      </c>
      <c r="C101" s="13">
        <v>14</v>
      </c>
      <c r="D101" s="12">
        <v>21</v>
      </c>
    </row>
    <row r="102" spans="1:4" ht="18" customHeight="1" x14ac:dyDescent="0.2">
      <c r="A102" s="8" t="s">
        <v>8</v>
      </c>
      <c r="B102" s="35">
        <v>39</v>
      </c>
      <c r="C102" s="13">
        <v>51</v>
      </c>
      <c r="D102" s="12">
        <v>90</v>
      </c>
    </row>
    <row r="103" spans="1:4" ht="18" customHeight="1" x14ac:dyDescent="0.2">
      <c r="A103" s="8">
        <v>80</v>
      </c>
      <c r="B103" s="35">
        <v>7</v>
      </c>
      <c r="C103" s="13">
        <v>14</v>
      </c>
      <c r="D103" s="12">
        <v>21</v>
      </c>
    </row>
    <row r="104" spans="1:4" ht="18" customHeight="1" x14ac:dyDescent="0.2">
      <c r="A104" s="8">
        <v>81</v>
      </c>
      <c r="B104" s="35">
        <v>6</v>
      </c>
      <c r="C104" s="13">
        <v>9</v>
      </c>
      <c r="D104" s="12">
        <v>15</v>
      </c>
    </row>
    <row r="105" spans="1:4" ht="18" customHeight="1" x14ac:dyDescent="0.2">
      <c r="A105" s="8">
        <v>82</v>
      </c>
      <c r="B105" s="35">
        <v>8</v>
      </c>
      <c r="C105" s="13">
        <v>6</v>
      </c>
      <c r="D105" s="12">
        <v>14</v>
      </c>
    </row>
    <row r="106" spans="1:4" ht="18" customHeight="1" x14ac:dyDescent="0.2">
      <c r="A106" s="8">
        <v>83</v>
      </c>
      <c r="B106" s="35">
        <v>7</v>
      </c>
      <c r="C106" s="13">
        <v>11</v>
      </c>
      <c r="D106" s="12">
        <v>18</v>
      </c>
    </row>
    <row r="107" spans="1:4" ht="18" customHeight="1" x14ac:dyDescent="0.2">
      <c r="A107" s="8">
        <v>84</v>
      </c>
      <c r="B107" s="35">
        <v>1</v>
      </c>
      <c r="C107" s="13">
        <v>3</v>
      </c>
      <c r="D107" s="12">
        <v>4</v>
      </c>
    </row>
    <row r="108" spans="1:4" ht="18" customHeight="1" x14ac:dyDescent="0.2">
      <c r="A108" s="8" t="s">
        <v>7</v>
      </c>
      <c r="B108" s="35">
        <v>29</v>
      </c>
      <c r="C108" s="13">
        <v>43</v>
      </c>
      <c r="D108" s="12">
        <v>72</v>
      </c>
    </row>
    <row r="109" spans="1:4" ht="18" customHeight="1" x14ac:dyDescent="0.2">
      <c r="A109" s="8">
        <v>85</v>
      </c>
      <c r="B109" s="35">
        <v>2</v>
      </c>
      <c r="C109" s="13">
        <v>9</v>
      </c>
      <c r="D109" s="12">
        <v>11</v>
      </c>
    </row>
    <row r="110" spans="1:4" ht="18" customHeight="1" x14ac:dyDescent="0.2">
      <c r="A110" s="8">
        <v>86</v>
      </c>
      <c r="B110" s="35">
        <v>5</v>
      </c>
      <c r="C110" s="13">
        <v>9</v>
      </c>
      <c r="D110" s="12">
        <v>14</v>
      </c>
    </row>
    <row r="111" spans="1:4" ht="18" customHeight="1" x14ac:dyDescent="0.2">
      <c r="A111" s="8">
        <v>87</v>
      </c>
      <c r="B111" s="35">
        <v>10</v>
      </c>
      <c r="C111" s="13">
        <v>6</v>
      </c>
      <c r="D111" s="12">
        <v>16</v>
      </c>
    </row>
    <row r="112" spans="1:4" ht="18" customHeight="1" x14ac:dyDescent="0.2">
      <c r="A112" s="8">
        <v>88</v>
      </c>
      <c r="B112" s="35">
        <v>5</v>
      </c>
      <c r="C112" s="13">
        <v>5</v>
      </c>
      <c r="D112" s="12">
        <v>10</v>
      </c>
    </row>
    <row r="113" spans="1:4" ht="18" customHeight="1" x14ac:dyDescent="0.2">
      <c r="A113" s="8">
        <v>89</v>
      </c>
      <c r="B113" s="35">
        <v>2</v>
      </c>
      <c r="C113" s="13">
        <v>13</v>
      </c>
      <c r="D113" s="12">
        <v>15</v>
      </c>
    </row>
    <row r="114" spans="1:4" ht="18" customHeight="1" x14ac:dyDescent="0.2">
      <c r="A114" s="8" t="s">
        <v>6</v>
      </c>
      <c r="B114" s="35">
        <v>24</v>
      </c>
      <c r="C114" s="13">
        <v>42</v>
      </c>
      <c r="D114" s="12">
        <v>66</v>
      </c>
    </row>
    <row r="115" spans="1:4" ht="18" customHeight="1" x14ac:dyDescent="0.2">
      <c r="A115" s="8">
        <v>90</v>
      </c>
      <c r="B115" s="35">
        <v>3</v>
      </c>
      <c r="C115" s="13">
        <v>4</v>
      </c>
      <c r="D115" s="12">
        <v>7</v>
      </c>
    </row>
    <row r="116" spans="1:4" ht="18" customHeight="1" x14ac:dyDescent="0.2">
      <c r="A116" s="8">
        <v>91</v>
      </c>
      <c r="B116" s="35">
        <v>5</v>
      </c>
      <c r="C116" s="13">
        <v>6</v>
      </c>
      <c r="D116" s="12">
        <v>11</v>
      </c>
    </row>
    <row r="117" spans="1:4" ht="18" customHeight="1" x14ac:dyDescent="0.2">
      <c r="A117" s="8">
        <v>92</v>
      </c>
      <c r="B117" s="35">
        <v>0</v>
      </c>
      <c r="C117" s="13">
        <v>6</v>
      </c>
      <c r="D117" s="12">
        <v>6</v>
      </c>
    </row>
    <row r="118" spans="1:4" ht="18" customHeight="1" x14ac:dyDescent="0.2">
      <c r="A118" s="8">
        <v>93</v>
      </c>
      <c r="B118" s="35">
        <v>1</v>
      </c>
      <c r="C118" s="13">
        <v>4</v>
      </c>
      <c r="D118" s="12">
        <v>5</v>
      </c>
    </row>
    <row r="119" spans="1:4" ht="18" customHeight="1" x14ac:dyDescent="0.2">
      <c r="A119" s="8">
        <v>94</v>
      </c>
      <c r="B119" s="35">
        <v>2</v>
      </c>
      <c r="C119" s="13">
        <v>2</v>
      </c>
      <c r="D119" s="12">
        <v>4</v>
      </c>
    </row>
    <row r="120" spans="1:4" ht="18" customHeight="1" x14ac:dyDescent="0.2">
      <c r="A120" s="8" t="s">
        <v>5</v>
      </c>
      <c r="B120" s="35">
        <v>11</v>
      </c>
      <c r="C120" s="13">
        <v>22</v>
      </c>
      <c r="D120" s="12">
        <v>33</v>
      </c>
    </row>
    <row r="121" spans="1:4" ht="18" customHeight="1" x14ac:dyDescent="0.2">
      <c r="A121" s="8">
        <v>95</v>
      </c>
      <c r="B121" s="35">
        <v>0</v>
      </c>
      <c r="C121" s="13">
        <v>1</v>
      </c>
      <c r="D121" s="12">
        <v>1</v>
      </c>
    </row>
    <row r="122" spans="1:4" ht="18" customHeight="1" x14ac:dyDescent="0.2">
      <c r="A122" s="8">
        <v>96</v>
      </c>
      <c r="B122" s="35">
        <v>2</v>
      </c>
      <c r="C122" s="13">
        <v>3</v>
      </c>
      <c r="D122" s="12">
        <v>5</v>
      </c>
    </row>
    <row r="123" spans="1:4" ht="18" customHeight="1" x14ac:dyDescent="0.2">
      <c r="A123" s="8">
        <v>97</v>
      </c>
      <c r="B123" s="35">
        <v>0</v>
      </c>
      <c r="C123" s="13">
        <v>0</v>
      </c>
      <c r="D123" s="12">
        <v>0</v>
      </c>
    </row>
    <row r="124" spans="1:4" ht="18" customHeight="1" x14ac:dyDescent="0.2">
      <c r="A124" s="8">
        <v>98</v>
      </c>
      <c r="B124" s="35">
        <v>0</v>
      </c>
      <c r="C124" s="13">
        <v>1</v>
      </c>
      <c r="D124" s="12">
        <v>1</v>
      </c>
    </row>
    <row r="125" spans="1:4" ht="18" customHeight="1" x14ac:dyDescent="0.2">
      <c r="A125" s="8">
        <v>99</v>
      </c>
      <c r="B125" s="35">
        <v>1</v>
      </c>
      <c r="C125" s="13">
        <v>1</v>
      </c>
      <c r="D125" s="12">
        <v>2</v>
      </c>
    </row>
    <row r="126" spans="1:4" ht="18" customHeight="1" x14ac:dyDescent="0.2">
      <c r="A126" s="8" t="s">
        <v>4</v>
      </c>
      <c r="B126" s="35">
        <v>3</v>
      </c>
      <c r="C126" s="13">
        <v>6</v>
      </c>
      <c r="D126" s="12">
        <v>9</v>
      </c>
    </row>
    <row r="127" spans="1:4" ht="18" customHeight="1" x14ac:dyDescent="0.2">
      <c r="A127" s="8">
        <v>100</v>
      </c>
      <c r="B127" s="35">
        <v>0</v>
      </c>
      <c r="C127" s="13">
        <v>0</v>
      </c>
      <c r="D127" s="12">
        <v>0</v>
      </c>
    </row>
    <row r="128" spans="1:4" ht="18" customHeight="1" x14ac:dyDescent="0.2">
      <c r="A128" s="15" t="s">
        <v>3</v>
      </c>
      <c r="B128" s="35">
        <v>0</v>
      </c>
      <c r="C128" s="13">
        <v>4</v>
      </c>
      <c r="D128" s="12">
        <v>4</v>
      </c>
    </row>
    <row r="129" spans="1:4" ht="18" customHeight="1" x14ac:dyDescent="0.2">
      <c r="A129" s="8" t="s">
        <v>2</v>
      </c>
      <c r="B129" s="35">
        <v>0</v>
      </c>
      <c r="C129" s="13">
        <v>4</v>
      </c>
      <c r="D129" s="12">
        <v>4</v>
      </c>
    </row>
    <row r="130" spans="1:4" ht="18" customHeight="1" x14ac:dyDescent="0.2">
      <c r="A130" s="8" t="s">
        <v>1</v>
      </c>
      <c r="B130" s="28">
        <v>215</v>
      </c>
      <c r="C130" s="6">
        <v>268</v>
      </c>
      <c r="D130" s="5">
        <v>483</v>
      </c>
    </row>
    <row r="131" spans="1:4" ht="18" customHeight="1" x14ac:dyDescent="0.2">
      <c r="A131" s="4" t="s">
        <v>0</v>
      </c>
      <c r="B131" s="27">
        <v>674</v>
      </c>
      <c r="C131" s="2">
        <v>735</v>
      </c>
      <c r="D131" s="1">
        <v>1409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FFF76E2-B392-4941-BB98-D73B04892C37}">
  <sheetPr codeName="Sheet8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106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5</v>
      </c>
      <c r="C5" s="45">
        <v>3</v>
      </c>
      <c r="D5" s="44">
        <v>8</v>
      </c>
    </row>
    <row r="6" spans="1:4" ht="18" customHeight="1" x14ac:dyDescent="0.2">
      <c r="A6" s="8">
        <v>1</v>
      </c>
      <c r="B6" s="40">
        <v>6</v>
      </c>
      <c r="C6" s="13">
        <v>11</v>
      </c>
      <c r="D6" s="12">
        <v>17</v>
      </c>
    </row>
    <row r="7" spans="1:4" ht="18" customHeight="1" x14ac:dyDescent="0.2">
      <c r="A7" s="8">
        <v>2</v>
      </c>
      <c r="B7" s="40">
        <v>7</v>
      </c>
      <c r="C7" s="13">
        <v>10</v>
      </c>
      <c r="D7" s="12">
        <v>17</v>
      </c>
    </row>
    <row r="8" spans="1:4" ht="18" customHeight="1" x14ac:dyDescent="0.2">
      <c r="A8" s="8">
        <v>3</v>
      </c>
      <c r="B8" s="40">
        <v>10</v>
      </c>
      <c r="C8" s="13">
        <v>17</v>
      </c>
      <c r="D8" s="12">
        <v>27</v>
      </c>
    </row>
    <row r="9" spans="1:4" ht="18" customHeight="1" x14ac:dyDescent="0.2">
      <c r="A9" s="8">
        <v>4</v>
      </c>
      <c r="B9" s="43">
        <v>12</v>
      </c>
      <c r="C9" s="42">
        <v>9</v>
      </c>
      <c r="D9" s="41">
        <v>21</v>
      </c>
    </row>
    <row r="10" spans="1:4" ht="18" customHeight="1" x14ac:dyDescent="0.2">
      <c r="A10" s="8" t="s">
        <v>25</v>
      </c>
      <c r="B10" s="35">
        <v>40</v>
      </c>
      <c r="C10" s="13">
        <v>50</v>
      </c>
      <c r="D10" s="12">
        <v>90</v>
      </c>
    </row>
    <row r="11" spans="1:4" ht="18" customHeight="1" x14ac:dyDescent="0.2">
      <c r="A11" s="8">
        <v>5</v>
      </c>
      <c r="B11" s="40">
        <v>13</v>
      </c>
      <c r="C11" s="13">
        <v>13</v>
      </c>
      <c r="D11" s="12">
        <v>26</v>
      </c>
    </row>
    <row r="12" spans="1:4" ht="18" customHeight="1" x14ac:dyDescent="0.2">
      <c r="A12" s="8">
        <v>6</v>
      </c>
      <c r="B12" s="40">
        <v>13</v>
      </c>
      <c r="C12" s="13">
        <v>16</v>
      </c>
      <c r="D12" s="12">
        <v>29</v>
      </c>
    </row>
    <row r="13" spans="1:4" ht="18" customHeight="1" x14ac:dyDescent="0.2">
      <c r="A13" s="8">
        <v>7</v>
      </c>
      <c r="B13" s="40">
        <v>17</v>
      </c>
      <c r="C13" s="13">
        <v>10</v>
      </c>
      <c r="D13" s="12">
        <v>27</v>
      </c>
    </row>
    <row r="14" spans="1:4" ht="18" customHeight="1" x14ac:dyDescent="0.2">
      <c r="A14" s="8">
        <v>8</v>
      </c>
      <c r="B14" s="40">
        <v>11</v>
      </c>
      <c r="C14" s="13">
        <v>10</v>
      </c>
      <c r="D14" s="12">
        <v>21</v>
      </c>
    </row>
    <row r="15" spans="1:4" ht="18" customHeight="1" x14ac:dyDescent="0.2">
      <c r="A15" s="8">
        <v>9</v>
      </c>
      <c r="B15" s="40">
        <v>13</v>
      </c>
      <c r="C15" s="13">
        <v>14</v>
      </c>
      <c r="D15" s="12">
        <v>27</v>
      </c>
    </row>
    <row r="16" spans="1:4" ht="18" customHeight="1" x14ac:dyDescent="0.2">
      <c r="A16" s="8" t="s">
        <v>24</v>
      </c>
      <c r="B16" s="35">
        <v>67</v>
      </c>
      <c r="C16" s="13">
        <v>63</v>
      </c>
      <c r="D16" s="12">
        <v>130</v>
      </c>
    </row>
    <row r="17" spans="1:4" ht="18" customHeight="1" x14ac:dyDescent="0.2">
      <c r="A17" s="8">
        <v>10</v>
      </c>
      <c r="B17" s="35">
        <v>14</v>
      </c>
      <c r="C17" s="13">
        <v>11</v>
      </c>
      <c r="D17" s="12">
        <v>25</v>
      </c>
    </row>
    <row r="18" spans="1:4" ht="18" customHeight="1" x14ac:dyDescent="0.2">
      <c r="A18" s="8">
        <v>11</v>
      </c>
      <c r="B18" s="35">
        <v>11</v>
      </c>
      <c r="C18" s="13">
        <v>8</v>
      </c>
      <c r="D18" s="12">
        <v>19</v>
      </c>
    </row>
    <row r="19" spans="1:4" ht="18" customHeight="1" x14ac:dyDescent="0.2">
      <c r="A19" s="8">
        <v>12</v>
      </c>
      <c r="B19" s="35">
        <v>8</v>
      </c>
      <c r="C19" s="13">
        <v>12</v>
      </c>
      <c r="D19" s="12">
        <v>20</v>
      </c>
    </row>
    <row r="20" spans="1:4" ht="18" customHeight="1" x14ac:dyDescent="0.2">
      <c r="A20" s="8">
        <v>13</v>
      </c>
      <c r="B20" s="35">
        <v>11</v>
      </c>
      <c r="C20" s="13">
        <v>8</v>
      </c>
      <c r="D20" s="12">
        <v>19</v>
      </c>
    </row>
    <row r="21" spans="1:4" ht="18" customHeight="1" x14ac:dyDescent="0.2">
      <c r="A21" s="8">
        <v>14</v>
      </c>
      <c r="B21" s="35">
        <v>1</v>
      </c>
      <c r="C21" s="13">
        <v>7</v>
      </c>
      <c r="D21" s="12">
        <v>8</v>
      </c>
    </row>
    <row r="22" spans="1:4" ht="18" customHeight="1" x14ac:dyDescent="0.2">
      <c r="A22" s="8" t="s">
        <v>23</v>
      </c>
      <c r="B22" s="35">
        <v>45</v>
      </c>
      <c r="C22" s="13">
        <v>46</v>
      </c>
      <c r="D22" s="12">
        <v>91</v>
      </c>
    </row>
    <row r="23" spans="1:4" ht="18" customHeight="1" x14ac:dyDescent="0.2">
      <c r="A23" s="8" t="s">
        <v>22</v>
      </c>
      <c r="B23" s="35">
        <v>152</v>
      </c>
      <c r="C23" s="13">
        <v>159</v>
      </c>
      <c r="D23" s="12">
        <v>311</v>
      </c>
    </row>
    <row r="24" spans="1:4" ht="18" customHeight="1" x14ac:dyDescent="0.2">
      <c r="A24" s="8">
        <v>15</v>
      </c>
      <c r="B24" s="35">
        <v>12</v>
      </c>
      <c r="C24" s="13">
        <v>5</v>
      </c>
      <c r="D24" s="12">
        <v>17</v>
      </c>
    </row>
    <row r="25" spans="1:4" ht="18" customHeight="1" x14ac:dyDescent="0.2">
      <c r="A25" s="8">
        <v>16</v>
      </c>
      <c r="B25" s="35">
        <v>7</v>
      </c>
      <c r="C25" s="13">
        <v>6</v>
      </c>
      <c r="D25" s="12">
        <v>13</v>
      </c>
    </row>
    <row r="26" spans="1:4" ht="18" customHeight="1" x14ac:dyDescent="0.2">
      <c r="A26" s="8">
        <v>17</v>
      </c>
      <c r="B26" s="35">
        <v>7</v>
      </c>
      <c r="C26" s="13">
        <v>6</v>
      </c>
      <c r="D26" s="12">
        <v>13</v>
      </c>
    </row>
    <row r="27" spans="1:4" ht="18" customHeight="1" x14ac:dyDescent="0.2">
      <c r="A27" s="8">
        <v>18</v>
      </c>
      <c r="B27" s="35">
        <v>6</v>
      </c>
      <c r="C27" s="13">
        <v>7</v>
      </c>
      <c r="D27" s="12">
        <v>13</v>
      </c>
    </row>
    <row r="28" spans="1:4" ht="18" customHeight="1" x14ac:dyDescent="0.2">
      <c r="A28" s="8">
        <v>19</v>
      </c>
      <c r="B28" s="35">
        <v>3</v>
      </c>
      <c r="C28" s="13">
        <v>9</v>
      </c>
      <c r="D28" s="12">
        <v>12</v>
      </c>
    </row>
    <row r="29" spans="1:4" ht="18" customHeight="1" x14ac:dyDescent="0.2">
      <c r="A29" s="8" t="s">
        <v>21</v>
      </c>
      <c r="B29" s="35">
        <v>35</v>
      </c>
      <c r="C29" s="13">
        <v>33</v>
      </c>
      <c r="D29" s="12">
        <v>68</v>
      </c>
    </row>
    <row r="30" spans="1:4" ht="18" customHeight="1" x14ac:dyDescent="0.2">
      <c r="A30" s="8">
        <v>20</v>
      </c>
      <c r="B30" s="35">
        <v>12</v>
      </c>
      <c r="C30" s="13">
        <v>11</v>
      </c>
      <c r="D30" s="12">
        <v>23</v>
      </c>
    </row>
    <row r="31" spans="1:4" ht="18" customHeight="1" x14ac:dyDescent="0.2">
      <c r="A31" s="8">
        <v>21</v>
      </c>
      <c r="B31" s="35">
        <v>10</v>
      </c>
      <c r="C31" s="13">
        <v>5</v>
      </c>
      <c r="D31" s="12">
        <v>15</v>
      </c>
    </row>
    <row r="32" spans="1:4" ht="18" customHeight="1" x14ac:dyDescent="0.2">
      <c r="A32" s="8">
        <v>22</v>
      </c>
      <c r="B32" s="35">
        <v>9</v>
      </c>
      <c r="C32" s="13">
        <v>6</v>
      </c>
      <c r="D32" s="12">
        <v>15</v>
      </c>
    </row>
    <row r="33" spans="1:4" ht="18" customHeight="1" x14ac:dyDescent="0.2">
      <c r="A33" s="8">
        <v>23</v>
      </c>
      <c r="B33" s="35">
        <v>9</v>
      </c>
      <c r="C33" s="13">
        <v>7</v>
      </c>
      <c r="D33" s="12">
        <v>16</v>
      </c>
    </row>
    <row r="34" spans="1:4" ht="18" customHeight="1" x14ac:dyDescent="0.2">
      <c r="A34" s="8">
        <v>24</v>
      </c>
      <c r="B34" s="35">
        <v>6</v>
      </c>
      <c r="C34" s="13">
        <v>9</v>
      </c>
      <c r="D34" s="12">
        <v>15</v>
      </c>
    </row>
    <row r="35" spans="1:4" ht="18" customHeight="1" x14ac:dyDescent="0.2">
      <c r="A35" s="8" t="s">
        <v>20</v>
      </c>
      <c r="B35" s="35">
        <v>46</v>
      </c>
      <c r="C35" s="13">
        <v>38</v>
      </c>
      <c r="D35" s="12">
        <v>84</v>
      </c>
    </row>
    <row r="36" spans="1:4" ht="18" customHeight="1" x14ac:dyDescent="0.2">
      <c r="A36" s="8">
        <v>25</v>
      </c>
      <c r="B36" s="35">
        <v>4</v>
      </c>
      <c r="C36" s="13">
        <v>8</v>
      </c>
      <c r="D36" s="12">
        <v>12</v>
      </c>
    </row>
    <row r="37" spans="1:4" ht="18" customHeight="1" x14ac:dyDescent="0.2">
      <c r="A37" s="8">
        <v>26</v>
      </c>
      <c r="B37" s="35">
        <v>9</v>
      </c>
      <c r="C37" s="13">
        <v>10</v>
      </c>
      <c r="D37" s="12">
        <v>19</v>
      </c>
    </row>
    <row r="38" spans="1:4" ht="18" customHeight="1" x14ac:dyDescent="0.2">
      <c r="A38" s="8">
        <v>27</v>
      </c>
      <c r="B38" s="35">
        <v>7</v>
      </c>
      <c r="C38" s="13">
        <v>6</v>
      </c>
      <c r="D38" s="12">
        <v>13</v>
      </c>
    </row>
    <row r="39" spans="1:4" ht="18" customHeight="1" x14ac:dyDescent="0.2">
      <c r="A39" s="8">
        <v>28</v>
      </c>
      <c r="B39" s="35">
        <v>12</v>
      </c>
      <c r="C39" s="13">
        <v>6</v>
      </c>
      <c r="D39" s="12">
        <v>18</v>
      </c>
    </row>
    <row r="40" spans="1:4" ht="18" customHeight="1" x14ac:dyDescent="0.2">
      <c r="A40" s="8">
        <v>29</v>
      </c>
      <c r="B40" s="35">
        <v>10</v>
      </c>
      <c r="C40" s="13">
        <v>11</v>
      </c>
      <c r="D40" s="12">
        <v>21</v>
      </c>
    </row>
    <row r="41" spans="1:4" ht="18" customHeight="1" x14ac:dyDescent="0.2">
      <c r="A41" s="8" t="s">
        <v>19</v>
      </c>
      <c r="B41" s="35">
        <v>42</v>
      </c>
      <c r="C41" s="13">
        <v>41</v>
      </c>
      <c r="D41" s="12">
        <v>83</v>
      </c>
    </row>
    <row r="42" spans="1:4" ht="18" customHeight="1" x14ac:dyDescent="0.2">
      <c r="A42" s="8">
        <v>30</v>
      </c>
      <c r="B42" s="35">
        <v>10</v>
      </c>
      <c r="C42" s="13">
        <v>7</v>
      </c>
      <c r="D42" s="12">
        <v>17</v>
      </c>
    </row>
    <row r="43" spans="1:4" ht="18" customHeight="1" x14ac:dyDescent="0.2">
      <c r="A43" s="8">
        <v>31</v>
      </c>
      <c r="B43" s="35">
        <v>8</v>
      </c>
      <c r="C43" s="13">
        <v>12</v>
      </c>
      <c r="D43" s="12">
        <v>20</v>
      </c>
    </row>
    <row r="44" spans="1:4" ht="18" customHeight="1" x14ac:dyDescent="0.2">
      <c r="A44" s="8">
        <v>32</v>
      </c>
      <c r="B44" s="35">
        <v>13</v>
      </c>
      <c r="C44" s="13">
        <v>12</v>
      </c>
      <c r="D44" s="12">
        <v>25</v>
      </c>
    </row>
    <row r="45" spans="1:4" ht="18" customHeight="1" x14ac:dyDescent="0.2">
      <c r="A45" s="8">
        <v>33</v>
      </c>
      <c r="B45" s="35">
        <v>13</v>
      </c>
      <c r="C45" s="13">
        <v>6</v>
      </c>
      <c r="D45" s="12">
        <v>19</v>
      </c>
    </row>
    <row r="46" spans="1:4" ht="18" customHeight="1" x14ac:dyDescent="0.2">
      <c r="A46" s="8">
        <v>34</v>
      </c>
      <c r="B46" s="35">
        <v>19</v>
      </c>
      <c r="C46" s="13">
        <v>17</v>
      </c>
      <c r="D46" s="12">
        <v>36</v>
      </c>
    </row>
    <row r="47" spans="1:4" ht="18" customHeight="1" x14ac:dyDescent="0.2">
      <c r="A47" s="8" t="s">
        <v>18</v>
      </c>
      <c r="B47" s="35">
        <v>63</v>
      </c>
      <c r="C47" s="13">
        <v>54</v>
      </c>
      <c r="D47" s="12">
        <v>117</v>
      </c>
    </row>
    <row r="48" spans="1:4" ht="18" customHeight="1" x14ac:dyDescent="0.2">
      <c r="A48" s="8">
        <v>35</v>
      </c>
      <c r="B48" s="35">
        <v>11</v>
      </c>
      <c r="C48" s="13">
        <v>16</v>
      </c>
      <c r="D48" s="12">
        <v>27</v>
      </c>
    </row>
    <row r="49" spans="1:4" ht="18" customHeight="1" x14ac:dyDescent="0.2">
      <c r="A49" s="8">
        <v>36</v>
      </c>
      <c r="B49" s="35">
        <v>19</v>
      </c>
      <c r="C49" s="13">
        <v>15</v>
      </c>
      <c r="D49" s="12">
        <v>34</v>
      </c>
    </row>
    <row r="50" spans="1:4" ht="18" customHeight="1" x14ac:dyDescent="0.2">
      <c r="A50" s="8">
        <v>37</v>
      </c>
      <c r="B50" s="35">
        <v>14</v>
      </c>
      <c r="C50" s="13">
        <v>16</v>
      </c>
      <c r="D50" s="12">
        <v>30</v>
      </c>
    </row>
    <row r="51" spans="1:4" ht="18" customHeight="1" x14ac:dyDescent="0.2">
      <c r="A51" s="8">
        <v>38</v>
      </c>
      <c r="B51" s="35">
        <v>19</v>
      </c>
      <c r="C51" s="13">
        <v>12</v>
      </c>
      <c r="D51" s="12">
        <v>31</v>
      </c>
    </row>
    <row r="52" spans="1:4" ht="18" customHeight="1" x14ac:dyDescent="0.2">
      <c r="A52" s="8">
        <v>39</v>
      </c>
      <c r="B52" s="35">
        <v>11</v>
      </c>
      <c r="C52" s="13">
        <v>17</v>
      </c>
      <c r="D52" s="12">
        <v>28</v>
      </c>
    </row>
    <row r="53" spans="1:4" ht="18" customHeight="1" x14ac:dyDescent="0.2">
      <c r="A53" s="8" t="s">
        <v>17</v>
      </c>
      <c r="B53" s="35">
        <v>74</v>
      </c>
      <c r="C53" s="13">
        <v>76</v>
      </c>
      <c r="D53" s="12">
        <v>150</v>
      </c>
    </row>
    <row r="54" spans="1:4" ht="18" customHeight="1" x14ac:dyDescent="0.2">
      <c r="A54" s="8">
        <v>40</v>
      </c>
      <c r="B54" s="35">
        <v>16</v>
      </c>
      <c r="C54" s="13">
        <v>15</v>
      </c>
      <c r="D54" s="12">
        <v>31</v>
      </c>
    </row>
    <row r="55" spans="1:4" ht="18" customHeight="1" x14ac:dyDescent="0.2">
      <c r="A55" s="8">
        <v>41</v>
      </c>
      <c r="B55" s="35">
        <v>14</v>
      </c>
      <c r="C55" s="13">
        <v>12</v>
      </c>
      <c r="D55" s="12">
        <v>26</v>
      </c>
    </row>
    <row r="56" spans="1:4" ht="18" customHeight="1" x14ac:dyDescent="0.2">
      <c r="A56" s="8">
        <v>42</v>
      </c>
      <c r="B56" s="35">
        <v>15</v>
      </c>
      <c r="C56" s="13">
        <v>9</v>
      </c>
      <c r="D56" s="12">
        <v>24</v>
      </c>
    </row>
    <row r="57" spans="1:4" ht="18" customHeight="1" x14ac:dyDescent="0.2">
      <c r="A57" s="8">
        <v>43</v>
      </c>
      <c r="B57" s="35">
        <v>15</v>
      </c>
      <c r="C57" s="13">
        <v>12</v>
      </c>
      <c r="D57" s="12">
        <v>27</v>
      </c>
    </row>
    <row r="58" spans="1:4" ht="18" customHeight="1" x14ac:dyDescent="0.2">
      <c r="A58" s="8">
        <v>44</v>
      </c>
      <c r="B58" s="35">
        <v>17</v>
      </c>
      <c r="C58" s="13">
        <v>8</v>
      </c>
      <c r="D58" s="12">
        <v>25</v>
      </c>
    </row>
    <row r="59" spans="1:4" ht="18" customHeight="1" x14ac:dyDescent="0.2">
      <c r="A59" s="8" t="s">
        <v>16</v>
      </c>
      <c r="B59" s="35">
        <v>77</v>
      </c>
      <c r="C59" s="13">
        <v>56</v>
      </c>
      <c r="D59" s="12">
        <v>133</v>
      </c>
    </row>
    <row r="60" spans="1:4" ht="18" customHeight="1" x14ac:dyDescent="0.2">
      <c r="A60" s="8">
        <v>45</v>
      </c>
      <c r="B60" s="35">
        <v>15</v>
      </c>
      <c r="C60" s="13">
        <v>7</v>
      </c>
      <c r="D60" s="12">
        <v>22</v>
      </c>
    </row>
    <row r="61" spans="1:4" ht="18" customHeight="1" x14ac:dyDescent="0.2">
      <c r="A61" s="8">
        <v>46</v>
      </c>
      <c r="B61" s="35">
        <v>21</v>
      </c>
      <c r="C61" s="13">
        <v>10</v>
      </c>
      <c r="D61" s="12">
        <v>31</v>
      </c>
    </row>
    <row r="62" spans="1:4" ht="18" customHeight="1" x14ac:dyDescent="0.2">
      <c r="A62" s="8">
        <v>47</v>
      </c>
      <c r="B62" s="35">
        <v>9</v>
      </c>
      <c r="C62" s="13">
        <v>18</v>
      </c>
      <c r="D62" s="12">
        <v>27</v>
      </c>
    </row>
    <row r="63" spans="1:4" ht="18" customHeight="1" x14ac:dyDescent="0.2">
      <c r="A63" s="8">
        <v>48</v>
      </c>
      <c r="B63" s="35">
        <v>15</v>
      </c>
      <c r="C63" s="13">
        <v>14</v>
      </c>
      <c r="D63" s="12">
        <v>29</v>
      </c>
    </row>
    <row r="64" spans="1:4" ht="18" customHeight="1" x14ac:dyDescent="0.2">
      <c r="A64" s="8">
        <v>49</v>
      </c>
      <c r="B64" s="35">
        <v>12</v>
      </c>
      <c r="C64" s="13">
        <v>12</v>
      </c>
      <c r="D64" s="12">
        <v>24</v>
      </c>
    </row>
    <row r="65" spans="1:4" ht="18" customHeight="1" x14ac:dyDescent="0.2">
      <c r="A65" s="8" t="s">
        <v>15</v>
      </c>
      <c r="B65" s="35">
        <v>72</v>
      </c>
      <c r="C65" s="13">
        <v>61</v>
      </c>
      <c r="D65" s="12">
        <v>133</v>
      </c>
    </row>
    <row r="66" spans="1:4" ht="18" customHeight="1" x14ac:dyDescent="0.2">
      <c r="A66" s="8">
        <v>50</v>
      </c>
      <c r="B66" s="35">
        <v>17</v>
      </c>
      <c r="C66" s="13">
        <v>12</v>
      </c>
      <c r="D66" s="12">
        <v>29</v>
      </c>
    </row>
    <row r="67" spans="1:4" ht="18" customHeight="1" x14ac:dyDescent="0.2">
      <c r="A67" s="8">
        <v>51</v>
      </c>
      <c r="B67" s="35">
        <v>13</v>
      </c>
      <c r="C67" s="13">
        <v>7</v>
      </c>
      <c r="D67" s="12">
        <v>20</v>
      </c>
    </row>
    <row r="68" spans="1:4" ht="18" customHeight="1" x14ac:dyDescent="0.2">
      <c r="A68" s="8">
        <v>52</v>
      </c>
      <c r="B68" s="35">
        <v>14</v>
      </c>
      <c r="C68" s="13">
        <v>21</v>
      </c>
      <c r="D68" s="12">
        <v>35</v>
      </c>
    </row>
    <row r="69" spans="1:4" ht="18" customHeight="1" x14ac:dyDescent="0.2">
      <c r="A69" s="8">
        <v>53</v>
      </c>
      <c r="B69" s="35">
        <v>14</v>
      </c>
      <c r="C69" s="13">
        <v>11</v>
      </c>
      <c r="D69" s="12">
        <v>25</v>
      </c>
    </row>
    <row r="70" spans="1:4" ht="18" customHeight="1" x14ac:dyDescent="0.2">
      <c r="A70" s="8">
        <v>54</v>
      </c>
      <c r="B70" s="35">
        <v>10</v>
      </c>
      <c r="C70" s="13">
        <v>12</v>
      </c>
      <c r="D70" s="12">
        <v>22</v>
      </c>
    </row>
    <row r="71" spans="1:4" ht="18" customHeight="1" x14ac:dyDescent="0.2">
      <c r="A71" s="8" t="s">
        <v>14</v>
      </c>
      <c r="B71" s="35">
        <v>68</v>
      </c>
      <c r="C71" s="13">
        <v>63</v>
      </c>
      <c r="D71" s="12">
        <v>131</v>
      </c>
    </row>
    <row r="72" spans="1:4" ht="18" customHeight="1" x14ac:dyDescent="0.2">
      <c r="A72" s="8">
        <v>55</v>
      </c>
      <c r="B72" s="35">
        <v>7</v>
      </c>
      <c r="C72" s="13">
        <v>14</v>
      </c>
      <c r="D72" s="12">
        <v>21</v>
      </c>
    </row>
    <row r="73" spans="1:4" ht="18" customHeight="1" x14ac:dyDescent="0.2">
      <c r="A73" s="8">
        <v>56</v>
      </c>
      <c r="B73" s="35">
        <v>9</v>
      </c>
      <c r="C73" s="13">
        <v>11</v>
      </c>
      <c r="D73" s="12">
        <v>20</v>
      </c>
    </row>
    <row r="74" spans="1:4" ht="18" customHeight="1" x14ac:dyDescent="0.2">
      <c r="A74" s="8">
        <v>57</v>
      </c>
      <c r="B74" s="35">
        <v>13</v>
      </c>
      <c r="C74" s="13">
        <v>9</v>
      </c>
      <c r="D74" s="12">
        <v>22</v>
      </c>
    </row>
    <row r="75" spans="1:4" ht="18" customHeight="1" x14ac:dyDescent="0.2">
      <c r="A75" s="8">
        <v>58</v>
      </c>
      <c r="B75" s="35">
        <v>13</v>
      </c>
      <c r="C75" s="13">
        <v>16</v>
      </c>
      <c r="D75" s="12">
        <v>29</v>
      </c>
    </row>
    <row r="76" spans="1:4" ht="18" customHeight="1" x14ac:dyDescent="0.2">
      <c r="A76" s="8">
        <v>59</v>
      </c>
      <c r="B76" s="35">
        <v>7</v>
      </c>
      <c r="C76" s="13">
        <v>12</v>
      </c>
      <c r="D76" s="12">
        <v>19</v>
      </c>
    </row>
    <row r="77" spans="1:4" ht="18" customHeight="1" x14ac:dyDescent="0.2">
      <c r="A77" s="8" t="s">
        <v>13</v>
      </c>
      <c r="B77" s="35">
        <v>49</v>
      </c>
      <c r="C77" s="13">
        <v>62</v>
      </c>
      <c r="D77" s="12">
        <v>111</v>
      </c>
    </row>
    <row r="78" spans="1:4" ht="18" customHeight="1" x14ac:dyDescent="0.2">
      <c r="A78" s="8">
        <v>60</v>
      </c>
      <c r="B78" s="35">
        <v>10</v>
      </c>
      <c r="C78" s="13">
        <v>13</v>
      </c>
      <c r="D78" s="12">
        <v>23</v>
      </c>
    </row>
    <row r="79" spans="1:4" ht="18" customHeight="1" x14ac:dyDescent="0.2">
      <c r="A79" s="8">
        <v>61</v>
      </c>
      <c r="B79" s="35">
        <v>14</v>
      </c>
      <c r="C79" s="13">
        <v>17</v>
      </c>
      <c r="D79" s="12">
        <v>31</v>
      </c>
    </row>
    <row r="80" spans="1:4" ht="18" customHeight="1" x14ac:dyDescent="0.2">
      <c r="A80" s="8">
        <v>62</v>
      </c>
      <c r="B80" s="35">
        <v>11</v>
      </c>
      <c r="C80" s="13">
        <v>22</v>
      </c>
      <c r="D80" s="12">
        <v>33</v>
      </c>
    </row>
    <row r="81" spans="1:4" ht="18" customHeight="1" x14ac:dyDescent="0.2">
      <c r="A81" s="8">
        <v>63</v>
      </c>
      <c r="B81" s="35">
        <v>16</v>
      </c>
      <c r="C81" s="13">
        <v>15</v>
      </c>
      <c r="D81" s="12">
        <v>31</v>
      </c>
    </row>
    <row r="82" spans="1:4" ht="18" customHeight="1" x14ac:dyDescent="0.2">
      <c r="A82" s="8">
        <v>64</v>
      </c>
      <c r="B82" s="35">
        <v>16</v>
      </c>
      <c r="C82" s="13">
        <v>16</v>
      </c>
      <c r="D82" s="12">
        <v>32</v>
      </c>
    </row>
    <row r="83" spans="1:4" ht="18" customHeight="1" x14ac:dyDescent="0.2">
      <c r="A83" s="8" t="s">
        <v>12</v>
      </c>
      <c r="B83" s="35">
        <v>67</v>
      </c>
      <c r="C83" s="13">
        <v>83</v>
      </c>
      <c r="D83" s="12">
        <v>150</v>
      </c>
    </row>
    <row r="84" spans="1:4" ht="18" customHeight="1" x14ac:dyDescent="0.2">
      <c r="A84" s="8" t="s">
        <v>11</v>
      </c>
      <c r="B84" s="35">
        <v>593</v>
      </c>
      <c r="C84" s="13">
        <v>567</v>
      </c>
      <c r="D84" s="12">
        <v>1160</v>
      </c>
    </row>
    <row r="85" spans="1:4" ht="18" customHeight="1" x14ac:dyDescent="0.2">
      <c r="A85" s="8">
        <v>65</v>
      </c>
      <c r="B85" s="35">
        <v>21</v>
      </c>
      <c r="C85" s="13">
        <v>18</v>
      </c>
      <c r="D85" s="12">
        <v>39</v>
      </c>
    </row>
    <row r="86" spans="1:4" ht="18" customHeight="1" x14ac:dyDescent="0.2">
      <c r="A86" s="8">
        <v>66</v>
      </c>
      <c r="B86" s="35">
        <v>15</v>
      </c>
      <c r="C86" s="13">
        <v>15</v>
      </c>
      <c r="D86" s="12">
        <v>30</v>
      </c>
    </row>
    <row r="87" spans="1:4" ht="18" customHeight="1" x14ac:dyDescent="0.2">
      <c r="A87" s="8">
        <v>67</v>
      </c>
      <c r="B87" s="35">
        <v>22</v>
      </c>
      <c r="C87" s="13">
        <v>20</v>
      </c>
      <c r="D87" s="12">
        <v>42</v>
      </c>
    </row>
    <row r="88" spans="1:4" ht="18" customHeight="1" x14ac:dyDescent="0.2">
      <c r="A88" s="8">
        <v>68</v>
      </c>
      <c r="B88" s="35">
        <v>11</v>
      </c>
      <c r="C88" s="13">
        <v>15</v>
      </c>
      <c r="D88" s="12">
        <v>26</v>
      </c>
    </row>
    <row r="89" spans="1:4" ht="18" customHeight="1" x14ac:dyDescent="0.2">
      <c r="A89" s="8">
        <v>69</v>
      </c>
      <c r="B89" s="35">
        <v>9</v>
      </c>
      <c r="C89" s="13">
        <v>14</v>
      </c>
      <c r="D89" s="12">
        <v>23</v>
      </c>
    </row>
    <row r="90" spans="1:4" ht="18" customHeight="1" x14ac:dyDescent="0.2">
      <c r="A90" s="8" t="s">
        <v>10</v>
      </c>
      <c r="B90" s="35">
        <v>78</v>
      </c>
      <c r="C90" s="13">
        <v>82</v>
      </c>
      <c r="D90" s="12">
        <v>160</v>
      </c>
    </row>
    <row r="91" spans="1:4" ht="18" customHeight="1" x14ac:dyDescent="0.2">
      <c r="A91" s="8">
        <v>70</v>
      </c>
      <c r="B91" s="35">
        <v>19</v>
      </c>
      <c r="C91" s="13">
        <v>20</v>
      </c>
      <c r="D91" s="12">
        <v>39</v>
      </c>
    </row>
    <row r="92" spans="1:4" ht="18" customHeight="1" x14ac:dyDescent="0.2">
      <c r="A92" s="8">
        <v>71</v>
      </c>
      <c r="B92" s="35">
        <v>15</v>
      </c>
      <c r="C92" s="13">
        <v>15</v>
      </c>
      <c r="D92" s="12">
        <v>30</v>
      </c>
    </row>
    <row r="93" spans="1:4" ht="18" customHeight="1" x14ac:dyDescent="0.2">
      <c r="A93" s="8">
        <v>72</v>
      </c>
      <c r="B93" s="35">
        <v>16</v>
      </c>
      <c r="C93" s="13">
        <v>28</v>
      </c>
      <c r="D93" s="12">
        <v>44</v>
      </c>
    </row>
    <row r="94" spans="1:4" ht="18" customHeight="1" x14ac:dyDescent="0.2">
      <c r="A94" s="8">
        <v>73</v>
      </c>
      <c r="B94" s="35">
        <v>23</v>
      </c>
      <c r="C94" s="13">
        <v>18</v>
      </c>
      <c r="D94" s="12">
        <v>41</v>
      </c>
    </row>
    <row r="95" spans="1:4" ht="18" customHeight="1" x14ac:dyDescent="0.2">
      <c r="A95" s="8">
        <v>74</v>
      </c>
      <c r="B95" s="35">
        <v>26</v>
      </c>
      <c r="C95" s="13">
        <v>21</v>
      </c>
      <c r="D95" s="12">
        <v>47</v>
      </c>
    </row>
    <row r="96" spans="1:4" ht="18" customHeight="1" x14ac:dyDescent="0.2">
      <c r="A96" s="8" t="s">
        <v>9</v>
      </c>
      <c r="B96" s="35">
        <v>99</v>
      </c>
      <c r="C96" s="13">
        <v>102</v>
      </c>
      <c r="D96" s="12">
        <v>201</v>
      </c>
    </row>
    <row r="97" spans="1:4" ht="18" customHeight="1" x14ac:dyDescent="0.2">
      <c r="A97" s="8">
        <v>75</v>
      </c>
      <c r="B97" s="35">
        <v>30</v>
      </c>
      <c r="C97" s="13">
        <v>25</v>
      </c>
      <c r="D97" s="12">
        <v>55</v>
      </c>
    </row>
    <row r="98" spans="1:4" ht="18" customHeight="1" x14ac:dyDescent="0.2">
      <c r="A98" s="8">
        <v>76</v>
      </c>
      <c r="B98" s="35">
        <v>11</v>
      </c>
      <c r="C98" s="13">
        <v>17</v>
      </c>
      <c r="D98" s="12">
        <v>28</v>
      </c>
    </row>
    <row r="99" spans="1:4" ht="18" customHeight="1" x14ac:dyDescent="0.2">
      <c r="A99" s="8">
        <v>77</v>
      </c>
      <c r="B99" s="35">
        <v>6</v>
      </c>
      <c r="C99" s="13">
        <v>8</v>
      </c>
      <c r="D99" s="12">
        <v>14</v>
      </c>
    </row>
    <row r="100" spans="1:4" ht="18" customHeight="1" x14ac:dyDescent="0.2">
      <c r="A100" s="8">
        <v>78</v>
      </c>
      <c r="B100" s="35">
        <v>10</v>
      </c>
      <c r="C100" s="13">
        <v>11</v>
      </c>
      <c r="D100" s="12">
        <v>21</v>
      </c>
    </row>
    <row r="101" spans="1:4" ht="18" customHeight="1" x14ac:dyDescent="0.2">
      <c r="A101" s="8">
        <v>79</v>
      </c>
      <c r="B101" s="35">
        <v>9</v>
      </c>
      <c r="C101" s="13">
        <v>15</v>
      </c>
      <c r="D101" s="12">
        <v>24</v>
      </c>
    </row>
    <row r="102" spans="1:4" ht="18" customHeight="1" x14ac:dyDescent="0.2">
      <c r="A102" s="8" t="s">
        <v>8</v>
      </c>
      <c r="B102" s="35">
        <v>66</v>
      </c>
      <c r="C102" s="13">
        <v>76</v>
      </c>
      <c r="D102" s="12">
        <v>142</v>
      </c>
    </row>
    <row r="103" spans="1:4" ht="18" customHeight="1" x14ac:dyDescent="0.2">
      <c r="A103" s="8">
        <v>80</v>
      </c>
      <c r="B103" s="35">
        <v>16</v>
      </c>
      <c r="C103" s="13">
        <v>10</v>
      </c>
      <c r="D103" s="12">
        <v>26</v>
      </c>
    </row>
    <row r="104" spans="1:4" ht="18" customHeight="1" x14ac:dyDescent="0.2">
      <c r="A104" s="8">
        <v>81</v>
      </c>
      <c r="B104" s="35">
        <v>16</v>
      </c>
      <c r="C104" s="13">
        <v>11</v>
      </c>
      <c r="D104" s="12">
        <v>27</v>
      </c>
    </row>
    <row r="105" spans="1:4" ht="18" customHeight="1" x14ac:dyDescent="0.2">
      <c r="A105" s="8">
        <v>82</v>
      </c>
      <c r="B105" s="35">
        <v>8</v>
      </c>
      <c r="C105" s="13">
        <v>10</v>
      </c>
      <c r="D105" s="12">
        <v>18</v>
      </c>
    </row>
    <row r="106" spans="1:4" ht="18" customHeight="1" x14ac:dyDescent="0.2">
      <c r="A106" s="8">
        <v>83</v>
      </c>
      <c r="B106" s="35">
        <v>6</v>
      </c>
      <c r="C106" s="13">
        <v>18</v>
      </c>
      <c r="D106" s="12">
        <v>24</v>
      </c>
    </row>
    <row r="107" spans="1:4" ht="18" customHeight="1" x14ac:dyDescent="0.2">
      <c r="A107" s="8">
        <v>84</v>
      </c>
      <c r="B107" s="35">
        <v>5</v>
      </c>
      <c r="C107" s="13">
        <v>8</v>
      </c>
      <c r="D107" s="12">
        <v>13</v>
      </c>
    </row>
    <row r="108" spans="1:4" ht="18" customHeight="1" x14ac:dyDescent="0.2">
      <c r="A108" s="8" t="s">
        <v>7</v>
      </c>
      <c r="B108" s="35">
        <v>51</v>
      </c>
      <c r="C108" s="13">
        <v>57</v>
      </c>
      <c r="D108" s="12">
        <v>108</v>
      </c>
    </row>
    <row r="109" spans="1:4" ht="18" customHeight="1" x14ac:dyDescent="0.2">
      <c r="A109" s="8">
        <v>85</v>
      </c>
      <c r="B109" s="35">
        <v>5</v>
      </c>
      <c r="C109" s="13">
        <v>12</v>
      </c>
      <c r="D109" s="12">
        <v>17</v>
      </c>
    </row>
    <row r="110" spans="1:4" ht="18" customHeight="1" x14ac:dyDescent="0.2">
      <c r="A110" s="8">
        <v>86</v>
      </c>
      <c r="B110" s="35">
        <v>10</v>
      </c>
      <c r="C110" s="13">
        <v>8</v>
      </c>
      <c r="D110" s="12">
        <v>18</v>
      </c>
    </row>
    <row r="111" spans="1:4" ht="18" customHeight="1" x14ac:dyDescent="0.2">
      <c r="A111" s="8">
        <v>87</v>
      </c>
      <c r="B111" s="35">
        <v>4</v>
      </c>
      <c r="C111" s="13">
        <v>7</v>
      </c>
      <c r="D111" s="12">
        <v>11</v>
      </c>
    </row>
    <row r="112" spans="1:4" ht="18" customHeight="1" x14ac:dyDescent="0.2">
      <c r="A112" s="8">
        <v>88</v>
      </c>
      <c r="B112" s="35">
        <v>3</v>
      </c>
      <c r="C112" s="13">
        <v>2</v>
      </c>
      <c r="D112" s="12">
        <v>5</v>
      </c>
    </row>
    <row r="113" spans="1:4" ht="18" customHeight="1" x14ac:dyDescent="0.2">
      <c r="A113" s="8">
        <v>89</v>
      </c>
      <c r="B113" s="35">
        <v>3</v>
      </c>
      <c r="C113" s="13">
        <v>12</v>
      </c>
      <c r="D113" s="12">
        <v>15</v>
      </c>
    </row>
    <row r="114" spans="1:4" ht="18" customHeight="1" x14ac:dyDescent="0.2">
      <c r="A114" s="8" t="s">
        <v>6</v>
      </c>
      <c r="B114" s="35">
        <v>25</v>
      </c>
      <c r="C114" s="13">
        <v>41</v>
      </c>
      <c r="D114" s="12">
        <v>66</v>
      </c>
    </row>
    <row r="115" spans="1:4" ht="18" customHeight="1" x14ac:dyDescent="0.2">
      <c r="A115" s="8">
        <v>90</v>
      </c>
      <c r="B115" s="35">
        <v>0</v>
      </c>
      <c r="C115" s="13">
        <v>10</v>
      </c>
      <c r="D115" s="12">
        <v>10</v>
      </c>
    </row>
    <row r="116" spans="1:4" ht="18" customHeight="1" x14ac:dyDescent="0.2">
      <c r="A116" s="8">
        <v>91</v>
      </c>
      <c r="B116" s="35">
        <v>2</v>
      </c>
      <c r="C116" s="13">
        <v>5</v>
      </c>
      <c r="D116" s="12">
        <v>7</v>
      </c>
    </row>
    <row r="117" spans="1:4" ht="18" customHeight="1" x14ac:dyDescent="0.2">
      <c r="A117" s="8">
        <v>92</v>
      </c>
      <c r="B117" s="35">
        <v>1</v>
      </c>
      <c r="C117" s="13">
        <v>10</v>
      </c>
      <c r="D117" s="12">
        <v>11</v>
      </c>
    </row>
    <row r="118" spans="1:4" ht="18" customHeight="1" x14ac:dyDescent="0.2">
      <c r="A118" s="8">
        <v>93</v>
      </c>
      <c r="B118" s="35">
        <v>1</v>
      </c>
      <c r="C118" s="13">
        <v>8</v>
      </c>
      <c r="D118" s="12">
        <v>9</v>
      </c>
    </row>
    <row r="119" spans="1:4" ht="18" customHeight="1" x14ac:dyDescent="0.2">
      <c r="A119" s="8">
        <v>94</v>
      </c>
      <c r="B119" s="35">
        <v>2</v>
      </c>
      <c r="C119" s="13">
        <v>6</v>
      </c>
      <c r="D119" s="12">
        <v>8</v>
      </c>
    </row>
    <row r="120" spans="1:4" ht="18" customHeight="1" x14ac:dyDescent="0.2">
      <c r="A120" s="8" t="s">
        <v>5</v>
      </c>
      <c r="B120" s="35">
        <v>6</v>
      </c>
      <c r="C120" s="13">
        <v>39</v>
      </c>
      <c r="D120" s="12">
        <v>45</v>
      </c>
    </row>
    <row r="121" spans="1:4" ht="18" customHeight="1" x14ac:dyDescent="0.2">
      <c r="A121" s="8">
        <v>95</v>
      </c>
      <c r="B121" s="35">
        <v>0</v>
      </c>
      <c r="C121" s="13">
        <v>4</v>
      </c>
      <c r="D121" s="12">
        <v>4</v>
      </c>
    </row>
    <row r="122" spans="1:4" ht="18" customHeight="1" x14ac:dyDescent="0.2">
      <c r="A122" s="8">
        <v>96</v>
      </c>
      <c r="B122" s="35">
        <v>1</v>
      </c>
      <c r="C122" s="13">
        <v>3</v>
      </c>
      <c r="D122" s="12">
        <v>4</v>
      </c>
    </row>
    <row r="123" spans="1:4" ht="18" customHeight="1" x14ac:dyDescent="0.2">
      <c r="A123" s="8">
        <v>97</v>
      </c>
      <c r="B123" s="35">
        <v>0</v>
      </c>
      <c r="C123" s="13">
        <v>3</v>
      </c>
      <c r="D123" s="12">
        <v>3</v>
      </c>
    </row>
    <row r="124" spans="1:4" ht="18" customHeight="1" x14ac:dyDescent="0.2">
      <c r="A124" s="8">
        <v>98</v>
      </c>
      <c r="B124" s="35">
        <v>0</v>
      </c>
      <c r="C124" s="13">
        <v>2</v>
      </c>
      <c r="D124" s="12">
        <v>2</v>
      </c>
    </row>
    <row r="125" spans="1:4" ht="18" customHeight="1" x14ac:dyDescent="0.2">
      <c r="A125" s="8">
        <v>99</v>
      </c>
      <c r="B125" s="35">
        <v>0</v>
      </c>
      <c r="C125" s="13">
        <v>0</v>
      </c>
      <c r="D125" s="12">
        <v>0</v>
      </c>
    </row>
    <row r="126" spans="1:4" ht="18" customHeight="1" x14ac:dyDescent="0.2">
      <c r="A126" s="8" t="s">
        <v>4</v>
      </c>
      <c r="B126" s="35">
        <v>1</v>
      </c>
      <c r="C126" s="13">
        <v>12</v>
      </c>
      <c r="D126" s="12">
        <v>13</v>
      </c>
    </row>
    <row r="127" spans="1:4" ht="18" customHeight="1" x14ac:dyDescent="0.2">
      <c r="A127" s="8">
        <v>100</v>
      </c>
      <c r="B127" s="35">
        <v>0</v>
      </c>
      <c r="C127" s="13">
        <v>1</v>
      </c>
      <c r="D127" s="12">
        <v>1</v>
      </c>
    </row>
    <row r="128" spans="1:4" ht="18" customHeight="1" x14ac:dyDescent="0.2">
      <c r="A128" s="15" t="s">
        <v>3</v>
      </c>
      <c r="B128" s="35">
        <v>0</v>
      </c>
      <c r="C128" s="13">
        <v>2</v>
      </c>
      <c r="D128" s="12">
        <v>2</v>
      </c>
    </row>
    <row r="129" spans="1:4" ht="18" customHeight="1" x14ac:dyDescent="0.2">
      <c r="A129" s="8" t="s">
        <v>2</v>
      </c>
      <c r="B129" s="35">
        <v>0</v>
      </c>
      <c r="C129" s="13">
        <v>3</v>
      </c>
      <c r="D129" s="12">
        <v>3</v>
      </c>
    </row>
    <row r="130" spans="1:4" ht="18" customHeight="1" x14ac:dyDescent="0.2">
      <c r="A130" s="8" t="s">
        <v>1</v>
      </c>
      <c r="B130" s="28">
        <v>326</v>
      </c>
      <c r="C130" s="6">
        <v>412</v>
      </c>
      <c r="D130" s="5">
        <v>738</v>
      </c>
    </row>
    <row r="131" spans="1:4" ht="18" customHeight="1" x14ac:dyDescent="0.2">
      <c r="A131" s="4" t="s">
        <v>0</v>
      </c>
      <c r="B131" s="27">
        <v>1071</v>
      </c>
      <c r="C131" s="2">
        <v>1138</v>
      </c>
      <c r="D131" s="1">
        <v>2209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1FA9667-8502-42C7-853F-E528B308A15B}">
  <sheetPr codeName="Sheet8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107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13</v>
      </c>
      <c r="C5" s="45">
        <v>15</v>
      </c>
      <c r="D5" s="44">
        <v>28</v>
      </c>
    </row>
    <row r="6" spans="1:4" ht="18" customHeight="1" x14ac:dyDescent="0.2">
      <c r="A6" s="8">
        <v>1</v>
      </c>
      <c r="B6" s="40">
        <v>11</v>
      </c>
      <c r="C6" s="13">
        <v>17</v>
      </c>
      <c r="D6" s="12">
        <v>28</v>
      </c>
    </row>
    <row r="7" spans="1:4" ht="18" customHeight="1" x14ac:dyDescent="0.2">
      <c r="A7" s="8">
        <v>2</v>
      </c>
      <c r="B7" s="40">
        <v>24</v>
      </c>
      <c r="C7" s="13">
        <v>11</v>
      </c>
      <c r="D7" s="12">
        <v>35</v>
      </c>
    </row>
    <row r="8" spans="1:4" ht="18" customHeight="1" x14ac:dyDescent="0.2">
      <c r="A8" s="8">
        <v>3</v>
      </c>
      <c r="B8" s="40">
        <v>21</v>
      </c>
      <c r="C8" s="13">
        <v>17</v>
      </c>
      <c r="D8" s="12">
        <v>38</v>
      </c>
    </row>
    <row r="9" spans="1:4" ht="18" customHeight="1" x14ac:dyDescent="0.2">
      <c r="A9" s="8">
        <v>4</v>
      </c>
      <c r="B9" s="43">
        <v>25</v>
      </c>
      <c r="C9" s="42">
        <v>22</v>
      </c>
      <c r="D9" s="41">
        <v>47</v>
      </c>
    </row>
    <row r="10" spans="1:4" ht="18" customHeight="1" x14ac:dyDescent="0.2">
      <c r="A10" s="8" t="s">
        <v>25</v>
      </c>
      <c r="B10" s="35">
        <v>94</v>
      </c>
      <c r="C10" s="13">
        <v>82</v>
      </c>
      <c r="D10" s="12">
        <v>176</v>
      </c>
    </row>
    <row r="11" spans="1:4" ht="18" customHeight="1" x14ac:dyDescent="0.2">
      <c r="A11" s="8">
        <v>5</v>
      </c>
      <c r="B11" s="40">
        <v>25</v>
      </c>
      <c r="C11" s="13">
        <v>18</v>
      </c>
      <c r="D11" s="12">
        <v>43</v>
      </c>
    </row>
    <row r="12" spans="1:4" ht="18" customHeight="1" x14ac:dyDescent="0.2">
      <c r="A12" s="8">
        <v>6</v>
      </c>
      <c r="B12" s="40">
        <v>11</v>
      </c>
      <c r="C12" s="13">
        <v>12</v>
      </c>
      <c r="D12" s="12">
        <v>23</v>
      </c>
    </row>
    <row r="13" spans="1:4" ht="18" customHeight="1" x14ac:dyDescent="0.2">
      <c r="A13" s="8">
        <v>7</v>
      </c>
      <c r="B13" s="40">
        <v>20</v>
      </c>
      <c r="C13" s="13">
        <v>16</v>
      </c>
      <c r="D13" s="12">
        <v>36</v>
      </c>
    </row>
    <row r="14" spans="1:4" ht="18" customHeight="1" x14ac:dyDescent="0.2">
      <c r="A14" s="8">
        <v>8</v>
      </c>
      <c r="B14" s="40">
        <v>22</v>
      </c>
      <c r="C14" s="13">
        <v>15</v>
      </c>
      <c r="D14" s="12">
        <v>37</v>
      </c>
    </row>
    <row r="15" spans="1:4" ht="18" customHeight="1" x14ac:dyDescent="0.2">
      <c r="A15" s="8">
        <v>9</v>
      </c>
      <c r="B15" s="40">
        <v>21</v>
      </c>
      <c r="C15" s="13">
        <v>13</v>
      </c>
      <c r="D15" s="12">
        <v>34</v>
      </c>
    </row>
    <row r="16" spans="1:4" ht="18" customHeight="1" x14ac:dyDescent="0.2">
      <c r="A16" s="8" t="s">
        <v>24</v>
      </c>
      <c r="B16" s="35">
        <v>99</v>
      </c>
      <c r="C16" s="13">
        <v>74</v>
      </c>
      <c r="D16" s="12">
        <v>173</v>
      </c>
    </row>
    <row r="17" spans="1:4" ht="18" customHeight="1" x14ac:dyDescent="0.2">
      <c r="A17" s="8">
        <v>10</v>
      </c>
      <c r="B17" s="35">
        <v>18</v>
      </c>
      <c r="C17" s="13">
        <v>14</v>
      </c>
      <c r="D17" s="12">
        <v>32</v>
      </c>
    </row>
    <row r="18" spans="1:4" ht="18" customHeight="1" x14ac:dyDescent="0.2">
      <c r="A18" s="8">
        <v>11</v>
      </c>
      <c r="B18" s="35">
        <v>12</v>
      </c>
      <c r="C18" s="13">
        <v>13</v>
      </c>
      <c r="D18" s="12">
        <v>25</v>
      </c>
    </row>
    <row r="19" spans="1:4" ht="18" customHeight="1" x14ac:dyDescent="0.2">
      <c r="A19" s="8">
        <v>12</v>
      </c>
      <c r="B19" s="35">
        <v>13</v>
      </c>
      <c r="C19" s="13">
        <v>17</v>
      </c>
      <c r="D19" s="12">
        <v>30</v>
      </c>
    </row>
    <row r="20" spans="1:4" ht="18" customHeight="1" x14ac:dyDescent="0.2">
      <c r="A20" s="8">
        <v>13</v>
      </c>
      <c r="B20" s="35">
        <v>14</v>
      </c>
      <c r="C20" s="13">
        <v>23</v>
      </c>
      <c r="D20" s="12">
        <v>37</v>
      </c>
    </row>
    <row r="21" spans="1:4" ht="18" customHeight="1" x14ac:dyDescent="0.2">
      <c r="A21" s="8">
        <v>14</v>
      </c>
      <c r="B21" s="35">
        <v>15</v>
      </c>
      <c r="C21" s="13">
        <v>17</v>
      </c>
      <c r="D21" s="12">
        <v>32</v>
      </c>
    </row>
    <row r="22" spans="1:4" ht="18" customHeight="1" x14ac:dyDescent="0.2">
      <c r="A22" s="8" t="s">
        <v>23</v>
      </c>
      <c r="B22" s="35">
        <v>72</v>
      </c>
      <c r="C22" s="13">
        <v>84</v>
      </c>
      <c r="D22" s="12">
        <v>156</v>
      </c>
    </row>
    <row r="23" spans="1:4" ht="18" customHeight="1" x14ac:dyDescent="0.2">
      <c r="A23" s="8" t="s">
        <v>22</v>
      </c>
      <c r="B23" s="35">
        <v>265</v>
      </c>
      <c r="C23" s="13">
        <v>240</v>
      </c>
      <c r="D23" s="12">
        <v>505</v>
      </c>
    </row>
    <row r="24" spans="1:4" ht="18" customHeight="1" x14ac:dyDescent="0.2">
      <c r="A24" s="8">
        <v>15</v>
      </c>
      <c r="B24" s="35">
        <v>17</v>
      </c>
      <c r="C24" s="13">
        <v>15</v>
      </c>
      <c r="D24" s="12">
        <v>32</v>
      </c>
    </row>
    <row r="25" spans="1:4" ht="18" customHeight="1" x14ac:dyDescent="0.2">
      <c r="A25" s="8">
        <v>16</v>
      </c>
      <c r="B25" s="35">
        <v>19</v>
      </c>
      <c r="C25" s="13">
        <v>13</v>
      </c>
      <c r="D25" s="12">
        <v>32</v>
      </c>
    </row>
    <row r="26" spans="1:4" ht="18" customHeight="1" x14ac:dyDescent="0.2">
      <c r="A26" s="8">
        <v>17</v>
      </c>
      <c r="B26" s="35">
        <v>14</v>
      </c>
      <c r="C26" s="13">
        <v>14</v>
      </c>
      <c r="D26" s="12">
        <v>28</v>
      </c>
    </row>
    <row r="27" spans="1:4" ht="18" customHeight="1" x14ac:dyDescent="0.2">
      <c r="A27" s="8">
        <v>18</v>
      </c>
      <c r="B27" s="35">
        <v>21</v>
      </c>
      <c r="C27" s="13">
        <v>8</v>
      </c>
      <c r="D27" s="12">
        <v>29</v>
      </c>
    </row>
    <row r="28" spans="1:4" ht="18" customHeight="1" x14ac:dyDescent="0.2">
      <c r="A28" s="8">
        <v>19</v>
      </c>
      <c r="B28" s="35">
        <v>15</v>
      </c>
      <c r="C28" s="13">
        <v>11</v>
      </c>
      <c r="D28" s="12">
        <v>26</v>
      </c>
    </row>
    <row r="29" spans="1:4" ht="18" customHeight="1" x14ac:dyDescent="0.2">
      <c r="A29" s="8" t="s">
        <v>21</v>
      </c>
      <c r="B29" s="35">
        <v>86</v>
      </c>
      <c r="C29" s="13">
        <v>61</v>
      </c>
      <c r="D29" s="12">
        <v>147</v>
      </c>
    </row>
    <row r="30" spans="1:4" ht="18" customHeight="1" x14ac:dyDescent="0.2">
      <c r="A30" s="8">
        <v>20</v>
      </c>
      <c r="B30" s="35">
        <v>23</v>
      </c>
      <c r="C30" s="13">
        <v>15</v>
      </c>
      <c r="D30" s="12">
        <v>38</v>
      </c>
    </row>
    <row r="31" spans="1:4" ht="18" customHeight="1" x14ac:dyDescent="0.2">
      <c r="A31" s="8">
        <v>21</v>
      </c>
      <c r="B31" s="35">
        <v>16</v>
      </c>
      <c r="C31" s="13">
        <v>18</v>
      </c>
      <c r="D31" s="12">
        <v>34</v>
      </c>
    </row>
    <row r="32" spans="1:4" ht="18" customHeight="1" x14ac:dyDescent="0.2">
      <c r="A32" s="8">
        <v>22</v>
      </c>
      <c r="B32" s="35">
        <v>15</v>
      </c>
      <c r="C32" s="13">
        <v>14</v>
      </c>
      <c r="D32" s="12">
        <v>29</v>
      </c>
    </row>
    <row r="33" spans="1:4" ht="18" customHeight="1" x14ac:dyDescent="0.2">
      <c r="A33" s="8">
        <v>23</v>
      </c>
      <c r="B33" s="35">
        <v>5</v>
      </c>
      <c r="C33" s="13">
        <v>22</v>
      </c>
      <c r="D33" s="12">
        <v>27</v>
      </c>
    </row>
    <row r="34" spans="1:4" ht="18" customHeight="1" x14ac:dyDescent="0.2">
      <c r="A34" s="8">
        <v>24</v>
      </c>
      <c r="B34" s="35">
        <v>14</v>
      </c>
      <c r="C34" s="13">
        <v>20</v>
      </c>
      <c r="D34" s="12">
        <v>34</v>
      </c>
    </row>
    <row r="35" spans="1:4" ht="18" customHeight="1" x14ac:dyDescent="0.2">
      <c r="A35" s="8" t="s">
        <v>20</v>
      </c>
      <c r="B35" s="35">
        <v>73</v>
      </c>
      <c r="C35" s="13">
        <v>89</v>
      </c>
      <c r="D35" s="12">
        <v>162</v>
      </c>
    </row>
    <row r="36" spans="1:4" ht="18" customHeight="1" x14ac:dyDescent="0.2">
      <c r="A36" s="8">
        <v>25</v>
      </c>
      <c r="B36" s="35">
        <v>7</v>
      </c>
      <c r="C36" s="13">
        <v>15</v>
      </c>
      <c r="D36" s="12">
        <v>22</v>
      </c>
    </row>
    <row r="37" spans="1:4" ht="18" customHeight="1" x14ac:dyDescent="0.2">
      <c r="A37" s="8">
        <v>26</v>
      </c>
      <c r="B37" s="35">
        <v>18</v>
      </c>
      <c r="C37" s="13">
        <v>20</v>
      </c>
      <c r="D37" s="12">
        <v>38</v>
      </c>
    </row>
    <row r="38" spans="1:4" ht="18" customHeight="1" x14ac:dyDescent="0.2">
      <c r="A38" s="8">
        <v>27</v>
      </c>
      <c r="B38" s="35">
        <v>18</v>
      </c>
      <c r="C38" s="13">
        <v>14</v>
      </c>
      <c r="D38" s="12">
        <v>32</v>
      </c>
    </row>
    <row r="39" spans="1:4" ht="18" customHeight="1" x14ac:dyDescent="0.2">
      <c r="A39" s="8">
        <v>28</v>
      </c>
      <c r="B39" s="35">
        <v>23</v>
      </c>
      <c r="C39" s="13">
        <v>27</v>
      </c>
      <c r="D39" s="12">
        <v>50</v>
      </c>
    </row>
    <row r="40" spans="1:4" ht="18" customHeight="1" x14ac:dyDescent="0.2">
      <c r="A40" s="8">
        <v>29</v>
      </c>
      <c r="B40" s="35">
        <v>15</v>
      </c>
      <c r="C40" s="13">
        <v>20</v>
      </c>
      <c r="D40" s="12">
        <v>35</v>
      </c>
    </row>
    <row r="41" spans="1:4" ht="18" customHeight="1" x14ac:dyDescent="0.2">
      <c r="A41" s="8" t="s">
        <v>19</v>
      </c>
      <c r="B41" s="35">
        <v>81</v>
      </c>
      <c r="C41" s="13">
        <v>96</v>
      </c>
      <c r="D41" s="12">
        <v>177</v>
      </c>
    </row>
    <row r="42" spans="1:4" ht="18" customHeight="1" x14ac:dyDescent="0.2">
      <c r="A42" s="8">
        <v>30</v>
      </c>
      <c r="B42" s="35">
        <v>18</v>
      </c>
      <c r="C42" s="13">
        <v>21</v>
      </c>
      <c r="D42" s="12">
        <v>39</v>
      </c>
    </row>
    <row r="43" spans="1:4" ht="18" customHeight="1" x14ac:dyDescent="0.2">
      <c r="A43" s="8">
        <v>31</v>
      </c>
      <c r="B43" s="35">
        <v>16</v>
      </c>
      <c r="C43" s="13">
        <v>24</v>
      </c>
      <c r="D43" s="12">
        <v>40</v>
      </c>
    </row>
    <row r="44" spans="1:4" ht="18" customHeight="1" x14ac:dyDescent="0.2">
      <c r="A44" s="8">
        <v>32</v>
      </c>
      <c r="B44" s="35">
        <v>20</v>
      </c>
      <c r="C44" s="13">
        <v>16</v>
      </c>
      <c r="D44" s="12">
        <v>36</v>
      </c>
    </row>
    <row r="45" spans="1:4" ht="18" customHeight="1" x14ac:dyDescent="0.2">
      <c r="A45" s="8">
        <v>33</v>
      </c>
      <c r="B45" s="35">
        <v>25</v>
      </c>
      <c r="C45" s="13">
        <v>22</v>
      </c>
      <c r="D45" s="12">
        <v>47</v>
      </c>
    </row>
    <row r="46" spans="1:4" ht="18" customHeight="1" x14ac:dyDescent="0.2">
      <c r="A46" s="8">
        <v>34</v>
      </c>
      <c r="B46" s="35">
        <v>27</v>
      </c>
      <c r="C46" s="13">
        <v>20</v>
      </c>
      <c r="D46" s="12">
        <v>47</v>
      </c>
    </row>
    <row r="47" spans="1:4" ht="18" customHeight="1" x14ac:dyDescent="0.2">
      <c r="A47" s="8" t="s">
        <v>18</v>
      </c>
      <c r="B47" s="35">
        <v>106</v>
      </c>
      <c r="C47" s="13">
        <v>103</v>
      </c>
      <c r="D47" s="12">
        <v>209</v>
      </c>
    </row>
    <row r="48" spans="1:4" ht="18" customHeight="1" x14ac:dyDescent="0.2">
      <c r="A48" s="8">
        <v>35</v>
      </c>
      <c r="B48" s="35">
        <v>21</v>
      </c>
      <c r="C48" s="13">
        <v>20</v>
      </c>
      <c r="D48" s="12">
        <v>41</v>
      </c>
    </row>
    <row r="49" spans="1:4" ht="18" customHeight="1" x14ac:dyDescent="0.2">
      <c r="A49" s="8">
        <v>36</v>
      </c>
      <c r="B49" s="35">
        <v>33</v>
      </c>
      <c r="C49" s="13">
        <v>23</v>
      </c>
      <c r="D49" s="12">
        <v>56</v>
      </c>
    </row>
    <row r="50" spans="1:4" ht="18" customHeight="1" x14ac:dyDescent="0.2">
      <c r="A50" s="8">
        <v>37</v>
      </c>
      <c r="B50" s="35">
        <v>23</v>
      </c>
      <c r="C50" s="13">
        <v>26</v>
      </c>
      <c r="D50" s="12">
        <v>49</v>
      </c>
    </row>
    <row r="51" spans="1:4" ht="18" customHeight="1" x14ac:dyDescent="0.2">
      <c r="A51" s="8">
        <v>38</v>
      </c>
      <c r="B51" s="35">
        <v>21</v>
      </c>
      <c r="C51" s="13">
        <v>29</v>
      </c>
      <c r="D51" s="12">
        <v>50</v>
      </c>
    </row>
    <row r="52" spans="1:4" ht="18" customHeight="1" x14ac:dyDescent="0.2">
      <c r="A52" s="8">
        <v>39</v>
      </c>
      <c r="B52" s="35">
        <v>21</v>
      </c>
      <c r="C52" s="13">
        <v>13</v>
      </c>
      <c r="D52" s="12">
        <v>34</v>
      </c>
    </row>
    <row r="53" spans="1:4" ht="18" customHeight="1" x14ac:dyDescent="0.2">
      <c r="A53" s="8" t="s">
        <v>17</v>
      </c>
      <c r="B53" s="35">
        <v>119</v>
      </c>
      <c r="C53" s="13">
        <v>111</v>
      </c>
      <c r="D53" s="12">
        <v>230</v>
      </c>
    </row>
    <row r="54" spans="1:4" ht="18" customHeight="1" x14ac:dyDescent="0.2">
      <c r="A54" s="8">
        <v>40</v>
      </c>
      <c r="B54" s="35">
        <v>29</v>
      </c>
      <c r="C54" s="13">
        <v>27</v>
      </c>
      <c r="D54" s="12">
        <v>56</v>
      </c>
    </row>
    <row r="55" spans="1:4" ht="18" customHeight="1" x14ac:dyDescent="0.2">
      <c r="A55" s="8">
        <v>41</v>
      </c>
      <c r="B55" s="35">
        <v>24</v>
      </c>
      <c r="C55" s="13">
        <v>27</v>
      </c>
      <c r="D55" s="12">
        <v>51</v>
      </c>
    </row>
    <row r="56" spans="1:4" ht="18" customHeight="1" x14ac:dyDescent="0.2">
      <c r="A56" s="8">
        <v>42</v>
      </c>
      <c r="B56" s="35">
        <v>26</v>
      </c>
      <c r="C56" s="13">
        <v>17</v>
      </c>
      <c r="D56" s="12">
        <v>43</v>
      </c>
    </row>
    <row r="57" spans="1:4" ht="18" customHeight="1" x14ac:dyDescent="0.2">
      <c r="A57" s="8">
        <v>43</v>
      </c>
      <c r="B57" s="35">
        <v>25</v>
      </c>
      <c r="C57" s="13">
        <v>31</v>
      </c>
      <c r="D57" s="12">
        <v>56</v>
      </c>
    </row>
    <row r="58" spans="1:4" ht="18" customHeight="1" x14ac:dyDescent="0.2">
      <c r="A58" s="8">
        <v>44</v>
      </c>
      <c r="B58" s="35">
        <v>31</v>
      </c>
      <c r="C58" s="13">
        <v>26</v>
      </c>
      <c r="D58" s="12">
        <v>57</v>
      </c>
    </row>
    <row r="59" spans="1:4" ht="18" customHeight="1" x14ac:dyDescent="0.2">
      <c r="A59" s="8" t="s">
        <v>16</v>
      </c>
      <c r="B59" s="35">
        <v>135</v>
      </c>
      <c r="C59" s="13">
        <v>128</v>
      </c>
      <c r="D59" s="12">
        <v>263</v>
      </c>
    </row>
    <row r="60" spans="1:4" ht="18" customHeight="1" x14ac:dyDescent="0.2">
      <c r="A60" s="8">
        <v>45</v>
      </c>
      <c r="B60" s="35">
        <v>42</v>
      </c>
      <c r="C60" s="13">
        <v>25</v>
      </c>
      <c r="D60" s="12">
        <v>67</v>
      </c>
    </row>
    <row r="61" spans="1:4" ht="18" customHeight="1" x14ac:dyDescent="0.2">
      <c r="A61" s="8">
        <v>46</v>
      </c>
      <c r="B61" s="35">
        <v>28</v>
      </c>
      <c r="C61" s="13">
        <v>25</v>
      </c>
      <c r="D61" s="12">
        <v>53</v>
      </c>
    </row>
    <row r="62" spans="1:4" ht="18" customHeight="1" x14ac:dyDescent="0.2">
      <c r="A62" s="8">
        <v>47</v>
      </c>
      <c r="B62" s="35">
        <v>35</v>
      </c>
      <c r="C62" s="13">
        <v>28</v>
      </c>
      <c r="D62" s="12">
        <v>63</v>
      </c>
    </row>
    <row r="63" spans="1:4" ht="18" customHeight="1" x14ac:dyDescent="0.2">
      <c r="A63" s="8">
        <v>48</v>
      </c>
      <c r="B63" s="35">
        <v>31</v>
      </c>
      <c r="C63" s="13">
        <v>36</v>
      </c>
      <c r="D63" s="12">
        <v>67</v>
      </c>
    </row>
    <row r="64" spans="1:4" ht="18" customHeight="1" x14ac:dyDescent="0.2">
      <c r="A64" s="8">
        <v>49</v>
      </c>
      <c r="B64" s="35">
        <v>37</v>
      </c>
      <c r="C64" s="13">
        <v>37</v>
      </c>
      <c r="D64" s="12">
        <v>74</v>
      </c>
    </row>
    <row r="65" spans="1:4" ht="18" customHeight="1" x14ac:dyDescent="0.2">
      <c r="A65" s="8" t="s">
        <v>15</v>
      </c>
      <c r="B65" s="35">
        <v>173</v>
      </c>
      <c r="C65" s="13">
        <v>151</v>
      </c>
      <c r="D65" s="12">
        <v>324</v>
      </c>
    </row>
    <row r="66" spans="1:4" ht="18" customHeight="1" x14ac:dyDescent="0.2">
      <c r="A66" s="8">
        <v>50</v>
      </c>
      <c r="B66" s="35">
        <v>21</v>
      </c>
      <c r="C66" s="13">
        <v>16</v>
      </c>
      <c r="D66" s="12">
        <v>37</v>
      </c>
    </row>
    <row r="67" spans="1:4" ht="18" customHeight="1" x14ac:dyDescent="0.2">
      <c r="A67" s="8">
        <v>51</v>
      </c>
      <c r="B67" s="35">
        <v>21</v>
      </c>
      <c r="C67" s="13">
        <v>19</v>
      </c>
      <c r="D67" s="12">
        <v>40</v>
      </c>
    </row>
    <row r="68" spans="1:4" ht="18" customHeight="1" x14ac:dyDescent="0.2">
      <c r="A68" s="8">
        <v>52</v>
      </c>
      <c r="B68" s="35">
        <v>12</v>
      </c>
      <c r="C68" s="13">
        <v>21</v>
      </c>
      <c r="D68" s="12">
        <v>33</v>
      </c>
    </row>
    <row r="69" spans="1:4" ht="18" customHeight="1" x14ac:dyDescent="0.2">
      <c r="A69" s="8">
        <v>53</v>
      </c>
      <c r="B69" s="35">
        <v>25</v>
      </c>
      <c r="C69" s="13">
        <v>23</v>
      </c>
      <c r="D69" s="12">
        <v>48</v>
      </c>
    </row>
    <row r="70" spans="1:4" ht="18" customHeight="1" x14ac:dyDescent="0.2">
      <c r="A70" s="8">
        <v>54</v>
      </c>
      <c r="B70" s="35">
        <v>17</v>
      </c>
      <c r="C70" s="13">
        <v>24</v>
      </c>
      <c r="D70" s="12">
        <v>41</v>
      </c>
    </row>
    <row r="71" spans="1:4" ht="18" customHeight="1" x14ac:dyDescent="0.2">
      <c r="A71" s="8" t="s">
        <v>14</v>
      </c>
      <c r="B71" s="35">
        <v>96</v>
      </c>
      <c r="C71" s="13">
        <v>103</v>
      </c>
      <c r="D71" s="12">
        <v>199</v>
      </c>
    </row>
    <row r="72" spans="1:4" ht="18" customHeight="1" x14ac:dyDescent="0.2">
      <c r="A72" s="8">
        <v>55</v>
      </c>
      <c r="B72" s="35">
        <v>13</v>
      </c>
      <c r="C72" s="13">
        <v>19</v>
      </c>
      <c r="D72" s="12">
        <v>32</v>
      </c>
    </row>
    <row r="73" spans="1:4" ht="18" customHeight="1" x14ac:dyDescent="0.2">
      <c r="A73" s="8">
        <v>56</v>
      </c>
      <c r="B73" s="35">
        <v>23</v>
      </c>
      <c r="C73" s="13">
        <v>12</v>
      </c>
      <c r="D73" s="12">
        <v>35</v>
      </c>
    </row>
    <row r="74" spans="1:4" ht="18" customHeight="1" x14ac:dyDescent="0.2">
      <c r="A74" s="8">
        <v>57</v>
      </c>
      <c r="B74" s="35">
        <v>17</v>
      </c>
      <c r="C74" s="13">
        <v>20</v>
      </c>
      <c r="D74" s="12">
        <v>37</v>
      </c>
    </row>
    <row r="75" spans="1:4" ht="18" customHeight="1" x14ac:dyDescent="0.2">
      <c r="A75" s="8">
        <v>58</v>
      </c>
      <c r="B75" s="35">
        <v>19</v>
      </c>
      <c r="C75" s="13">
        <v>13</v>
      </c>
      <c r="D75" s="12">
        <v>32</v>
      </c>
    </row>
    <row r="76" spans="1:4" ht="18" customHeight="1" x14ac:dyDescent="0.2">
      <c r="A76" s="8">
        <v>59</v>
      </c>
      <c r="B76" s="35">
        <v>16</v>
      </c>
      <c r="C76" s="13">
        <v>20</v>
      </c>
      <c r="D76" s="12">
        <v>36</v>
      </c>
    </row>
    <row r="77" spans="1:4" ht="18" customHeight="1" x14ac:dyDescent="0.2">
      <c r="A77" s="8" t="s">
        <v>13</v>
      </c>
      <c r="B77" s="35">
        <v>88</v>
      </c>
      <c r="C77" s="13">
        <v>84</v>
      </c>
      <c r="D77" s="12">
        <v>172</v>
      </c>
    </row>
    <row r="78" spans="1:4" ht="18" customHeight="1" x14ac:dyDescent="0.2">
      <c r="A78" s="8">
        <v>60</v>
      </c>
      <c r="B78" s="35">
        <v>23</v>
      </c>
      <c r="C78" s="13">
        <v>21</v>
      </c>
      <c r="D78" s="12">
        <v>44</v>
      </c>
    </row>
    <row r="79" spans="1:4" ht="18" customHeight="1" x14ac:dyDescent="0.2">
      <c r="A79" s="8">
        <v>61</v>
      </c>
      <c r="B79" s="35">
        <v>13</v>
      </c>
      <c r="C79" s="13">
        <v>17</v>
      </c>
      <c r="D79" s="12">
        <v>30</v>
      </c>
    </row>
    <row r="80" spans="1:4" ht="18" customHeight="1" x14ac:dyDescent="0.2">
      <c r="A80" s="8">
        <v>62</v>
      </c>
      <c r="B80" s="35">
        <v>21</v>
      </c>
      <c r="C80" s="13">
        <v>22</v>
      </c>
      <c r="D80" s="12">
        <v>43</v>
      </c>
    </row>
    <row r="81" spans="1:4" ht="18" customHeight="1" x14ac:dyDescent="0.2">
      <c r="A81" s="8">
        <v>63</v>
      </c>
      <c r="B81" s="35">
        <v>13</v>
      </c>
      <c r="C81" s="13">
        <v>23</v>
      </c>
      <c r="D81" s="12">
        <v>36</v>
      </c>
    </row>
    <row r="82" spans="1:4" ht="18" customHeight="1" x14ac:dyDescent="0.2">
      <c r="A82" s="8">
        <v>64</v>
      </c>
      <c r="B82" s="35">
        <v>13</v>
      </c>
      <c r="C82" s="13">
        <v>16</v>
      </c>
      <c r="D82" s="12">
        <v>29</v>
      </c>
    </row>
    <row r="83" spans="1:4" ht="18" customHeight="1" x14ac:dyDescent="0.2">
      <c r="A83" s="8" t="s">
        <v>12</v>
      </c>
      <c r="B83" s="35">
        <v>83</v>
      </c>
      <c r="C83" s="13">
        <v>99</v>
      </c>
      <c r="D83" s="12">
        <v>182</v>
      </c>
    </row>
    <row r="84" spans="1:4" ht="18" customHeight="1" x14ac:dyDescent="0.2">
      <c r="A84" s="8" t="s">
        <v>11</v>
      </c>
      <c r="B84" s="35">
        <v>1040</v>
      </c>
      <c r="C84" s="13">
        <v>1025</v>
      </c>
      <c r="D84" s="12">
        <v>2065</v>
      </c>
    </row>
    <row r="85" spans="1:4" ht="18" customHeight="1" x14ac:dyDescent="0.2">
      <c r="A85" s="8">
        <v>65</v>
      </c>
      <c r="B85" s="35">
        <v>12</v>
      </c>
      <c r="C85" s="13">
        <v>36</v>
      </c>
      <c r="D85" s="12">
        <v>48</v>
      </c>
    </row>
    <row r="86" spans="1:4" ht="18" customHeight="1" x14ac:dyDescent="0.2">
      <c r="A86" s="8">
        <v>66</v>
      </c>
      <c r="B86" s="35">
        <v>20</v>
      </c>
      <c r="C86" s="13">
        <v>19</v>
      </c>
      <c r="D86" s="12">
        <v>39</v>
      </c>
    </row>
    <row r="87" spans="1:4" ht="18" customHeight="1" x14ac:dyDescent="0.2">
      <c r="A87" s="8">
        <v>67</v>
      </c>
      <c r="B87" s="35">
        <v>21</v>
      </c>
      <c r="C87" s="13">
        <v>23</v>
      </c>
      <c r="D87" s="12">
        <v>44</v>
      </c>
    </row>
    <row r="88" spans="1:4" ht="18" customHeight="1" x14ac:dyDescent="0.2">
      <c r="A88" s="8">
        <v>68</v>
      </c>
      <c r="B88" s="35">
        <v>22</v>
      </c>
      <c r="C88" s="13">
        <v>27</v>
      </c>
      <c r="D88" s="12">
        <v>49</v>
      </c>
    </row>
    <row r="89" spans="1:4" ht="18" customHeight="1" x14ac:dyDescent="0.2">
      <c r="A89" s="8">
        <v>69</v>
      </c>
      <c r="B89" s="35">
        <v>23</v>
      </c>
      <c r="C89" s="13">
        <v>25</v>
      </c>
      <c r="D89" s="12">
        <v>48</v>
      </c>
    </row>
    <row r="90" spans="1:4" ht="18" customHeight="1" x14ac:dyDescent="0.2">
      <c r="A90" s="8" t="s">
        <v>10</v>
      </c>
      <c r="B90" s="35">
        <v>98</v>
      </c>
      <c r="C90" s="13">
        <v>130</v>
      </c>
      <c r="D90" s="12">
        <v>228</v>
      </c>
    </row>
    <row r="91" spans="1:4" ht="18" customHeight="1" x14ac:dyDescent="0.2">
      <c r="A91" s="8">
        <v>70</v>
      </c>
      <c r="B91" s="35">
        <v>32</v>
      </c>
      <c r="C91" s="13">
        <v>26</v>
      </c>
      <c r="D91" s="12">
        <v>58</v>
      </c>
    </row>
    <row r="92" spans="1:4" ht="18" customHeight="1" x14ac:dyDescent="0.2">
      <c r="A92" s="8">
        <v>71</v>
      </c>
      <c r="B92" s="35">
        <v>24</v>
      </c>
      <c r="C92" s="13">
        <v>41</v>
      </c>
      <c r="D92" s="12">
        <v>65</v>
      </c>
    </row>
    <row r="93" spans="1:4" ht="18" customHeight="1" x14ac:dyDescent="0.2">
      <c r="A93" s="8">
        <v>72</v>
      </c>
      <c r="B93" s="35">
        <v>34</v>
      </c>
      <c r="C93" s="13">
        <v>26</v>
      </c>
      <c r="D93" s="12">
        <v>60</v>
      </c>
    </row>
    <row r="94" spans="1:4" ht="18" customHeight="1" x14ac:dyDescent="0.2">
      <c r="A94" s="8">
        <v>73</v>
      </c>
      <c r="B94" s="35">
        <v>31</v>
      </c>
      <c r="C94" s="13">
        <v>33</v>
      </c>
      <c r="D94" s="12">
        <v>64</v>
      </c>
    </row>
    <row r="95" spans="1:4" ht="18" customHeight="1" x14ac:dyDescent="0.2">
      <c r="A95" s="8">
        <v>74</v>
      </c>
      <c r="B95" s="35">
        <v>39</v>
      </c>
      <c r="C95" s="13">
        <v>41</v>
      </c>
      <c r="D95" s="12">
        <v>80</v>
      </c>
    </row>
    <row r="96" spans="1:4" ht="18" customHeight="1" x14ac:dyDescent="0.2">
      <c r="A96" s="8" t="s">
        <v>9</v>
      </c>
      <c r="B96" s="35">
        <v>160</v>
      </c>
      <c r="C96" s="13">
        <v>167</v>
      </c>
      <c r="D96" s="12">
        <v>327</v>
      </c>
    </row>
    <row r="97" spans="1:4" ht="18" customHeight="1" x14ac:dyDescent="0.2">
      <c r="A97" s="8">
        <v>75</v>
      </c>
      <c r="B97" s="35">
        <v>32</v>
      </c>
      <c r="C97" s="13">
        <v>29</v>
      </c>
      <c r="D97" s="12">
        <v>61</v>
      </c>
    </row>
    <row r="98" spans="1:4" ht="18" customHeight="1" x14ac:dyDescent="0.2">
      <c r="A98" s="8">
        <v>76</v>
      </c>
      <c r="B98" s="35">
        <v>29</v>
      </c>
      <c r="C98" s="13">
        <v>31</v>
      </c>
      <c r="D98" s="12">
        <v>60</v>
      </c>
    </row>
    <row r="99" spans="1:4" ht="18" customHeight="1" x14ac:dyDescent="0.2">
      <c r="A99" s="8">
        <v>77</v>
      </c>
      <c r="B99" s="35">
        <v>11</v>
      </c>
      <c r="C99" s="13">
        <v>15</v>
      </c>
      <c r="D99" s="12">
        <v>26</v>
      </c>
    </row>
    <row r="100" spans="1:4" ht="18" customHeight="1" x14ac:dyDescent="0.2">
      <c r="A100" s="8">
        <v>78</v>
      </c>
      <c r="B100" s="35">
        <v>17</v>
      </c>
      <c r="C100" s="13">
        <v>15</v>
      </c>
      <c r="D100" s="12">
        <v>32</v>
      </c>
    </row>
    <row r="101" spans="1:4" ht="18" customHeight="1" x14ac:dyDescent="0.2">
      <c r="A101" s="8">
        <v>79</v>
      </c>
      <c r="B101" s="35">
        <v>18</v>
      </c>
      <c r="C101" s="13">
        <v>20</v>
      </c>
      <c r="D101" s="12">
        <v>38</v>
      </c>
    </row>
    <row r="102" spans="1:4" ht="18" customHeight="1" x14ac:dyDescent="0.2">
      <c r="A102" s="8" t="s">
        <v>8</v>
      </c>
      <c r="B102" s="35">
        <v>107</v>
      </c>
      <c r="C102" s="13">
        <v>110</v>
      </c>
      <c r="D102" s="12">
        <v>217</v>
      </c>
    </row>
    <row r="103" spans="1:4" ht="18" customHeight="1" x14ac:dyDescent="0.2">
      <c r="A103" s="8">
        <v>80</v>
      </c>
      <c r="B103" s="35">
        <v>18</v>
      </c>
      <c r="C103" s="13">
        <v>18</v>
      </c>
      <c r="D103" s="12">
        <v>36</v>
      </c>
    </row>
    <row r="104" spans="1:4" ht="18" customHeight="1" x14ac:dyDescent="0.2">
      <c r="A104" s="8">
        <v>81</v>
      </c>
      <c r="B104" s="35">
        <v>14</v>
      </c>
      <c r="C104" s="13">
        <v>16</v>
      </c>
      <c r="D104" s="12">
        <v>30</v>
      </c>
    </row>
    <row r="105" spans="1:4" ht="18" customHeight="1" x14ac:dyDescent="0.2">
      <c r="A105" s="8">
        <v>82</v>
      </c>
      <c r="B105" s="35">
        <v>17</v>
      </c>
      <c r="C105" s="13">
        <v>14</v>
      </c>
      <c r="D105" s="12">
        <v>31</v>
      </c>
    </row>
    <row r="106" spans="1:4" ht="18" customHeight="1" x14ac:dyDescent="0.2">
      <c r="A106" s="8">
        <v>83</v>
      </c>
      <c r="B106" s="35">
        <v>11</v>
      </c>
      <c r="C106" s="13">
        <v>17</v>
      </c>
      <c r="D106" s="12">
        <v>28</v>
      </c>
    </row>
    <row r="107" spans="1:4" ht="18" customHeight="1" x14ac:dyDescent="0.2">
      <c r="A107" s="8">
        <v>84</v>
      </c>
      <c r="B107" s="35">
        <v>6</v>
      </c>
      <c r="C107" s="13">
        <v>13</v>
      </c>
      <c r="D107" s="12">
        <v>19</v>
      </c>
    </row>
    <row r="108" spans="1:4" ht="18" customHeight="1" x14ac:dyDescent="0.2">
      <c r="A108" s="8" t="s">
        <v>7</v>
      </c>
      <c r="B108" s="35">
        <v>66</v>
      </c>
      <c r="C108" s="13">
        <v>78</v>
      </c>
      <c r="D108" s="12">
        <v>144</v>
      </c>
    </row>
    <row r="109" spans="1:4" ht="18" customHeight="1" x14ac:dyDescent="0.2">
      <c r="A109" s="8">
        <v>85</v>
      </c>
      <c r="B109" s="35">
        <v>11</v>
      </c>
      <c r="C109" s="13">
        <v>5</v>
      </c>
      <c r="D109" s="12">
        <v>16</v>
      </c>
    </row>
    <row r="110" spans="1:4" ht="18" customHeight="1" x14ac:dyDescent="0.2">
      <c r="A110" s="8">
        <v>86</v>
      </c>
      <c r="B110" s="35">
        <v>5</v>
      </c>
      <c r="C110" s="13">
        <v>12</v>
      </c>
      <c r="D110" s="12">
        <v>17</v>
      </c>
    </row>
    <row r="111" spans="1:4" ht="18" customHeight="1" x14ac:dyDescent="0.2">
      <c r="A111" s="8">
        <v>87</v>
      </c>
      <c r="B111" s="35">
        <v>8</v>
      </c>
      <c r="C111" s="13">
        <v>7</v>
      </c>
      <c r="D111" s="12">
        <v>15</v>
      </c>
    </row>
    <row r="112" spans="1:4" ht="18" customHeight="1" x14ac:dyDescent="0.2">
      <c r="A112" s="8">
        <v>88</v>
      </c>
      <c r="B112" s="35">
        <v>6</v>
      </c>
      <c r="C112" s="13">
        <v>11</v>
      </c>
      <c r="D112" s="12">
        <v>17</v>
      </c>
    </row>
    <row r="113" spans="1:4" ht="18" customHeight="1" x14ac:dyDescent="0.2">
      <c r="A113" s="8">
        <v>89</v>
      </c>
      <c r="B113" s="35">
        <v>2</v>
      </c>
      <c r="C113" s="13">
        <v>13</v>
      </c>
      <c r="D113" s="12">
        <v>15</v>
      </c>
    </row>
    <row r="114" spans="1:4" ht="18" customHeight="1" x14ac:dyDescent="0.2">
      <c r="A114" s="8" t="s">
        <v>6</v>
      </c>
      <c r="B114" s="35">
        <v>32</v>
      </c>
      <c r="C114" s="13">
        <v>48</v>
      </c>
      <c r="D114" s="12">
        <v>80</v>
      </c>
    </row>
    <row r="115" spans="1:4" ht="18" customHeight="1" x14ac:dyDescent="0.2">
      <c r="A115" s="8">
        <v>90</v>
      </c>
      <c r="B115" s="35">
        <v>0</v>
      </c>
      <c r="C115" s="13">
        <v>9</v>
      </c>
      <c r="D115" s="12">
        <v>9</v>
      </c>
    </row>
    <row r="116" spans="1:4" ht="18" customHeight="1" x14ac:dyDescent="0.2">
      <c r="A116" s="8">
        <v>91</v>
      </c>
      <c r="B116" s="35">
        <v>3</v>
      </c>
      <c r="C116" s="13">
        <v>6</v>
      </c>
      <c r="D116" s="12">
        <v>9</v>
      </c>
    </row>
    <row r="117" spans="1:4" ht="18" customHeight="1" x14ac:dyDescent="0.2">
      <c r="A117" s="8">
        <v>92</v>
      </c>
      <c r="B117" s="35">
        <v>4</v>
      </c>
      <c r="C117" s="13">
        <v>5</v>
      </c>
      <c r="D117" s="12">
        <v>9</v>
      </c>
    </row>
    <row r="118" spans="1:4" ht="18" customHeight="1" x14ac:dyDescent="0.2">
      <c r="A118" s="8">
        <v>93</v>
      </c>
      <c r="B118" s="35">
        <v>1</v>
      </c>
      <c r="C118" s="13">
        <v>6</v>
      </c>
      <c r="D118" s="12">
        <v>7</v>
      </c>
    </row>
    <row r="119" spans="1:4" ht="18" customHeight="1" x14ac:dyDescent="0.2">
      <c r="A119" s="8">
        <v>94</v>
      </c>
      <c r="B119" s="35">
        <v>4</v>
      </c>
      <c r="C119" s="13">
        <v>4</v>
      </c>
      <c r="D119" s="12">
        <v>8</v>
      </c>
    </row>
    <row r="120" spans="1:4" ht="18" customHeight="1" x14ac:dyDescent="0.2">
      <c r="A120" s="8" t="s">
        <v>5</v>
      </c>
      <c r="B120" s="35">
        <v>12</v>
      </c>
      <c r="C120" s="13">
        <v>30</v>
      </c>
      <c r="D120" s="12">
        <v>42</v>
      </c>
    </row>
    <row r="121" spans="1:4" ht="18" customHeight="1" x14ac:dyDescent="0.2">
      <c r="A121" s="8">
        <v>95</v>
      </c>
      <c r="B121" s="35">
        <v>2</v>
      </c>
      <c r="C121" s="13">
        <v>5</v>
      </c>
      <c r="D121" s="12">
        <v>7</v>
      </c>
    </row>
    <row r="122" spans="1:4" ht="18" customHeight="1" x14ac:dyDescent="0.2">
      <c r="A122" s="8">
        <v>96</v>
      </c>
      <c r="B122" s="35">
        <v>1</v>
      </c>
      <c r="C122" s="13">
        <v>3</v>
      </c>
      <c r="D122" s="12">
        <v>4</v>
      </c>
    </row>
    <row r="123" spans="1:4" ht="18" customHeight="1" x14ac:dyDescent="0.2">
      <c r="A123" s="8">
        <v>97</v>
      </c>
      <c r="B123" s="35">
        <v>0</v>
      </c>
      <c r="C123" s="13">
        <v>5</v>
      </c>
      <c r="D123" s="12">
        <v>5</v>
      </c>
    </row>
    <row r="124" spans="1:4" ht="18" customHeight="1" x14ac:dyDescent="0.2">
      <c r="A124" s="8">
        <v>98</v>
      </c>
      <c r="B124" s="35">
        <v>2</v>
      </c>
      <c r="C124" s="13">
        <v>1</v>
      </c>
      <c r="D124" s="12">
        <v>3</v>
      </c>
    </row>
    <row r="125" spans="1:4" ht="18" customHeight="1" x14ac:dyDescent="0.2">
      <c r="A125" s="8">
        <v>99</v>
      </c>
      <c r="B125" s="35">
        <v>1</v>
      </c>
      <c r="C125" s="13">
        <v>0</v>
      </c>
      <c r="D125" s="12">
        <v>1</v>
      </c>
    </row>
    <row r="126" spans="1:4" ht="18" customHeight="1" x14ac:dyDescent="0.2">
      <c r="A126" s="8" t="s">
        <v>4</v>
      </c>
      <c r="B126" s="35">
        <v>6</v>
      </c>
      <c r="C126" s="13">
        <v>14</v>
      </c>
      <c r="D126" s="12">
        <v>20</v>
      </c>
    </row>
    <row r="127" spans="1:4" ht="18" customHeight="1" x14ac:dyDescent="0.2">
      <c r="A127" s="8">
        <v>100</v>
      </c>
      <c r="B127" s="35">
        <v>0</v>
      </c>
      <c r="C127" s="13">
        <v>0</v>
      </c>
      <c r="D127" s="12">
        <v>0</v>
      </c>
    </row>
    <row r="128" spans="1:4" ht="18" customHeight="1" x14ac:dyDescent="0.2">
      <c r="A128" s="15" t="s">
        <v>3</v>
      </c>
      <c r="B128" s="35">
        <v>0</v>
      </c>
      <c r="C128" s="13">
        <v>0</v>
      </c>
      <c r="D128" s="12">
        <v>0</v>
      </c>
    </row>
    <row r="129" spans="1:4" ht="18" customHeight="1" x14ac:dyDescent="0.2">
      <c r="A129" s="8" t="s">
        <v>2</v>
      </c>
      <c r="B129" s="35">
        <v>0</v>
      </c>
      <c r="C129" s="13">
        <v>0</v>
      </c>
      <c r="D129" s="12">
        <v>0</v>
      </c>
    </row>
    <row r="130" spans="1:4" ht="18" customHeight="1" x14ac:dyDescent="0.2">
      <c r="A130" s="8" t="s">
        <v>1</v>
      </c>
      <c r="B130" s="28">
        <v>481</v>
      </c>
      <c r="C130" s="6">
        <v>577</v>
      </c>
      <c r="D130" s="5">
        <v>1058</v>
      </c>
    </row>
    <row r="131" spans="1:4" ht="18" customHeight="1" x14ac:dyDescent="0.2">
      <c r="A131" s="4" t="s">
        <v>0</v>
      </c>
      <c r="B131" s="27">
        <v>1786</v>
      </c>
      <c r="C131" s="2">
        <v>1842</v>
      </c>
      <c r="D131" s="1">
        <v>3628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568AC52-B596-48E1-A203-994AD2897828}">
  <sheetPr codeName="Sheet8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108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4</v>
      </c>
      <c r="C5" s="45">
        <v>6</v>
      </c>
      <c r="D5" s="44">
        <v>10</v>
      </c>
    </row>
    <row r="6" spans="1:4" ht="18" customHeight="1" x14ac:dyDescent="0.2">
      <c r="A6" s="8">
        <v>1</v>
      </c>
      <c r="B6" s="40">
        <v>12</v>
      </c>
      <c r="C6" s="13">
        <v>15</v>
      </c>
      <c r="D6" s="12">
        <v>27</v>
      </c>
    </row>
    <row r="7" spans="1:4" ht="18" customHeight="1" x14ac:dyDescent="0.2">
      <c r="A7" s="8">
        <v>2</v>
      </c>
      <c r="B7" s="40">
        <v>9</v>
      </c>
      <c r="C7" s="13">
        <v>13</v>
      </c>
      <c r="D7" s="12">
        <v>22</v>
      </c>
    </row>
    <row r="8" spans="1:4" ht="18" customHeight="1" x14ac:dyDescent="0.2">
      <c r="A8" s="8">
        <v>3</v>
      </c>
      <c r="B8" s="40">
        <v>12</v>
      </c>
      <c r="C8" s="13">
        <v>11</v>
      </c>
      <c r="D8" s="12">
        <v>23</v>
      </c>
    </row>
    <row r="9" spans="1:4" ht="18" customHeight="1" x14ac:dyDescent="0.2">
      <c r="A9" s="8">
        <v>4</v>
      </c>
      <c r="B9" s="43">
        <v>11</v>
      </c>
      <c r="C9" s="42">
        <v>6</v>
      </c>
      <c r="D9" s="41">
        <v>17</v>
      </c>
    </row>
    <row r="10" spans="1:4" ht="18" customHeight="1" x14ac:dyDescent="0.2">
      <c r="A10" s="8" t="s">
        <v>25</v>
      </c>
      <c r="B10" s="35">
        <v>48</v>
      </c>
      <c r="C10" s="13">
        <v>51</v>
      </c>
      <c r="D10" s="12">
        <v>99</v>
      </c>
    </row>
    <row r="11" spans="1:4" ht="18" customHeight="1" x14ac:dyDescent="0.2">
      <c r="A11" s="8">
        <v>5</v>
      </c>
      <c r="B11" s="40">
        <v>10</v>
      </c>
      <c r="C11" s="13">
        <v>12</v>
      </c>
      <c r="D11" s="12">
        <v>22</v>
      </c>
    </row>
    <row r="12" spans="1:4" ht="18" customHeight="1" x14ac:dyDescent="0.2">
      <c r="A12" s="8">
        <v>6</v>
      </c>
      <c r="B12" s="40">
        <v>11</v>
      </c>
      <c r="C12" s="13">
        <v>16</v>
      </c>
      <c r="D12" s="12">
        <v>27</v>
      </c>
    </row>
    <row r="13" spans="1:4" ht="18" customHeight="1" x14ac:dyDescent="0.2">
      <c r="A13" s="8">
        <v>7</v>
      </c>
      <c r="B13" s="40">
        <v>15</v>
      </c>
      <c r="C13" s="13">
        <v>14</v>
      </c>
      <c r="D13" s="12">
        <v>29</v>
      </c>
    </row>
    <row r="14" spans="1:4" ht="18" customHeight="1" x14ac:dyDescent="0.2">
      <c r="A14" s="8">
        <v>8</v>
      </c>
      <c r="B14" s="40">
        <v>18</v>
      </c>
      <c r="C14" s="13">
        <v>10</v>
      </c>
      <c r="D14" s="12">
        <v>28</v>
      </c>
    </row>
    <row r="15" spans="1:4" ht="18" customHeight="1" x14ac:dyDescent="0.2">
      <c r="A15" s="8">
        <v>9</v>
      </c>
      <c r="B15" s="40">
        <v>10</v>
      </c>
      <c r="C15" s="13">
        <v>23</v>
      </c>
      <c r="D15" s="12">
        <v>33</v>
      </c>
    </row>
    <row r="16" spans="1:4" ht="18" customHeight="1" x14ac:dyDescent="0.2">
      <c r="A16" s="8" t="s">
        <v>24</v>
      </c>
      <c r="B16" s="35">
        <v>64</v>
      </c>
      <c r="C16" s="13">
        <v>75</v>
      </c>
      <c r="D16" s="12">
        <v>139</v>
      </c>
    </row>
    <row r="17" spans="1:4" ht="18" customHeight="1" x14ac:dyDescent="0.2">
      <c r="A17" s="8">
        <v>10</v>
      </c>
      <c r="B17" s="35">
        <v>20</v>
      </c>
      <c r="C17" s="13">
        <v>20</v>
      </c>
      <c r="D17" s="12">
        <v>40</v>
      </c>
    </row>
    <row r="18" spans="1:4" ht="18" customHeight="1" x14ac:dyDescent="0.2">
      <c r="A18" s="8">
        <v>11</v>
      </c>
      <c r="B18" s="35">
        <v>19</v>
      </c>
      <c r="C18" s="13">
        <v>17</v>
      </c>
      <c r="D18" s="12">
        <v>36</v>
      </c>
    </row>
    <row r="19" spans="1:4" ht="18" customHeight="1" x14ac:dyDescent="0.2">
      <c r="A19" s="8">
        <v>12</v>
      </c>
      <c r="B19" s="35">
        <v>13</v>
      </c>
      <c r="C19" s="13">
        <v>16</v>
      </c>
      <c r="D19" s="12">
        <v>29</v>
      </c>
    </row>
    <row r="20" spans="1:4" ht="18" customHeight="1" x14ac:dyDescent="0.2">
      <c r="A20" s="8">
        <v>13</v>
      </c>
      <c r="B20" s="35">
        <v>23</v>
      </c>
      <c r="C20" s="13">
        <v>20</v>
      </c>
      <c r="D20" s="12">
        <v>43</v>
      </c>
    </row>
    <row r="21" spans="1:4" ht="18" customHeight="1" x14ac:dyDescent="0.2">
      <c r="A21" s="8">
        <v>14</v>
      </c>
      <c r="B21" s="35">
        <v>24</v>
      </c>
      <c r="C21" s="13">
        <v>15</v>
      </c>
      <c r="D21" s="12">
        <v>39</v>
      </c>
    </row>
    <row r="22" spans="1:4" ht="18" customHeight="1" x14ac:dyDescent="0.2">
      <c r="A22" s="8" t="s">
        <v>23</v>
      </c>
      <c r="B22" s="35">
        <v>99</v>
      </c>
      <c r="C22" s="13">
        <v>88</v>
      </c>
      <c r="D22" s="12">
        <v>187</v>
      </c>
    </row>
    <row r="23" spans="1:4" ht="18" customHeight="1" x14ac:dyDescent="0.2">
      <c r="A23" s="8" t="s">
        <v>22</v>
      </c>
      <c r="B23" s="35">
        <v>211</v>
      </c>
      <c r="C23" s="13">
        <v>214</v>
      </c>
      <c r="D23" s="12">
        <v>425</v>
      </c>
    </row>
    <row r="24" spans="1:4" ht="18" customHeight="1" x14ac:dyDescent="0.2">
      <c r="A24" s="8">
        <v>15</v>
      </c>
      <c r="B24" s="35">
        <v>20</v>
      </c>
      <c r="C24" s="13">
        <v>13</v>
      </c>
      <c r="D24" s="12">
        <v>33</v>
      </c>
    </row>
    <row r="25" spans="1:4" ht="18" customHeight="1" x14ac:dyDescent="0.2">
      <c r="A25" s="8">
        <v>16</v>
      </c>
      <c r="B25" s="35">
        <v>19</v>
      </c>
      <c r="C25" s="13">
        <v>17</v>
      </c>
      <c r="D25" s="12">
        <v>36</v>
      </c>
    </row>
    <row r="26" spans="1:4" ht="18" customHeight="1" x14ac:dyDescent="0.2">
      <c r="A26" s="8">
        <v>17</v>
      </c>
      <c r="B26" s="35">
        <v>18</v>
      </c>
      <c r="C26" s="13">
        <v>10</v>
      </c>
      <c r="D26" s="12">
        <v>28</v>
      </c>
    </row>
    <row r="27" spans="1:4" ht="18" customHeight="1" x14ac:dyDescent="0.2">
      <c r="A27" s="8">
        <v>18</v>
      </c>
      <c r="B27" s="35">
        <v>22</v>
      </c>
      <c r="C27" s="13">
        <v>20</v>
      </c>
      <c r="D27" s="12">
        <v>42</v>
      </c>
    </row>
    <row r="28" spans="1:4" ht="18" customHeight="1" x14ac:dyDescent="0.2">
      <c r="A28" s="8">
        <v>19</v>
      </c>
      <c r="B28" s="35">
        <v>23</v>
      </c>
      <c r="C28" s="13">
        <v>11</v>
      </c>
      <c r="D28" s="12">
        <v>34</v>
      </c>
    </row>
    <row r="29" spans="1:4" ht="18" customHeight="1" x14ac:dyDescent="0.2">
      <c r="A29" s="8" t="s">
        <v>21</v>
      </c>
      <c r="B29" s="35">
        <v>102</v>
      </c>
      <c r="C29" s="13">
        <v>71</v>
      </c>
      <c r="D29" s="12">
        <v>173</v>
      </c>
    </row>
    <row r="30" spans="1:4" ht="18" customHeight="1" x14ac:dyDescent="0.2">
      <c r="A30" s="8">
        <v>20</v>
      </c>
      <c r="B30" s="35">
        <v>10</v>
      </c>
      <c r="C30" s="13">
        <v>11</v>
      </c>
      <c r="D30" s="12">
        <v>21</v>
      </c>
    </row>
    <row r="31" spans="1:4" ht="18" customHeight="1" x14ac:dyDescent="0.2">
      <c r="A31" s="8">
        <v>21</v>
      </c>
      <c r="B31" s="35">
        <v>14</v>
      </c>
      <c r="C31" s="13">
        <v>24</v>
      </c>
      <c r="D31" s="12">
        <v>38</v>
      </c>
    </row>
    <row r="32" spans="1:4" ht="18" customHeight="1" x14ac:dyDescent="0.2">
      <c r="A32" s="8">
        <v>22</v>
      </c>
      <c r="B32" s="35">
        <v>18</v>
      </c>
      <c r="C32" s="13">
        <v>15</v>
      </c>
      <c r="D32" s="12">
        <v>33</v>
      </c>
    </row>
    <row r="33" spans="1:4" ht="18" customHeight="1" x14ac:dyDescent="0.2">
      <c r="A33" s="8">
        <v>23</v>
      </c>
      <c r="B33" s="35">
        <v>18</v>
      </c>
      <c r="C33" s="13">
        <v>21</v>
      </c>
      <c r="D33" s="12">
        <v>39</v>
      </c>
    </row>
    <row r="34" spans="1:4" ht="18" customHeight="1" x14ac:dyDescent="0.2">
      <c r="A34" s="8">
        <v>24</v>
      </c>
      <c r="B34" s="35">
        <v>9</v>
      </c>
      <c r="C34" s="13">
        <v>11</v>
      </c>
      <c r="D34" s="12">
        <v>20</v>
      </c>
    </row>
    <row r="35" spans="1:4" ht="18" customHeight="1" x14ac:dyDescent="0.2">
      <c r="A35" s="8" t="s">
        <v>20</v>
      </c>
      <c r="B35" s="35">
        <v>69</v>
      </c>
      <c r="C35" s="13">
        <v>82</v>
      </c>
      <c r="D35" s="12">
        <v>151</v>
      </c>
    </row>
    <row r="36" spans="1:4" ht="18" customHeight="1" x14ac:dyDescent="0.2">
      <c r="A36" s="8">
        <v>25</v>
      </c>
      <c r="B36" s="35">
        <v>20</v>
      </c>
      <c r="C36" s="13">
        <v>19</v>
      </c>
      <c r="D36" s="12">
        <v>39</v>
      </c>
    </row>
    <row r="37" spans="1:4" ht="18" customHeight="1" x14ac:dyDescent="0.2">
      <c r="A37" s="8">
        <v>26</v>
      </c>
      <c r="B37" s="35">
        <v>16</v>
      </c>
      <c r="C37" s="13">
        <v>19</v>
      </c>
      <c r="D37" s="12">
        <v>35</v>
      </c>
    </row>
    <row r="38" spans="1:4" ht="18" customHeight="1" x14ac:dyDescent="0.2">
      <c r="A38" s="8">
        <v>27</v>
      </c>
      <c r="B38" s="35">
        <v>12</v>
      </c>
      <c r="C38" s="13">
        <v>11</v>
      </c>
      <c r="D38" s="12">
        <v>23</v>
      </c>
    </row>
    <row r="39" spans="1:4" ht="18" customHeight="1" x14ac:dyDescent="0.2">
      <c r="A39" s="8">
        <v>28</v>
      </c>
      <c r="B39" s="35">
        <v>19</v>
      </c>
      <c r="C39" s="13">
        <v>16</v>
      </c>
      <c r="D39" s="12">
        <v>35</v>
      </c>
    </row>
    <row r="40" spans="1:4" ht="18" customHeight="1" x14ac:dyDescent="0.2">
      <c r="A40" s="8">
        <v>29</v>
      </c>
      <c r="B40" s="35">
        <v>19</v>
      </c>
      <c r="C40" s="13">
        <v>11</v>
      </c>
      <c r="D40" s="12">
        <v>30</v>
      </c>
    </row>
    <row r="41" spans="1:4" ht="18" customHeight="1" x14ac:dyDescent="0.2">
      <c r="A41" s="8" t="s">
        <v>19</v>
      </c>
      <c r="B41" s="35">
        <v>86</v>
      </c>
      <c r="C41" s="13">
        <v>76</v>
      </c>
      <c r="D41" s="12">
        <v>162</v>
      </c>
    </row>
    <row r="42" spans="1:4" ht="18" customHeight="1" x14ac:dyDescent="0.2">
      <c r="A42" s="8">
        <v>30</v>
      </c>
      <c r="B42" s="35">
        <v>15</v>
      </c>
      <c r="C42" s="13">
        <v>7</v>
      </c>
      <c r="D42" s="12">
        <v>22</v>
      </c>
    </row>
    <row r="43" spans="1:4" ht="18" customHeight="1" x14ac:dyDescent="0.2">
      <c r="A43" s="8">
        <v>31</v>
      </c>
      <c r="B43" s="35">
        <v>16</v>
      </c>
      <c r="C43" s="13">
        <v>18</v>
      </c>
      <c r="D43" s="12">
        <v>34</v>
      </c>
    </row>
    <row r="44" spans="1:4" ht="18" customHeight="1" x14ac:dyDescent="0.2">
      <c r="A44" s="8">
        <v>32</v>
      </c>
      <c r="B44" s="35">
        <v>23</v>
      </c>
      <c r="C44" s="13">
        <v>16</v>
      </c>
      <c r="D44" s="12">
        <v>39</v>
      </c>
    </row>
    <row r="45" spans="1:4" ht="18" customHeight="1" x14ac:dyDescent="0.2">
      <c r="A45" s="8">
        <v>33</v>
      </c>
      <c r="B45" s="35">
        <v>16</v>
      </c>
      <c r="C45" s="13">
        <v>13</v>
      </c>
      <c r="D45" s="12">
        <v>29</v>
      </c>
    </row>
    <row r="46" spans="1:4" ht="18" customHeight="1" x14ac:dyDescent="0.2">
      <c r="A46" s="8">
        <v>34</v>
      </c>
      <c r="B46" s="35">
        <v>15</v>
      </c>
      <c r="C46" s="13">
        <v>20</v>
      </c>
      <c r="D46" s="12">
        <v>35</v>
      </c>
    </row>
    <row r="47" spans="1:4" ht="18" customHeight="1" x14ac:dyDescent="0.2">
      <c r="A47" s="8" t="s">
        <v>18</v>
      </c>
      <c r="B47" s="35">
        <v>85</v>
      </c>
      <c r="C47" s="13">
        <v>74</v>
      </c>
      <c r="D47" s="12">
        <v>159</v>
      </c>
    </row>
    <row r="48" spans="1:4" ht="18" customHeight="1" x14ac:dyDescent="0.2">
      <c r="A48" s="8">
        <v>35</v>
      </c>
      <c r="B48" s="35">
        <v>17</v>
      </c>
      <c r="C48" s="13">
        <v>17</v>
      </c>
      <c r="D48" s="12">
        <v>34</v>
      </c>
    </row>
    <row r="49" spans="1:4" ht="18" customHeight="1" x14ac:dyDescent="0.2">
      <c r="A49" s="8">
        <v>36</v>
      </c>
      <c r="B49" s="35">
        <v>22</v>
      </c>
      <c r="C49" s="13">
        <v>17</v>
      </c>
      <c r="D49" s="12">
        <v>39</v>
      </c>
    </row>
    <row r="50" spans="1:4" ht="18" customHeight="1" x14ac:dyDescent="0.2">
      <c r="A50" s="8">
        <v>37</v>
      </c>
      <c r="B50" s="35">
        <v>22</v>
      </c>
      <c r="C50" s="13">
        <v>24</v>
      </c>
      <c r="D50" s="12">
        <v>46</v>
      </c>
    </row>
    <row r="51" spans="1:4" ht="18" customHeight="1" x14ac:dyDescent="0.2">
      <c r="A51" s="8">
        <v>38</v>
      </c>
      <c r="B51" s="35">
        <v>20</v>
      </c>
      <c r="C51" s="13">
        <v>18</v>
      </c>
      <c r="D51" s="12">
        <v>38</v>
      </c>
    </row>
    <row r="52" spans="1:4" ht="18" customHeight="1" x14ac:dyDescent="0.2">
      <c r="A52" s="8">
        <v>39</v>
      </c>
      <c r="B52" s="35">
        <v>16</v>
      </c>
      <c r="C52" s="13">
        <v>16</v>
      </c>
      <c r="D52" s="12">
        <v>32</v>
      </c>
    </row>
    <row r="53" spans="1:4" ht="18" customHeight="1" x14ac:dyDescent="0.2">
      <c r="A53" s="8" t="s">
        <v>17</v>
      </c>
      <c r="B53" s="35">
        <v>97</v>
      </c>
      <c r="C53" s="13">
        <v>92</v>
      </c>
      <c r="D53" s="12">
        <v>189</v>
      </c>
    </row>
    <row r="54" spans="1:4" ht="18" customHeight="1" x14ac:dyDescent="0.2">
      <c r="A54" s="8">
        <v>40</v>
      </c>
      <c r="B54" s="35">
        <v>16</v>
      </c>
      <c r="C54" s="13">
        <v>17</v>
      </c>
      <c r="D54" s="12">
        <v>33</v>
      </c>
    </row>
    <row r="55" spans="1:4" ht="18" customHeight="1" x14ac:dyDescent="0.2">
      <c r="A55" s="8">
        <v>41</v>
      </c>
      <c r="B55" s="35">
        <v>19</v>
      </c>
      <c r="C55" s="13">
        <v>23</v>
      </c>
      <c r="D55" s="12">
        <v>42</v>
      </c>
    </row>
    <row r="56" spans="1:4" ht="18" customHeight="1" x14ac:dyDescent="0.2">
      <c r="A56" s="8">
        <v>42</v>
      </c>
      <c r="B56" s="35">
        <v>25</v>
      </c>
      <c r="C56" s="13">
        <v>11</v>
      </c>
      <c r="D56" s="12">
        <v>36</v>
      </c>
    </row>
    <row r="57" spans="1:4" ht="18" customHeight="1" x14ac:dyDescent="0.2">
      <c r="A57" s="8">
        <v>43</v>
      </c>
      <c r="B57" s="35">
        <v>26</v>
      </c>
      <c r="C57" s="13">
        <v>28</v>
      </c>
      <c r="D57" s="12">
        <v>54</v>
      </c>
    </row>
    <row r="58" spans="1:4" ht="18" customHeight="1" x14ac:dyDescent="0.2">
      <c r="A58" s="8">
        <v>44</v>
      </c>
      <c r="B58" s="35">
        <v>27</v>
      </c>
      <c r="C58" s="13">
        <v>21</v>
      </c>
      <c r="D58" s="12">
        <v>48</v>
      </c>
    </row>
    <row r="59" spans="1:4" ht="18" customHeight="1" x14ac:dyDescent="0.2">
      <c r="A59" s="8" t="s">
        <v>16</v>
      </c>
      <c r="B59" s="35">
        <v>113</v>
      </c>
      <c r="C59" s="13">
        <v>100</v>
      </c>
      <c r="D59" s="12">
        <v>213</v>
      </c>
    </row>
    <row r="60" spans="1:4" ht="18" customHeight="1" x14ac:dyDescent="0.2">
      <c r="A60" s="8">
        <v>45</v>
      </c>
      <c r="B60" s="35">
        <v>23</v>
      </c>
      <c r="C60" s="13">
        <v>25</v>
      </c>
      <c r="D60" s="12">
        <v>48</v>
      </c>
    </row>
    <row r="61" spans="1:4" ht="18" customHeight="1" x14ac:dyDescent="0.2">
      <c r="A61" s="8">
        <v>46</v>
      </c>
      <c r="B61" s="35">
        <v>18</v>
      </c>
      <c r="C61" s="13">
        <v>20</v>
      </c>
      <c r="D61" s="12">
        <v>38</v>
      </c>
    </row>
    <row r="62" spans="1:4" ht="18" customHeight="1" x14ac:dyDescent="0.2">
      <c r="A62" s="8">
        <v>47</v>
      </c>
      <c r="B62" s="35">
        <v>25</v>
      </c>
      <c r="C62" s="13">
        <v>23</v>
      </c>
      <c r="D62" s="12">
        <v>48</v>
      </c>
    </row>
    <row r="63" spans="1:4" ht="18" customHeight="1" x14ac:dyDescent="0.2">
      <c r="A63" s="8">
        <v>48</v>
      </c>
      <c r="B63" s="35">
        <v>24</v>
      </c>
      <c r="C63" s="13">
        <v>40</v>
      </c>
      <c r="D63" s="12">
        <v>64</v>
      </c>
    </row>
    <row r="64" spans="1:4" ht="18" customHeight="1" x14ac:dyDescent="0.2">
      <c r="A64" s="8">
        <v>49</v>
      </c>
      <c r="B64" s="35">
        <v>32</v>
      </c>
      <c r="C64" s="13">
        <v>32</v>
      </c>
      <c r="D64" s="12">
        <v>64</v>
      </c>
    </row>
    <row r="65" spans="1:4" ht="18" customHeight="1" x14ac:dyDescent="0.2">
      <c r="A65" s="8" t="s">
        <v>15</v>
      </c>
      <c r="B65" s="35">
        <v>122</v>
      </c>
      <c r="C65" s="13">
        <v>140</v>
      </c>
      <c r="D65" s="12">
        <v>262</v>
      </c>
    </row>
    <row r="66" spans="1:4" ht="18" customHeight="1" x14ac:dyDescent="0.2">
      <c r="A66" s="8">
        <v>50</v>
      </c>
      <c r="B66" s="35">
        <v>20</v>
      </c>
      <c r="C66" s="13">
        <v>30</v>
      </c>
      <c r="D66" s="12">
        <v>50</v>
      </c>
    </row>
    <row r="67" spans="1:4" ht="18" customHeight="1" x14ac:dyDescent="0.2">
      <c r="A67" s="8">
        <v>51</v>
      </c>
      <c r="B67" s="35">
        <v>32</v>
      </c>
      <c r="C67" s="13">
        <v>27</v>
      </c>
      <c r="D67" s="12">
        <v>59</v>
      </c>
    </row>
    <row r="68" spans="1:4" ht="18" customHeight="1" x14ac:dyDescent="0.2">
      <c r="A68" s="8">
        <v>52</v>
      </c>
      <c r="B68" s="35">
        <v>18</v>
      </c>
      <c r="C68" s="13">
        <v>19</v>
      </c>
      <c r="D68" s="12">
        <v>37</v>
      </c>
    </row>
    <row r="69" spans="1:4" ht="18" customHeight="1" x14ac:dyDescent="0.2">
      <c r="A69" s="8">
        <v>53</v>
      </c>
      <c r="B69" s="35">
        <v>32</v>
      </c>
      <c r="C69" s="13">
        <v>25</v>
      </c>
      <c r="D69" s="12">
        <v>57</v>
      </c>
    </row>
    <row r="70" spans="1:4" ht="18" customHeight="1" x14ac:dyDescent="0.2">
      <c r="A70" s="8">
        <v>54</v>
      </c>
      <c r="B70" s="35">
        <v>32</v>
      </c>
      <c r="C70" s="13">
        <v>25</v>
      </c>
      <c r="D70" s="12">
        <v>57</v>
      </c>
    </row>
    <row r="71" spans="1:4" ht="18" customHeight="1" x14ac:dyDescent="0.2">
      <c r="A71" s="8" t="s">
        <v>14</v>
      </c>
      <c r="B71" s="35">
        <v>134</v>
      </c>
      <c r="C71" s="13">
        <v>126</v>
      </c>
      <c r="D71" s="12">
        <v>260</v>
      </c>
    </row>
    <row r="72" spans="1:4" ht="18" customHeight="1" x14ac:dyDescent="0.2">
      <c r="A72" s="8">
        <v>55</v>
      </c>
      <c r="B72" s="35">
        <v>23</v>
      </c>
      <c r="C72" s="13">
        <v>28</v>
      </c>
      <c r="D72" s="12">
        <v>51</v>
      </c>
    </row>
    <row r="73" spans="1:4" ht="18" customHeight="1" x14ac:dyDescent="0.2">
      <c r="A73" s="8">
        <v>56</v>
      </c>
      <c r="B73" s="35">
        <v>23</v>
      </c>
      <c r="C73" s="13">
        <v>20</v>
      </c>
      <c r="D73" s="12">
        <v>43</v>
      </c>
    </row>
    <row r="74" spans="1:4" ht="18" customHeight="1" x14ac:dyDescent="0.2">
      <c r="A74" s="8">
        <v>57</v>
      </c>
      <c r="B74" s="35">
        <v>28</v>
      </c>
      <c r="C74" s="13">
        <v>27</v>
      </c>
      <c r="D74" s="12">
        <v>55</v>
      </c>
    </row>
    <row r="75" spans="1:4" ht="18" customHeight="1" x14ac:dyDescent="0.2">
      <c r="A75" s="8">
        <v>58</v>
      </c>
      <c r="B75" s="35">
        <v>29</v>
      </c>
      <c r="C75" s="13">
        <v>20</v>
      </c>
      <c r="D75" s="12">
        <v>49</v>
      </c>
    </row>
    <row r="76" spans="1:4" ht="18" customHeight="1" x14ac:dyDescent="0.2">
      <c r="A76" s="8">
        <v>59</v>
      </c>
      <c r="B76" s="35">
        <v>31</v>
      </c>
      <c r="C76" s="13">
        <v>29</v>
      </c>
      <c r="D76" s="12">
        <v>60</v>
      </c>
    </row>
    <row r="77" spans="1:4" ht="18" customHeight="1" x14ac:dyDescent="0.2">
      <c r="A77" s="8" t="s">
        <v>13</v>
      </c>
      <c r="B77" s="35">
        <v>134</v>
      </c>
      <c r="C77" s="13">
        <v>124</v>
      </c>
      <c r="D77" s="12">
        <v>258</v>
      </c>
    </row>
    <row r="78" spans="1:4" ht="18" customHeight="1" x14ac:dyDescent="0.2">
      <c r="A78" s="8">
        <v>60</v>
      </c>
      <c r="B78" s="35">
        <v>19</v>
      </c>
      <c r="C78" s="13">
        <v>34</v>
      </c>
      <c r="D78" s="12">
        <v>53</v>
      </c>
    </row>
    <row r="79" spans="1:4" ht="18" customHeight="1" x14ac:dyDescent="0.2">
      <c r="A79" s="8">
        <v>61</v>
      </c>
      <c r="B79" s="35">
        <v>21</v>
      </c>
      <c r="C79" s="13">
        <v>30</v>
      </c>
      <c r="D79" s="12">
        <v>51</v>
      </c>
    </row>
    <row r="80" spans="1:4" ht="18" customHeight="1" x14ac:dyDescent="0.2">
      <c r="A80" s="8">
        <v>62</v>
      </c>
      <c r="B80" s="35">
        <v>24</v>
      </c>
      <c r="C80" s="13">
        <v>23</v>
      </c>
      <c r="D80" s="12">
        <v>47</v>
      </c>
    </row>
    <row r="81" spans="1:4" ht="18" customHeight="1" x14ac:dyDescent="0.2">
      <c r="A81" s="8">
        <v>63</v>
      </c>
      <c r="B81" s="35">
        <v>22</v>
      </c>
      <c r="C81" s="13">
        <v>15</v>
      </c>
      <c r="D81" s="12">
        <v>37</v>
      </c>
    </row>
    <row r="82" spans="1:4" ht="18" customHeight="1" x14ac:dyDescent="0.2">
      <c r="A82" s="8">
        <v>64</v>
      </c>
      <c r="B82" s="35">
        <v>25</v>
      </c>
      <c r="C82" s="13">
        <v>27</v>
      </c>
      <c r="D82" s="12">
        <v>52</v>
      </c>
    </row>
    <row r="83" spans="1:4" ht="18" customHeight="1" x14ac:dyDescent="0.2">
      <c r="A83" s="8" t="s">
        <v>12</v>
      </c>
      <c r="B83" s="35">
        <v>111</v>
      </c>
      <c r="C83" s="13">
        <v>129</v>
      </c>
      <c r="D83" s="12">
        <v>240</v>
      </c>
    </row>
    <row r="84" spans="1:4" ht="18" customHeight="1" x14ac:dyDescent="0.2">
      <c r="A84" s="8" t="s">
        <v>11</v>
      </c>
      <c r="B84" s="35">
        <v>1053</v>
      </c>
      <c r="C84" s="13">
        <v>1014</v>
      </c>
      <c r="D84" s="12">
        <v>2067</v>
      </c>
    </row>
    <row r="85" spans="1:4" ht="18" customHeight="1" x14ac:dyDescent="0.2">
      <c r="A85" s="8">
        <v>65</v>
      </c>
      <c r="B85" s="35">
        <v>21</v>
      </c>
      <c r="C85" s="13">
        <v>27</v>
      </c>
      <c r="D85" s="12">
        <v>48</v>
      </c>
    </row>
    <row r="86" spans="1:4" ht="18" customHeight="1" x14ac:dyDescent="0.2">
      <c r="A86" s="8">
        <v>66</v>
      </c>
      <c r="B86" s="35">
        <v>22</v>
      </c>
      <c r="C86" s="13">
        <v>27</v>
      </c>
      <c r="D86" s="12">
        <v>49</v>
      </c>
    </row>
    <row r="87" spans="1:4" ht="18" customHeight="1" x14ac:dyDescent="0.2">
      <c r="A87" s="8">
        <v>67</v>
      </c>
      <c r="B87" s="35">
        <v>31</v>
      </c>
      <c r="C87" s="13">
        <v>31</v>
      </c>
      <c r="D87" s="12">
        <v>62</v>
      </c>
    </row>
    <row r="88" spans="1:4" ht="18" customHeight="1" x14ac:dyDescent="0.2">
      <c r="A88" s="8">
        <v>68</v>
      </c>
      <c r="B88" s="35">
        <v>32</v>
      </c>
      <c r="C88" s="13">
        <v>30</v>
      </c>
      <c r="D88" s="12">
        <v>62</v>
      </c>
    </row>
    <row r="89" spans="1:4" ht="18" customHeight="1" x14ac:dyDescent="0.2">
      <c r="A89" s="8">
        <v>69</v>
      </c>
      <c r="B89" s="35">
        <v>22</v>
      </c>
      <c r="C89" s="13">
        <v>28</v>
      </c>
      <c r="D89" s="12">
        <v>50</v>
      </c>
    </row>
    <row r="90" spans="1:4" ht="18" customHeight="1" x14ac:dyDescent="0.2">
      <c r="A90" s="8" t="s">
        <v>10</v>
      </c>
      <c r="B90" s="35">
        <v>128</v>
      </c>
      <c r="C90" s="13">
        <v>143</v>
      </c>
      <c r="D90" s="12">
        <v>271</v>
      </c>
    </row>
    <row r="91" spans="1:4" ht="18" customHeight="1" x14ac:dyDescent="0.2">
      <c r="A91" s="8">
        <v>70</v>
      </c>
      <c r="B91" s="35">
        <v>17</v>
      </c>
      <c r="C91" s="13">
        <v>32</v>
      </c>
      <c r="D91" s="12">
        <v>49</v>
      </c>
    </row>
    <row r="92" spans="1:4" ht="18" customHeight="1" x14ac:dyDescent="0.2">
      <c r="A92" s="8">
        <v>71</v>
      </c>
      <c r="B92" s="35">
        <v>37</v>
      </c>
      <c r="C92" s="13">
        <v>24</v>
      </c>
      <c r="D92" s="12">
        <v>61</v>
      </c>
    </row>
    <row r="93" spans="1:4" ht="18" customHeight="1" x14ac:dyDescent="0.2">
      <c r="A93" s="8">
        <v>72</v>
      </c>
      <c r="B93" s="35">
        <v>34</v>
      </c>
      <c r="C93" s="13">
        <v>27</v>
      </c>
      <c r="D93" s="12">
        <v>61</v>
      </c>
    </row>
    <row r="94" spans="1:4" ht="18" customHeight="1" x14ac:dyDescent="0.2">
      <c r="A94" s="8">
        <v>73</v>
      </c>
      <c r="B94" s="35">
        <v>21</v>
      </c>
      <c r="C94" s="13">
        <v>41</v>
      </c>
      <c r="D94" s="12">
        <v>62</v>
      </c>
    </row>
    <row r="95" spans="1:4" ht="18" customHeight="1" x14ac:dyDescent="0.2">
      <c r="A95" s="8">
        <v>74</v>
      </c>
      <c r="B95" s="35">
        <v>37</v>
      </c>
      <c r="C95" s="13">
        <v>46</v>
      </c>
      <c r="D95" s="12">
        <v>83</v>
      </c>
    </row>
    <row r="96" spans="1:4" ht="18" customHeight="1" x14ac:dyDescent="0.2">
      <c r="A96" s="8" t="s">
        <v>9</v>
      </c>
      <c r="B96" s="35">
        <v>146</v>
      </c>
      <c r="C96" s="13">
        <v>170</v>
      </c>
      <c r="D96" s="12">
        <v>316</v>
      </c>
    </row>
    <row r="97" spans="1:4" ht="18" customHeight="1" x14ac:dyDescent="0.2">
      <c r="A97" s="8">
        <v>75</v>
      </c>
      <c r="B97" s="35">
        <v>36</v>
      </c>
      <c r="C97" s="13">
        <v>28</v>
      </c>
      <c r="D97" s="12">
        <v>64</v>
      </c>
    </row>
    <row r="98" spans="1:4" ht="18" customHeight="1" x14ac:dyDescent="0.2">
      <c r="A98" s="8">
        <v>76</v>
      </c>
      <c r="B98" s="35">
        <v>36</v>
      </c>
      <c r="C98" s="13">
        <v>31</v>
      </c>
      <c r="D98" s="12">
        <v>67</v>
      </c>
    </row>
    <row r="99" spans="1:4" ht="18" customHeight="1" x14ac:dyDescent="0.2">
      <c r="A99" s="8">
        <v>77</v>
      </c>
      <c r="B99" s="35">
        <v>21</v>
      </c>
      <c r="C99" s="13">
        <v>16</v>
      </c>
      <c r="D99" s="12">
        <v>37</v>
      </c>
    </row>
    <row r="100" spans="1:4" ht="18" customHeight="1" x14ac:dyDescent="0.2">
      <c r="A100" s="8">
        <v>78</v>
      </c>
      <c r="B100" s="35">
        <v>15</v>
      </c>
      <c r="C100" s="13">
        <v>24</v>
      </c>
      <c r="D100" s="12">
        <v>39</v>
      </c>
    </row>
    <row r="101" spans="1:4" ht="18" customHeight="1" x14ac:dyDescent="0.2">
      <c r="A101" s="8">
        <v>79</v>
      </c>
      <c r="B101" s="35">
        <v>29</v>
      </c>
      <c r="C101" s="13">
        <v>28</v>
      </c>
      <c r="D101" s="12">
        <v>57</v>
      </c>
    </row>
    <row r="102" spans="1:4" ht="18" customHeight="1" x14ac:dyDescent="0.2">
      <c r="A102" s="8" t="s">
        <v>8</v>
      </c>
      <c r="B102" s="35">
        <v>137</v>
      </c>
      <c r="C102" s="13">
        <v>127</v>
      </c>
      <c r="D102" s="12">
        <v>264</v>
      </c>
    </row>
    <row r="103" spans="1:4" ht="18" customHeight="1" x14ac:dyDescent="0.2">
      <c r="A103" s="8">
        <v>80</v>
      </c>
      <c r="B103" s="35">
        <v>11</v>
      </c>
      <c r="C103" s="13">
        <v>28</v>
      </c>
      <c r="D103" s="12">
        <v>39</v>
      </c>
    </row>
    <row r="104" spans="1:4" ht="18" customHeight="1" x14ac:dyDescent="0.2">
      <c r="A104" s="8">
        <v>81</v>
      </c>
      <c r="B104" s="35">
        <v>21</v>
      </c>
      <c r="C104" s="13">
        <v>30</v>
      </c>
      <c r="D104" s="12">
        <v>51</v>
      </c>
    </row>
    <row r="105" spans="1:4" ht="18" customHeight="1" x14ac:dyDescent="0.2">
      <c r="A105" s="8">
        <v>82</v>
      </c>
      <c r="B105" s="35">
        <v>16</v>
      </c>
      <c r="C105" s="13">
        <v>21</v>
      </c>
      <c r="D105" s="12">
        <v>37</v>
      </c>
    </row>
    <row r="106" spans="1:4" ht="18" customHeight="1" x14ac:dyDescent="0.2">
      <c r="A106" s="8">
        <v>83</v>
      </c>
      <c r="B106" s="35">
        <v>15</v>
      </c>
      <c r="C106" s="13">
        <v>16</v>
      </c>
      <c r="D106" s="12">
        <v>31</v>
      </c>
    </row>
    <row r="107" spans="1:4" ht="18" customHeight="1" x14ac:dyDescent="0.2">
      <c r="A107" s="8">
        <v>84</v>
      </c>
      <c r="B107" s="35">
        <v>12</v>
      </c>
      <c r="C107" s="13">
        <v>14</v>
      </c>
      <c r="D107" s="12">
        <v>26</v>
      </c>
    </row>
    <row r="108" spans="1:4" ht="18" customHeight="1" x14ac:dyDescent="0.2">
      <c r="A108" s="8" t="s">
        <v>7</v>
      </c>
      <c r="B108" s="35">
        <v>75</v>
      </c>
      <c r="C108" s="13">
        <v>109</v>
      </c>
      <c r="D108" s="12">
        <v>184</v>
      </c>
    </row>
    <row r="109" spans="1:4" ht="18" customHeight="1" x14ac:dyDescent="0.2">
      <c r="A109" s="8">
        <v>85</v>
      </c>
      <c r="B109" s="35">
        <v>10</v>
      </c>
      <c r="C109" s="13">
        <v>13</v>
      </c>
      <c r="D109" s="12">
        <v>23</v>
      </c>
    </row>
    <row r="110" spans="1:4" ht="18" customHeight="1" x14ac:dyDescent="0.2">
      <c r="A110" s="8">
        <v>86</v>
      </c>
      <c r="B110" s="35">
        <v>8</v>
      </c>
      <c r="C110" s="13">
        <v>13</v>
      </c>
      <c r="D110" s="12">
        <v>21</v>
      </c>
    </row>
    <row r="111" spans="1:4" ht="18" customHeight="1" x14ac:dyDescent="0.2">
      <c r="A111" s="8">
        <v>87</v>
      </c>
      <c r="B111" s="35">
        <v>13</v>
      </c>
      <c r="C111" s="13">
        <v>14</v>
      </c>
      <c r="D111" s="12">
        <v>27</v>
      </c>
    </row>
    <row r="112" spans="1:4" ht="18" customHeight="1" x14ac:dyDescent="0.2">
      <c r="A112" s="8">
        <v>88</v>
      </c>
      <c r="B112" s="35">
        <v>4</v>
      </c>
      <c r="C112" s="13">
        <v>12</v>
      </c>
      <c r="D112" s="12">
        <v>16</v>
      </c>
    </row>
    <row r="113" spans="1:4" ht="18" customHeight="1" x14ac:dyDescent="0.2">
      <c r="A113" s="8">
        <v>89</v>
      </c>
      <c r="B113" s="35">
        <v>6</v>
      </c>
      <c r="C113" s="13">
        <v>16</v>
      </c>
      <c r="D113" s="12">
        <v>22</v>
      </c>
    </row>
    <row r="114" spans="1:4" ht="18" customHeight="1" x14ac:dyDescent="0.2">
      <c r="A114" s="8" t="s">
        <v>6</v>
      </c>
      <c r="B114" s="35">
        <v>41</v>
      </c>
      <c r="C114" s="13">
        <v>68</v>
      </c>
      <c r="D114" s="12">
        <v>109</v>
      </c>
    </row>
    <row r="115" spans="1:4" ht="18" customHeight="1" x14ac:dyDescent="0.2">
      <c r="A115" s="8">
        <v>90</v>
      </c>
      <c r="B115" s="35">
        <v>6</v>
      </c>
      <c r="C115" s="13">
        <v>16</v>
      </c>
      <c r="D115" s="12">
        <v>22</v>
      </c>
    </row>
    <row r="116" spans="1:4" ht="18" customHeight="1" x14ac:dyDescent="0.2">
      <c r="A116" s="8">
        <v>91</v>
      </c>
      <c r="B116" s="35">
        <v>1</v>
      </c>
      <c r="C116" s="13">
        <v>13</v>
      </c>
      <c r="D116" s="12">
        <v>14</v>
      </c>
    </row>
    <row r="117" spans="1:4" ht="18" customHeight="1" x14ac:dyDescent="0.2">
      <c r="A117" s="8">
        <v>92</v>
      </c>
      <c r="B117" s="35">
        <v>5</v>
      </c>
      <c r="C117" s="13">
        <v>8</v>
      </c>
      <c r="D117" s="12">
        <v>13</v>
      </c>
    </row>
    <row r="118" spans="1:4" ht="18" customHeight="1" x14ac:dyDescent="0.2">
      <c r="A118" s="8">
        <v>93</v>
      </c>
      <c r="B118" s="35">
        <v>3</v>
      </c>
      <c r="C118" s="13">
        <v>5</v>
      </c>
      <c r="D118" s="12">
        <v>8</v>
      </c>
    </row>
    <row r="119" spans="1:4" ht="18" customHeight="1" x14ac:dyDescent="0.2">
      <c r="A119" s="8">
        <v>94</v>
      </c>
      <c r="B119" s="35">
        <v>4</v>
      </c>
      <c r="C119" s="13">
        <v>5</v>
      </c>
      <c r="D119" s="12">
        <v>9</v>
      </c>
    </row>
    <row r="120" spans="1:4" ht="18" customHeight="1" x14ac:dyDescent="0.2">
      <c r="A120" s="8" t="s">
        <v>5</v>
      </c>
      <c r="B120" s="35">
        <v>19</v>
      </c>
      <c r="C120" s="13">
        <v>47</v>
      </c>
      <c r="D120" s="12">
        <v>66</v>
      </c>
    </row>
    <row r="121" spans="1:4" ht="18" customHeight="1" x14ac:dyDescent="0.2">
      <c r="A121" s="8">
        <v>95</v>
      </c>
      <c r="B121" s="35">
        <v>1</v>
      </c>
      <c r="C121" s="13">
        <v>6</v>
      </c>
      <c r="D121" s="12">
        <v>7</v>
      </c>
    </row>
    <row r="122" spans="1:4" ht="18" customHeight="1" x14ac:dyDescent="0.2">
      <c r="A122" s="8">
        <v>96</v>
      </c>
      <c r="B122" s="35">
        <v>4</v>
      </c>
      <c r="C122" s="13">
        <v>6</v>
      </c>
      <c r="D122" s="12">
        <v>10</v>
      </c>
    </row>
    <row r="123" spans="1:4" ht="18" customHeight="1" x14ac:dyDescent="0.2">
      <c r="A123" s="8">
        <v>97</v>
      </c>
      <c r="B123" s="35">
        <v>1</v>
      </c>
      <c r="C123" s="13">
        <v>0</v>
      </c>
      <c r="D123" s="12">
        <v>1</v>
      </c>
    </row>
    <row r="124" spans="1:4" ht="18" customHeight="1" x14ac:dyDescent="0.2">
      <c r="A124" s="8">
        <v>98</v>
      </c>
      <c r="B124" s="35">
        <v>0</v>
      </c>
      <c r="C124" s="13">
        <v>6</v>
      </c>
      <c r="D124" s="12">
        <v>6</v>
      </c>
    </row>
    <row r="125" spans="1:4" ht="18" customHeight="1" x14ac:dyDescent="0.2">
      <c r="A125" s="8">
        <v>99</v>
      </c>
      <c r="B125" s="35">
        <v>0</v>
      </c>
      <c r="C125" s="13">
        <v>1</v>
      </c>
      <c r="D125" s="12">
        <v>1</v>
      </c>
    </row>
    <row r="126" spans="1:4" ht="18" customHeight="1" x14ac:dyDescent="0.2">
      <c r="A126" s="8" t="s">
        <v>4</v>
      </c>
      <c r="B126" s="35">
        <v>6</v>
      </c>
      <c r="C126" s="13">
        <v>19</v>
      </c>
      <c r="D126" s="12">
        <v>25</v>
      </c>
    </row>
    <row r="127" spans="1:4" ht="18" customHeight="1" x14ac:dyDescent="0.2">
      <c r="A127" s="8">
        <v>100</v>
      </c>
      <c r="B127" s="35">
        <v>0</v>
      </c>
      <c r="C127" s="13">
        <v>0</v>
      </c>
      <c r="D127" s="12">
        <v>0</v>
      </c>
    </row>
    <row r="128" spans="1:4" ht="18" customHeight="1" x14ac:dyDescent="0.2">
      <c r="A128" s="15" t="s">
        <v>3</v>
      </c>
      <c r="B128" s="35">
        <v>0</v>
      </c>
      <c r="C128" s="13">
        <v>3</v>
      </c>
      <c r="D128" s="12">
        <v>3</v>
      </c>
    </row>
    <row r="129" spans="1:4" ht="18" customHeight="1" x14ac:dyDescent="0.2">
      <c r="A129" s="8" t="s">
        <v>2</v>
      </c>
      <c r="B129" s="35">
        <v>0</v>
      </c>
      <c r="C129" s="13">
        <v>3</v>
      </c>
      <c r="D129" s="12">
        <v>3</v>
      </c>
    </row>
    <row r="130" spans="1:4" ht="18" customHeight="1" x14ac:dyDescent="0.2">
      <c r="A130" s="8" t="s">
        <v>1</v>
      </c>
      <c r="B130" s="28">
        <v>552</v>
      </c>
      <c r="C130" s="6">
        <v>686</v>
      </c>
      <c r="D130" s="5">
        <v>1238</v>
      </c>
    </row>
    <row r="131" spans="1:4" ht="18" customHeight="1" x14ac:dyDescent="0.2">
      <c r="A131" s="4" t="s">
        <v>0</v>
      </c>
      <c r="B131" s="27">
        <v>1816</v>
      </c>
      <c r="C131" s="2">
        <v>1914</v>
      </c>
      <c r="D131" s="1">
        <v>373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5D6DA8D-4E7F-461F-BD87-1D779B547340}">
  <sheetPr codeName="Sheet1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37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10</v>
      </c>
      <c r="C5" s="18">
        <v>10</v>
      </c>
      <c r="D5" s="17">
        <v>20</v>
      </c>
    </row>
    <row r="6" spans="1:4" ht="18" customHeight="1" x14ac:dyDescent="0.2">
      <c r="A6" s="16">
        <v>1</v>
      </c>
      <c r="B6" s="29">
        <v>11</v>
      </c>
      <c r="C6" s="10">
        <v>13</v>
      </c>
      <c r="D6" s="9">
        <v>24</v>
      </c>
    </row>
    <row r="7" spans="1:4" ht="18" customHeight="1" x14ac:dyDescent="0.2">
      <c r="A7" s="16">
        <v>2</v>
      </c>
      <c r="B7" s="29">
        <v>18</v>
      </c>
      <c r="C7" s="10">
        <v>8</v>
      </c>
      <c r="D7" s="9">
        <v>26</v>
      </c>
    </row>
    <row r="8" spans="1:4" ht="18" customHeight="1" x14ac:dyDescent="0.2">
      <c r="A8" s="16">
        <v>3</v>
      </c>
      <c r="B8" s="29">
        <v>14</v>
      </c>
      <c r="C8" s="10">
        <v>9</v>
      </c>
      <c r="D8" s="9">
        <v>23</v>
      </c>
    </row>
    <row r="9" spans="1:4" ht="18" customHeight="1" x14ac:dyDescent="0.2">
      <c r="A9" s="16">
        <v>4</v>
      </c>
      <c r="B9" s="29">
        <v>10</v>
      </c>
      <c r="C9" s="10">
        <v>15</v>
      </c>
      <c r="D9" s="9">
        <v>25</v>
      </c>
    </row>
    <row r="10" spans="1:4" ht="18" customHeight="1" x14ac:dyDescent="0.2">
      <c r="A10" s="8" t="s">
        <v>25</v>
      </c>
      <c r="B10" s="29">
        <v>63</v>
      </c>
      <c r="C10" s="10">
        <v>55</v>
      </c>
      <c r="D10" s="9">
        <v>118</v>
      </c>
    </row>
    <row r="11" spans="1:4" ht="18" customHeight="1" x14ac:dyDescent="0.2">
      <c r="A11" s="16">
        <v>5</v>
      </c>
      <c r="B11" s="29">
        <v>13</v>
      </c>
      <c r="C11" s="10">
        <v>14</v>
      </c>
      <c r="D11" s="9">
        <v>27</v>
      </c>
    </row>
    <row r="12" spans="1:4" ht="18" customHeight="1" x14ac:dyDescent="0.2">
      <c r="A12" s="16">
        <v>6</v>
      </c>
      <c r="B12" s="29">
        <v>14</v>
      </c>
      <c r="C12" s="10">
        <v>16</v>
      </c>
      <c r="D12" s="9">
        <v>30</v>
      </c>
    </row>
    <row r="13" spans="1:4" ht="18" customHeight="1" x14ac:dyDescent="0.2">
      <c r="A13" s="16">
        <v>7</v>
      </c>
      <c r="B13" s="29">
        <v>13</v>
      </c>
      <c r="C13" s="10">
        <v>14</v>
      </c>
      <c r="D13" s="9">
        <v>27</v>
      </c>
    </row>
    <row r="14" spans="1:4" ht="18" customHeight="1" x14ac:dyDescent="0.2">
      <c r="A14" s="16">
        <v>8</v>
      </c>
      <c r="B14" s="29">
        <v>12</v>
      </c>
      <c r="C14" s="10">
        <v>19</v>
      </c>
      <c r="D14" s="9">
        <v>31</v>
      </c>
    </row>
    <row r="15" spans="1:4" ht="18" customHeight="1" x14ac:dyDescent="0.2">
      <c r="A15" s="16">
        <v>9</v>
      </c>
      <c r="B15" s="29">
        <v>15</v>
      </c>
      <c r="C15" s="10">
        <v>17</v>
      </c>
      <c r="D15" s="9">
        <v>32</v>
      </c>
    </row>
    <row r="16" spans="1:4" ht="18" customHeight="1" x14ac:dyDescent="0.2">
      <c r="A16" s="8" t="s">
        <v>24</v>
      </c>
      <c r="B16" s="29">
        <v>67</v>
      </c>
      <c r="C16" s="10">
        <v>80</v>
      </c>
      <c r="D16" s="9">
        <v>147</v>
      </c>
    </row>
    <row r="17" spans="1:4" ht="18" customHeight="1" x14ac:dyDescent="0.2">
      <c r="A17" s="16">
        <v>10</v>
      </c>
      <c r="B17" s="29">
        <v>16</v>
      </c>
      <c r="C17" s="10">
        <v>6</v>
      </c>
      <c r="D17" s="9">
        <v>22</v>
      </c>
    </row>
    <row r="18" spans="1:4" ht="18" customHeight="1" x14ac:dyDescent="0.2">
      <c r="A18" s="16">
        <v>11</v>
      </c>
      <c r="B18" s="29">
        <v>19</v>
      </c>
      <c r="C18" s="10">
        <v>12</v>
      </c>
      <c r="D18" s="9">
        <v>31</v>
      </c>
    </row>
    <row r="19" spans="1:4" ht="18" customHeight="1" x14ac:dyDescent="0.2">
      <c r="A19" s="16">
        <v>12</v>
      </c>
      <c r="B19" s="29">
        <v>19</v>
      </c>
      <c r="C19" s="10">
        <v>17</v>
      </c>
      <c r="D19" s="9">
        <v>36</v>
      </c>
    </row>
    <row r="20" spans="1:4" ht="18" customHeight="1" x14ac:dyDescent="0.2">
      <c r="A20" s="16">
        <v>13</v>
      </c>
      <c r="B20" s="29">
        <v>11</v>
      </c>
      <c r="C20" s="10">
        <v>11</v>
      </c>
      <c r="D20" s="9">
        <v>22</v>
      </c>
    </row>
    <row r="21" spans="1:4" ht="18" customHeight="1" x14ac:dyDescent="0.2">
      <c r="A21" s="16">
        <v>14</v>
      </c>
      <c r="B21" s="29">
        <v>28</v>
      </c>
      <c r="C21" s="10">
        <v>8</v>
      </c>
      <c r="D21" s="9">
        <v>36</v>
      </c>
    </row>
    <row r="22" spans="1:4" ht="18" customHeight="1" x14ac:dyDescent="0.2">
      <c r="A22" s="8" t="s">
        <v>23</v>
      </c>
      <c r="B22" s="29">
        <v>93</v>
      </c>
      <c r="C22" s="10">
        <v>54</v>
      </c>
      <c r="D22" s="9">
        <v>147</v>
      </c>
    </row>
    <row r="23" spans="1:4" ht="18" customHeight="1" x14ac:dyDescent="0.2">
      <c r="A23" s="8" t="s">
        <v>22</v>
      </c>
      <c r="B23" s="29">
        <v>223</v>
      </c>
      <c r="C23" s="10">
        <v>189</v>
      </c>
      <c r="D23" s="9">
        <v>412</v>
      </c>
    </row>
    <row r="24" spans="1:4" ht="18" customHeight="1" x14ac:dyDescent="0.2">
      <c r="A24" s="16">
        <v>15</v>
      </c>
      <c r="B24" s="29">
        <v>18</v>
      </c>
      <c r="C24" s="10">
        <v>9</v>
      </c>
      <c r="D24" s="9">
        <v>27</v>
      </c>
    </row>
    <row r="25" spans="1:4" ht="18" customHeight="1" x14ac:dyDescent="0.2">
      <c r="A25" s="16">
        <v>16</v>
      </c>
      <c r="B25" s="29">
        <v>16</v>
      </c>
      <c r="C25" s="10">
        <v>13</v>
      </c>
      <c r="D25" s="9">
        <v>29</v>
      </c>
    </row>
    <row r="26" spans="1:4" ht="18" customHeight="1" x14ac:dyDescent="0.2">
      <c r="A26" s="16">
        <v>17</v>
      </c>
      <c r="B26" s="29">
        <v>9</v>
      </c>
      <c r="C26" s="10">
        <v>11</v>
      </c>
      <c r="D26" s="9">
        <v>20</v>
      </c>
    </row>
    <row r="27" spans="1:4" ht="18" customHeight="1" x14ac:dyDescent="0.2">
      <c r="A27" s="16">
        <v>18</v>
      </c>
      <c r="B27" s="29">
        <v>14</v>
      </c>
      <c r="C27" s="10">
        <v>11</v>
      </c>
      <c r="D27" s="9">
        <v>25</v>
      </c>
    </row>
    <row r="28" spans="1:4" ht="18" customHeight="1" x14ac:dyDescent="0.2">
      <c r="A28" s="16">
        <v>19</v>
      </c>
      <c r="B28" s="29">
        <v>18</v>
      </c>
      <c r="C28" s="10">
        <v>16</v>
      </c>
      <c r="D28" s="9">
        <v>34</v>
      </c>
    </row>
    <row r="29" spans="1:4" ht="18" customHeight="1" x14ac:dyDescent="0.2">
      <c r="A29" s="8" t="s">
        <v>21</v>
      </c>
      <c r="B29" s="29">
        <v>75</v>
      </c>
      <c r="C29" s="10">
        <v>60</v>
      </c>
      <c r="D29" s="9">
        <v>135</v>
      </c>
    </row>
    <row r="30" spans="1:4" ht="18" customHeight="1" x14ac:dyDescent="0.2">
      <c r="A30" s="16">
        <v>20</v>
      </c>
      <c r="B30" s="29">
        <v>10</v>
      </c>
      <c r="C30" s="10">
        <v>17</v>
      </c>
      <c r="D30" s="9">
        <v>27</v>
      </c>
    </row>
    <row r="31" spans="1:4" ht="18" customHeight="1" x14ac:dyDescent="0.2">
      <c r="A31" s="16">
        <v>21</v>
      </c>
      <c r="B31" s="29">
        <v>10</v>
      </c>
      <c r="C31" s="10">
        <v>15</v>
      </c>
      <c r="D31" s="9">
        <v>25</v>
      </c>
    </row>
    <row r="32" spans="1:4" ht="18" customHeight="1" x14ac:dyDescent="0.2">
      <c r="A32" s="16">
        <v>22</v>
      </c>
      <c r="B32" s="29">
        <v>14</v>
      </c>
      <c r="C32" s="10">
        <v>16</v>
      </c>
      <c r="D32" s="9">
        <v>30</v>
      </c>
    </row>
    <row r="33" spans="1:4" ht="18" customHeight="1" x14ac:dyDescent="0.2">
      <c r="A33" s="16">
        <v>23</v>
      </c>
      <c r="B33" s="29">
        <v>10</v>
      </c>
      <c r="C33" s="10">
        <v>8</v>
      </c>
      <c r="D33" s="9">
        <v>18</v>
      </c>
    </row>
    <row r="34" spans="1:4" ht="18" customHeight="1" x14ac:dyDescent="0.2">
      <c r="A34" s="16">
        <v>24</v>
      </c>
      <c r="B34" s="29">
        <v>15</v>
      </c>
      <c r="C34" s="10">
        <v>15</v>
      </c>
      <c r="D34" s="9">
        <v>30</v>
      </c>
    </row>
    <row r="35" spans="1:4" ht="18" customHeight="1" x14ac:dyDescent="0.2">
      <c r="A35" s="8" t="s">
        <v>20</v>
      </c>
      <c r="B35" s="29">
        <v>59</v>
      </c>
      <c r="C35" s="10">
        <v>71</v>
      </c>
      <c r="D35" s="9">
        <v>130</v>
      </c>
    </row>
    <row r="36" spans="1:4" ht="18" customHeight="1" x14ac:dyDescent="0.2">
      <c r="A36" s="16">
        <v>25</v>
      </c>
      <c r="B36" s="29">
        <v>12</v>
      </c>
      <c r="C36" s="10">
        <v>12</v>
      </c>
      <c r="D36" s="9">
        <v>24</v>
      </c>
    </row>
    <row r="37" spans="1:4" ht="18" customHeight="1" x14ac:dyDescent="0.2">
      <c r="A37" s="16">
        <v>26</v>
      </c>
      <c r="B37" s="29">
        <v>11</v>
      </c>
      <c r="C37" s="10">
        <v>12</v>
      </c>
      <c r="D37" s="9">
        <v>23</v>
      </c>
    </row>
    <row r="38" spans="1:4" ht="18" customHeight="1" x14ac:dyDescent="0.2">
      <c r="A38" s="16">
        <v>27</v>
      </c>
      <c r="B38" s="29">
        <v>11</v>
      </c>
      <c r="C38" s="10">
        <v>11</v>
      </c>
      <c r="D38" s="9">
        <v>22</v>
      </c>
    </row>
    <row r="39" spans="1:4" ht="18" customHeight="1" x14ac:dyDescent="0.2">
      <c r="A39" s="16">
        <v>28</v>
      </c>
      <c r="B39" s="29">
        <v>25</v>
      </c>
      <c r="C39" s="10">
        <v>11</v>
      </c>
      <c r="D39" s="9">
        <v>36</v>
      </c>
    </row>
    <row r="40" spans="1:4" ht="18" customHeight="1" x14ac:dyDescent="0.2">
      <c r="A40" s="16">
        <v>29</v>
      </c>
      <c r="B40" s="29">
        <v>18</v>
      </c>
      <c r="C40" s="10">
        <v>9</v>
      </c>
      <c r="D40" s="9">
        <v>27</v>
      </c>
    </row>
    <row r="41" spans="1:4" ht="18" customHeight="1" x14ac:dyDescent="0.2">
      <c r="A41" s="8" t="s">
        <v>19</v>
      </c>
      <c r="B41" s="29">
        <v>77</v>
      </c>
      <c r="C41" s="10">
        <v>55</v>
      </c>
      <c r="D41" s="9">
        <v>132</v>
      </c>
    </row>
    <row r="42" spans="1:4" ht="18" customHeight="1" x14ac:dyDescent="0.2">
      <c r="A42" s="16">
        <v>30</v>
      </c>
      <c r="B42" s="29">
        <v>20</v>
      </c>
      <c r="C42" s="10">
        <v>15</v>
      </c>
      <c r="D42" s="9">
        <v>35</v>
      </c>
    </row>
    <row r="43" spans="1:4" ht="18" customHeight="1" x14ac:dyDescent="0.2">
      <c r="A43" s="16">
        <v>31</v>
      </c>
      <c r="B43" s="29">
        <v>9</v>
      </c>
      <c r="C43" s="10">
        <v>14</v>
      </c>
      <c r="D43" s="9">
        <v>23</v>
      </c>
    </row>
    <row r="44" spans="1:4" ht="18" customHeight="1" x14ac:dyDescent="0.2">
      <c r="A44" s="16">
        <v>32</v>
      </c>
      <c r="B44" s="29">
        <v>17</v>
      </c>
      <c r="C44" s="10">
        <v>13</v>
      </c>
      <c r="D44" s="9">
        <v>30</v>
      </c>
    </row>
    <row r="45" spans="1:4" ht="18" customHeight="1" x14ac:dyDescent="0.2">
      <c r="A45" s="16">
        <v>33</v>
      </c>
      <c r="B45" s="29">
        <v>18</v>
      </c>
      <c r="C45" s="10">
        <v>21</v>
      </c>
      <c r="D45" s="9">
        <v>39</v>
      </c>
    </row>
    <row r="46" spans="1:4" ht="18" customHeight="1" x14ac:dyDescent="0.2">
      <c r="A46" s="16">
        <v>34</v>
      </c>
      <c r="B46" s="29">
        <v>25</v>
      </c>
      <c r="C46" s="10">
        <v>18</v>
      </c>
      <c r="D46" s="9">
        <v>43</v>
      </c>
    </row>
    <row r="47" spans="1:4" ht="18" customHeight="1" x14ac:dyDescent="0.2">
      <c r="A47" s="8" t="s">
        <v>18</v>
      </c>
      <c r="B47" s="29">
        <v>89</v>
      </c>
      <c r="C47" s="10">
        <v>81</v>
      </c>
      <c r="D47" s="9">
        <v>170</v>
      </c>
    </row>
    <row r="48" spans="1:4" ht="18" customHeight="1" x14ac:dyDescent="0.2">
      <c r="A48" s="16">
        <v>35</v>
      </c>
      <c r="B48" s="29">
        <v>19</v>
      </c>
      <c r="C48" s="10">
        <v>25</v>
      </c>
      <c r="D48" s="9">
        <v>44</v>
      </c>
    </row>
    <row r="49" spans="1:4" ht="18" customHeight="1" x14ac:dyDescent="0.2">
      <c r="A49" s="16">
        <v>36</v>
      </c>
      <c r="B49" s="29">
        <v>22</v>
      </c>
      <c r="C49" s="10">
        <v>11</v>
      </c>
      <c r="D49" s="9">
        <v>33</v>
      </c>
    </row>
    <row r="50" spans="1:4" ht="18" customHeight="1" x14ac:dyDescent="0.2">
      <c r="A50" s="16">
        <v>37</v>
      </c>
      <c r="B50" s="29">
        <v>30</v>
      </c>
      <c r="C50" s="10">
        <v>17</v>
      </c>
      <c r="D50" s="9">
        <v>47</v>
      </c>
    </row>
    <row r="51" spans="1:4" ht="18" customHeight="1" x14ac:dyDescent="0.2">
      <c r="A51" s="16">
        <v>38</v>
      </c>
      <c r="B51" s="29">
        <v>22</v>
      </c>
      <c r="C51" s="10">
        <v>21</v>
      </c>
      <c r="D51" s="9">
        <v>43</v>
      </c>
    </row>
    <row r="52" spans="1:4" ht="18" customHeight="1" x14ac:dyDescent="0.2">
      <c r="A52" s="16">
        <v>39</v>
      </c>
      <c r="B52" s="29">
        <v>17</v>
      </c>
      <c r="C52" s="10">
        <v>18</v>
      </c>
      <c r="D52" s="9">
        <v>35</v>
      </c>
    </row>
    <row r="53" spans="1:4" ht="18" customHeight="1" x14ac:dyDescent="0.2">
      <c r="A53" s="8" t="s">
        <v>17</v>
      </c>
      <c r="B53" s="29">
        <v>110</v>
      </c>
      <c r="C53" s="10">
        <v>92</v>
      </c>
      <c r="D53" s="9">
        <v>202</v>
      </c>
    </row>
    <row r="54" spans="1:4" ht="18" customHeight="1" x14ac:dyDescent="0.2">
      <c r="A54" s="16">
        <v>40</v>
      </c>
      <c r="B54" s="29">
        <v>29</v>
      </c>
      <c r="C54" s="10">
        <v>22</v>
      </c>
      <c r="D54" s="9">
        <v>51</v>
      </c>
    </row>
    <row r="55" spans="1:4" ht="18" customHeight="1" x14ac:dyDescent="0.2">
      <c r="A55" s="16">
        <v>41</v>
      </c>
      <c r="B55" s="29">
        <v>40</v>
      </c>
      <c r="C55" s="10">
        <v>29</v>
      </c>
      <c r="D55" s="9">
        <v>69</v>
      </c>
    </row>
    <row r="56" spans="1:4" ht="18" customHeight="1" x14ac:dyDescent="0.2">
      <c r="A56" s="16">
        <v>42</v>
      </c>
      <c r="B56" s="29">
        <v>25</v>
      </c>
      <c r="C56" s="10">
        <v>25</v>
      </c>
      <c r="D56" s="9">
        <v>50</v>
      </c>
    </row>
    <row r="57" spans="1:4" ht="18" customHeight="1" x14ac:dyDescent="0.2">
      <c r="A57" s="16">
        <v>43</v>
      </c>
      <c r="B57" s="29">
        <v>27</v>
      </c>
      <c r="C57" s="10">
        <v>23</v>
      </c>
      <c r="D57" s="9">
        <v>50</v>
      </c>
    </row>
    <row r="58" spans="1:4" ht="18" customHeight="1" x14ac:dyDescent="0.2">
      <c r="A58" s="16">
        <v>44</v>
      </c>
      <c r="B58" s="29">
        <v>18</v>
      </c>
      <c r="C58" s="10">
        <v>23</v>
      </c>
      <c r="D58" s="9">
        <v>41</v>
      </c>
    </row>
    <row r="59" spans="1:4" ht="18" customHeight="1" x14ac:dyDescent="0.2">
      <c r="A59" s="8" t="s">
        <v>16</v>
      </c>
      <c r="B59" s="29">
        <v>139</v>
      </c>
      <c r="C59" s="10">
        <v>122</v>
      </c>
      <c r="D59" s="9">
        <v>261</v>
      </c>
    </row>
    <row r="60" spans="1:4" ht="18" customHeight="1" x14ac:dyDescent="0.2">
      <c r="A60" s="16">
        <v>45</v>
      </c>
      <c r="B60" s="29">
        <v>26</v>
      </c>
      <c r="C60" s="10">
        <v>28</v>
      </c>
      <c r="D60" s="9">
        <v>54</v>
      </c>
    </row>
    <row r="61" spans="1:4" ht="18" customHeight="1" x14ac:dyDescent="0.2">
      <c r="A61" s="16">
        <v>46</v>
      </c>
      <c r="B61" s="29">
        <v>20</v>
      </c>
      <c r="C61" s="10">
        <v>18</v>
      </c>
      <c r="D61" s="9">
        <v>38</v>
      </c>
    </row>
    <row r="62" spans="1:4" ht="18" customHeight="1" x14ac:dyDescent="0.2">
      <c r="A62" s="16">
        <v>47</v>
      </c>
      <c r="B62" s="29">
        <v>36</v>
      </c>
      <c r="C62" s="10">
        <v>38</v>
      </c>
      <c r="D62" s="9">
        <v>74</v>
      </c>
    </row>
    <row r="63" spans="1:4" ht="18" customHeight="1" x14ac:dyDescent="0.2">
      <c r="A63" s="16">
        <v>48</v>
      </c>
      <c r="B63" s="29">
        <v>34</v>
      </c>
      <c r="C63" s="10">
        <v>25</v>
      </c>
      <c r="D63" s="9">
        <v>59</v>
      </c>
    </row>
    <row r="64" spans="1:4" ht="18" customHeight="1" x14ac:dyDescent="0.2">
      <c r="A64" s="16">
        <v>49</v>
      </c>
      <c r="B64" s="29">
        <v>31</v>
      </c>
      <c r="C64" s="10">
        <v>42</v>
      </c>
      <c r="D64" s="9">
        <v>73</v>
      </c>
    </row>
    <row r="65" spans="1:4" ht="18" customHeight="1" x14ac:dyDescent="0.2">
      <c r="A65" s="8" t="s">
        <v>15</v>
      </c>
      <c r="B65" s="29">
        <v>147</v>
      </c>
      <c r="C65" s="10">
        <v>151</v>
      </c>
      <c r="D65" s="9">
        <v>298</v>
      </c>
    </row>
    <row r="66" spans="1:4" ht="18" customHeight="1" x14ac:dyDescent="0.2">
      <c r="A66" s="16">
        <v>50</v>
      </c>
      <c r="B66" s="29">
        <v>25</v>
      </c>
      <c r="C66" s="10">
        <v>29</v>
      </c>
      <c r="D66" s="9">
        <v>54</v>
      </c>
    </row>
    <row r="67" spans="1:4" ht="18" customHeight="1" x14ac:dyDescent="0.2">
      <c r="A67" s="16">
        <v>51</v>
      </c>
      <c r="B67" s="29">
        <v>31</v>
      </c>
      <c r="C67" s="10">
        <v>23</v>
      </c>
      <c r="D67" s="9">
        <v>54</v>
      </c>
    </row>
    <row r="68" spans="1:4" ht="18" customHeight="1" x14ac:dyDescent="0.2">
      <c r="A68" s="16">
        <v>52</v>
      </c>
      <c r="B68" s="29">
        <v>20</v>
      </c>
      <c r="C68" s="10">
        <v>38</v>
      </c>
      <c r="D68" s="9">
        <v>58</v>
      </c>
    </row>
    <row r="69" spans="1:4" ht="18" customHeight="1" x14ac:dyDescent="0.2">
      <c r="A69" s="16">
        <v>53</v>
      </c>
      <c r="B69" s="29">
        <v>23</v>
      </c>
      <c r="C69" s="10">
        <v>28</v>
      </c>
      <c r="D69" s="9">
        <v>51</v>
      </c>
    </row>
    <row r="70" spans="1:4" ht="18" customHeight="1" x14ac:dyDescent="0.2">
      <c r="A70" s="16">
        <v>54</v>
      </c>
      <c r="B70" s="29">
        <v>25</v>
      </c>
      <c r="C70" s="10">
        <v>26</v>
      </c>
      <c r="D70" s="9">
        <v>51</v>
      </c>
    </row>
    <row r="71" spans="1:4" ht="18" customHeight="1" x14ac:dyDescent="0.2">
      <c r="A71" s="8" t="s">
        <v>14</v>
      </c>
      <c r="B71" s="29">
        <v>124</v>
      </c>
      <c r="C71" s="10">
        <v>144</v>
      </c>
      <c r="D71" s="9">
        <v>268</v>
      </c>
    </row>
    <row r="72" spans="1:4" ht="18" customHeight="1" x14ac:dyDescent="0.2">
      <c r="A72" s="16">
        <v>55</v>
      </c>
      <c r="B72" s="29">
        <v>39</v>
      </c>
      <c r="C72" s="10">
        <v>27</v>
      </c>
      <c r="D72" s="9">
        <v>66</v>
      </c>
    </row>
    <row r="73" spans="1:4" ht="18" customHeight="1" x14ac:dyDescent="0.2">
      <c r="A73" s="16">
        <v>56</v>
      </c>
      <c r="B73" s="29">
        <v>29</v>
      </c>
      <c r="C73" s="10">
        <v>22</v>
      </c>
      <c r="D73" s="9">
        <v>51</v>
      </c>
    </row>
    <row r="74" spans="1:4" ht="18" customHeight="1" x14ac:dyDescent="0.2">
      <c r="A74" s="16">
        <v>57</v>
      </c>
      <c r="B74" s="29">
        <v>28</v>
      </c>
      <c r="C74" s="10">
        <v>31</v>
      </c>
      <c r="D74" s="9">
        <v>59</v>
      </c>
    </row>
    <row r="75" spans="1:4" ht="18" customHeight="1" x14ac:dyDescent="0.2">
      <c r="A75" s="16">
        <v>58</v>
      </c>
      <c r="B75" s="29">
        <v>25</v>
      </c>
      <c r="C75" s="10">
        <v>32</v>
      </c>
      <c r="D75" s="9">
        <v>57</v>
      </c>
    </row>
    <row r="76" spans="1:4" ht="18" customHeight="1" x14ac:dyDescent="0.2">
      <c r="A76" s="16">
        <v>59</v>
      </c>
      <c r="B76" s="29">
        <v>31</v>
      </c>
      <c r="C76" s="10">
        <v>22</v>
      </c>
      <c r="D76" s="9">
        <v>53</v>
      </c>
    </row>
    <row r="77" spans="1:4" ht="18" customHeight="1" x14ac:dyDescent="0.2">
      <c r="A77" s="8" t="s">
        <v>13</v>
      </c>
      <c r="B77" s="29">
        <v>152</v>
      </c>
      <c r="C77" s="10">
        <v>134</v>
      </c>
      <c r="D77" s="9">
        <v>286</v>
      </c>
    </row>
    <row r="78" spans="1:4" ht="18" customHeight="1" x14ac:dyDescent="0.2">
      <c r="A78" s="16">
        <v>60</v>
      </c>
      <c r="B78" s="29">
        <v>29</v>
      </c>
      <c r="C78" s="10">
        <v>9</v>
      </c>
      <c r="D78" s="9">
        <v>38</v>
      </c>
    </row>
    <row r="79" spans="1:4" ht="18" customHeight="1" x14ac:dyDescent="0.2">
      <c r="A79" s="16">
        <v>61</v>
      </c>
      <c r="B79" s="29">
        <v>26</v>
      </c>
      <c r="C79" s="10">
        <v>18</v>
      </c>
      <c r="D79" s="9">
        <v>44</v>
      </c>
    </row>
    <row r="80" spans="1:4" ht="18" customHeight="1" x14ac:dyDescent="0.2">
      <c r="A80" s="16">
        <v>62</v>
      </c>
      <c r="B80" s="29">
        <v>28</v>
      </c>
      <c r="C80" s="10">
        <v>37</v>
      </c>
      <c r="D80" s="9">
        <v>65</v>
      </c>
    </row>
    <row r="81" spans="1:4" ht="18" customHeight="1" x14ac:dyDescent="0.2">
      <c r="A81" s="16">
        <v>63</v>
      </c>
      <c r="B81" s="29">
        <v>31</v>
      </c>
      <c r="C81" s="10">
        <v>31</v>
      </c>
      <c r="D81" s="9">
        <v>62</v>
      </c>
    </row>
    <row r="82" spans="1:4" ht="18" customHeight="1" x14ac:dyDescent="0.2">
      <c r="A82" s="16">
        <v>64</v>
      </c>
      <c r="B82" s="29">
        <v>28</v>
      </c>
      <c r="C82" s="10">
        <v>24</v>
      </c>
      <c r="D82" s="9">
        <v>52</v>
      </c>
    </row>
    <row r="83" spans="1:4" ht="18" customHeight="1" x14ac:dyDescent="0.2">
      <c r="A83" s="8" t="s">
        <v>12</v>
      </c>
      <c r="B83" s="29">
        <v>142</v>
      </c>
      <c r="C83" s="10">
        <v>119</v>
      </c>
      <c r="D83" s="9">
        <v>261</v>
      </c>
    </row>
    <row r="84" spans="1:4" ht="18" customHeight="1" x14ac:dyDescent="0.2">
      <c r="A84" s="8" t="s">
        <v>11</v>
      </c>
      <c r="B84" s="29">
        <v>1114</v>
      </c>
      <c r="C84" s="10">
        <v>1029</v>
      </c>
      <c r="D84" s="9">
        <v>2143</v>
      </c>
    </row>
    <row r="85" spans="1:4" ht="18" customHeight="1" x14ac:dyDescent="0.2">
      <c r="A85" s="16">
        <v>65</v>
      </c>
      <c r="B85" s="29">
        <v>26</v>
      </c>
      <c r="C85" s="10">
        <v>22</v>
      </c>
      <c r="D85" s="9">
        <v>48</v>
      </c>
    </row>
    <row r="86" spans="1:4" ht="18" customHeight="1" x14ac:dyDescent="0.2">
      <c r="A86" s="16">
        <v>66</v>
      </c>
      <c r="B86" s="29">
        <v>30</v>
      </c>
      <c r="C86" s="10">
        <v>31</v>
      </c>
      <c r="D86" s="9">
        <v>61</v>
      </c>
    </row>
    <row r="87" spans="1:4" ht="18" customHeight="1" x14ac:dyDescent="0.2">
      <c r="A87" s="16">
        <v>67</v>
      </c>
      <c r="B87" s="29">
        <v>23</v>
      </c>
      <c r="C87" s="10">
        <v>36</v>
      </c>
      <c r="D87" s="9">
        <v>59</v>
      </c>
    </row>
    <row r="88" spans="1:4" ht="18" customHeight="1" x14ac:dyDescent="0.2">
      <c r="A88" s="16">
        <v>68</v>
      </c>
      <c r="B88" s="29">
        <v>31</v>
      </c>
      <c r="C88" s="10">
        <v>27</v>
      </c>
      <c r="D88" s="9">
        <v>58</v>
      </c>
    </row>
    <row r="89" spans="1:4" ht="18" customHeight="1" x14ac:dyDescent="0.2">
      <c r="A89" s="16">
        <v>69</v>
      </c>
      <c r="B89" s="29">
        <v>25</v>
      </c>
      <c r="C89" s="10">
        <v>33</v>
      </c>
      <c r="D89" s="9">
        <v>58</v>
      </c>
    </row>
    <row r="90" spans="1:4" ht="18" customHeight="1" x14ac:dyDescent="0.2">
      <c r="A90" s="8" t="s">
        <v>10</v>
      </c>
      <c r="B90" s="29">
        <v>135</v>
      </c>
      <c r="C90" s="10">
        <v>149</v>
      </c>
      <c r="D90" s="9">
        <v>284</v>
      </c>
    </row>
    <row r="91" spans="1:4" ht="18" customHeight="1" x14ac:dyDescent="0.2">
      <c r="A91" s="16">
        <v>70</v>
      </c>
      <c r="B91" s="29">
        <v>35</v>
      </c>
      <c r="C91" s="10">
        <v>26</v>
      </c>
      <c r="D91" s="9">
        <v>61</v>
      </c>
    </row>
    <row r="92" spans="1:4" ht="18" customHeight="1" x14ac:dyDescent="0.2">
      <c r="A92" s="16">
        <v>71</v>
      </c>
      <c r="B92" s="29">
        <v>31</v>
      </c>
      <c r="C92" s="10">
        <v>32</v>
      </c>
      <c r="D92" s="9">
        <v>63</v>
      </c>
    </row>
    <row r="93" spans="1:4" ht="18" customHeight="1" x14ac:dyDescent="0.2">
      <c r="A93" s="16">
        <v>72</v>
      </c>
      <c r="B93" s="29">
        <v>36</v>
      </c>
      <c r="C93" s="10">
        <v>27</v>
      </c>
      <c r="D93" s="9">
        <v>63</v>
      </c>
    </row>
    <row r="94" spans="1:4" ht="18" customHeight="1" x14ac:dyDescent="0.2">
      <c r="A94" s="16">
        <v>73</v>
      </c>
      <c r="B94" s="29">
        <v>37</v>
      </c>
      <c r="C94" s="10">
        <v>40</v>
      </c>
      <c r="D94" s="9">
        <v>77</v>
      </c>
    </row>
    <row r="95" spans="1:4" ht="18" customHeight="1" x14ac:dyDescent="0.2">
      <c r="A95" s="16">
        <v>74</v>
      </c>
      <c r="B95" s="29">
        <v>36</v>
      </c>
      <c r="C95" s="10">
        <v>37</v>
      </c>
      <c r="D95" s="9">
        <v>73</v>
      </c>
    </row>
    <row r="96" spans="1:4" ht="18" customHeight="1" x14ac:dyDescent="0.2">
      <c r="A96" s="8" t="s">
        <v>9</v>
      </c>
      <c r="B96" s="29">
        <v>175</v>
      </c>
      <c r="C96" s="10">
        <v>162</v>
      </c>
      <c r="D96" s="9">
        <v>337</v>
      </c>
    </row>
    <row r="97" spans="1:4" ht="18" customHeight="1" x14ac:dyDescent="0.2">
      <c r="A97" s="16">
        <v>75</v>
      </c>
      <c r="B97" s="29">
        <v>30</v>
      </c>
      <c r="C97" s="10">
        <v>50</v>
      </c>
      <c r="D97" s="9">
        <v>80</v>
      </c>
    </row>
    <row r="98" spans="1:4" ht="18" customHeight="1" x14ac:dyDescent="0.2">
      <c r="A98" s="16">
        <v>76</v>
      </c>
      <c r="B98" s="29">
        <v>37</v>
      </c>
      <c r="C98" s="10">
        <v>33</v>
      </c>
      <c r="D98" s="9">
        <v>70</v>
      </c>
    </row>
    <row r="99" spans="1:4" ht="18" customHeight="1" x14ac:dyDescent="0.2">
      <c r="A99" s="16">
        <v>77</v>
      </c>
      <c r="B99" s="29">
        <v>14</v>
      </c>
      <c r="C99" s="10">
        <v>21</v>
      </c>
      <c r="D99" s="9">
        <v>35</v>
      </c>
    </row>
    <row r="100" spans="1:4" ht="18" customHeight="1" x14ac:dyDescent="0.2">
      <c r="A100" s="16">
        <v>78</v>
      </c>
      <c r="B100" s="29">
        <v>22</v>
      </c>
      <c r="C100" s="10">
        <v>22</v>
      </c>
      <c r="D100" s="9">
        <v>44</v>
      </c>
    </row>
    <row r="101" spans="1:4" ht="18" customHeight="1" x14ac:dyDescent="0.2">
      <c r="A101" s="16">
        <v>79</v>
      </c>
      <c r="B101" s="29">
        <v>21</v>
      </c>
      <c r="C101" s="10">
        <v>33</v>
      </c>
      <c r="D101" s="9">
        <v>54</v>
      </c>
    </row>
    <row r="102" spans="1:4" ht="18" customHeight="1" x14ac:dyDescent="0.2">
      <c r="A102" s="8" t="s">
        <v>8</v>
      </c>
      <c r="B102" s="29">
        <v>124</v>
      </c>
      <c r="C102" s="10">
        <v>159</v>
      </c>
      <c r="D102" s="9">
        <v>283</v>
      </c>
    </row>
    <row r="103" spans="1:4" ht="18" customHeight="1" x14ac:dyDescent="0.2">
      <c r="A103" s="16">
        <v>80</v>
      </c>
      <c r="B103" s="29">
        <v>22</v>
      </c>
      <c r="C103" s="10">
        <v>42</v>
      </c>
      <c r="D103" s="9">
        <v>64</v>
      </c>
    </row>
    <row r="104" spans="1:4" ht="18" customHeight="1" x14ac:dyDescent="0.2">
      <c r="A104" s="16">
        <v>81</v>
      </c>
      <c r="B104" s="29">
        <v>17</v>
      </c>
      <c r="C104" s="10">
        <v>32</v>
      </c>
      <c r="D104" s="9">
        <v>49</v>
      </c>
    </row>
    <row r="105" spans="1:4" ht="18" customHeight="1" x14ac:dyDescent="0.2">
      <c r="A105" s="16">
        <v>82</v>
      </c>
      <c r="B105" s="29">
        <v>19</v>
      </c>
      <c r="C105" s="10">
        <v>28</v>
      </c>
      <c r="D105" s="9">
        <v>47</v>
      </c>
    </row>
    <row r="106" spans="1:4" ht="18" customHeight="1" x14ac:dyDescent="0.2">
      <c r="A106" s="16">
        <v>83</v>
      </c>
      <c r="B106" s="29">
        <v>9</v>
      </c>
      <c r="C106" s="10">
        <v>20</v>
      </c>
      <c r="D106" s="9">
        <v>29</v>
      </c>
    </row>
    <row r="107" spans="1:4" ht="18" customHeight="1" x14ac:dyDescent="0.2">
      <c r="A107" s="16">
        <v>84</v>
      </c>
      <c r="B107" s="29">
        <v>19</v>
      </c>
      <c r="C107" s="10">
        <v>32</v>
      </c>
      <c r="D107" s="9">
        <v>51</v>
      </c>
    </row>
    <row r="108" spans="1:4" ht="18" customHeight="1" x14ac:dyDescent="0.2">
      <c r="A108" s="8" t="s">
        <v>7</v>
      </c>
      <c r="B108" s="29">
        <v>86</v>
      </c>
      <c r="C108" s="10">
        <v>154</v>
      </c>
      <c r="D108" s="9">
        <v>240</v>
      </c>
    </row>
    <row r="109" spans="1:4" ht="18" customHeight="1" x14ac:dyDescent="0.2">
      <c r="A109" s="16">
        <v>85</v>
      </c>
      <c r="B109" s="29">
        <v>18</v>
      </c>
      <c r="C109" s="10">
        <v>23</v>
      </c>
      <c r="D109" s="9">
        <v>41</v>
      </c>
    </row>
    <row r="110" spans="1:4" ht="18" customHeight="1" x14ac:dyDescent="0.2">
      <c r="A110" s="16">
        <v>86</v>
      </c>
      <c r="B110" s="29">
        <v>19</v>
      </c>
      <c r="C110" s="10">
        <v>27</v>
      </c>
      <c r="D110" s="9">
        <v>46</v>
      </c>
    </row>
    <row r="111" spans="1:4" ht="18" customHeight="1" x14ac:dyDescent="0.2">
      <c r="A111" s="16">
        <v>87</v>
      </c>
      <c r="B111" s="29">
        <v>14</v>
      </c>
      <c r="C111" s="10">
        <v>29</v>
      </c>
      <c r="D111" s="9">
        <v>43</v>
      </c>
    </row>
    <row r="112" spans="1:4" ht="18" customHeight="1" x14ac:dyDescent="0.2">
      <c r="A112" s="16">
        <v>88</v>
      </c>
      <c r="B112" s="29">
        <v>13</v>
      </c>
      <c r="C112" s="10">
        <v>20</v>
      </c>
      <c r="D112" s="9">
        <v>33</v>
      </c>
    </row>
    <row r="113" spans="1:4" ht="18" customHeight="1" x14ac:dyDescent="0.2">
      <c r="A113" s="16">
        <v>89</v>
      </c>
      <c r="B113" s="29">
        <v>13</v>
      </c>
      <c r="C113" s="10">
        <v>26</v>
      </c>
      <c r="D113" s="9">
        <v>39</v>
      </c>
    </row>
    <row r="114" spans="1:4" ht="18" customHeight="1" x14ac:dyDescent="0.2">
      <c r="A114" s="8" t="s">
        <v>6</v>
      </c>
      <c r="B114" s="29">
        <v>77</v>
      </c>
      <c r="C114" s="10">
        <v>125</v>
      </c>
      <c r="D114" s="9">
        <v>202</v>
      </c>
    </row>
    <row r="115" spans="1:4" ht="18" customHeight="1" x14ac:dyDescent="0.2">
      <c r="A115" s="16">
        <v>90</v>
      </c>
      <c r="B115" s="29">
        <v>12</v>
      </c>
      <c r="C115" s="10">
        <v>16</v>
      </c>
      <c r="D115" s="9">
        <v>28</v>
      </c>
    </row>
    <row r="116" spans="1:4" ht="18" customHeight="1" x14ac:dyDescent="0.2">
      <c r="A116" s="16">
        <v>91</v>
      </c>
      <c r="B116" s="29">
        <v>11</v>
      </c>
      <c r="C116" s="10">
        <v>23</v>
      </c>
      <c r="D116" s="9">
        <v>34</v>
      </c>
    </row>
    <row r="117" spans="1:4" ht="18" customHeight="1" x14ac:dyDescent="0.2">
      <c r="A117" s="16">
        <v>92</v>
      </c>
      <c r="B117" s="29">
        <v>10</v>
      </c>
      <c r="C117" s="10">
        <v>18</v>
      </c>
      <c r="D117" s="9">
        <v>28</v>
      </c>
    </row>
    <row r="118" spans="1:4" ht="18" customHeight="1" x14ac:dyDescent="0.2">
      <c r="A118" s="16">
        <v>93</v>
      </c>
      <c r="B118" s="29">
        <v>5</v>
      </c>
      <c r="C118" s="10">
        <v>17</v>
      </c>
      <c r="D118" s="9">
        <v>22</v>
      </c>
    </row>
    <row r="119" spans="1:4" ht="18" customHeight="1" x14ac:dyDescent="0.2">
      <c r="A119" s="16">
        <v>94</v>
      </c>
      <c r="B119" s="29">
        <v>5</v>
      </c>
      <c r="C119" s="10">
        <v>14</v>
      </c>
      <c r="D119" s="9">
        <v>19</v>
      </c>
    </row>
    <row r="120" spans="1:4" ht="18" customHeight="1" x14ac:dyDescent="0.2">
      <c r="A120" s="8" t="s">
        <v>5</v>
      </c>
      <c r="B120" s="29">
        <v>43</v>
      </c>
      <c r="C120" s="10">
        <v>88</v>
      </c>
      <c r="D120" s="9">
        <v>131</v>
      </c>
    </row>
    <row r="121" spans="1:4" ht="18" customHeight="1" x14ac:dyDescent="0.2">
      <c r="A121" s="16">
        <v>95</v>
      </c>
      <c r="B121" s="29">
        <v>3</v>
      </c>
      <c r="C121" s="10">
        <v>8</v>
      </c>
      <c r="D121" s="9">
        <v>11</v>
      </c>
    </row>
    <row r="122" spans="1:4" ht="18" customHeight="1" x14ac:dyDescent="0.2">
      <c r="A122" s="16">
        <v>96</v>
      </c>
      <c r="B122" s="29">
        <v>2</v>
      </c>
      <c r="C122" s="10">
        <v>4</v>
      </c>
      <c r="D122" s="9">
        <v>6</v>
      </c>
    </row>
    <row r="123" spans="1:4" ht="18" customHeight="1" x14ac:dyDescent="0.2">
      <c r="A123" s="16">
        <v>97</v>
      </c>
      <c r="B123" s="29">
        <v>1</v>
      </c>
      <c r="C123" s="10">
        <v>6</v>
      </c>
      <c r="D123" s="9">
        <v>7</v>
      </c>
    </row>
    <row r="124" spans="1:4" ht="18" customHeight="1" x14ac:dyDescent="0.2">
      <c r="A124" s="16">
        <v>98</v>
      </c>
      <c r="B124" s="29">
        <v>0</v>
      </c>
      <c r="C124" s="10">
        <v>6</v>
      </c>
      <c r="D124" s="9">
        <v>6</v>
      </c>
    </row>
    <row r="125" spans="1:4" ht="18" customHeight="1" x14ac:dyDescent="0.2">
      <c r="A125" s="16">
        <v>99</v>
      </c>
      <c r="B125" s="29">
        <v>1</v>
      </c>
      <c r="C125" s="10">
        <v>1</v>
      </c>
      <c r="D125" s="9">
        <v>2</v>
      </c>
    </row>
    <row r="126" spans="1:4" ht="18" customHeight="1" x14ac:dyDescent="0.2">
      <c r="A126" s="8" t="s">
        <v>4</v>
      </c>
      <c r="B126" s="29">
        <v>7</v>
      </c>
      <c r="C126" s="10">
        <v>25</v>
      </c>
      <c r="D126" s="9">
        <v>32</v>
      </c>
    </row>
    <row r="127" spans="1:4" ht="18" customHeight="1" x14ac:dyDescent="0.2">
      <c r="A127" s="16">
        <v>100</v>
      </c>
      <c r="B127" s="29">
        <v>0</v>
      </c>
      <c r="C127" s="10">
        <v>0</v>
      </c>
      <c r="D127" s="9">
        <v>0</v>
      </c>
    </row>
    <row r="128" spans="1:4" ht="18" customHeight="1" x14ac:dyDescent="0.2">
      <c r="A128" s="15" t="s">
        <v>3</v>
      </c>
      <c r="B128" s="29">
        <v>1</v>
      </c>
      <c r="C128" s="10">
        <v>2</v>
      </c>
      <c r="D128" s="9">
        <v>3</v>
      </c>
    </row>
    <row r="129" spans="1:4" ht="18" customHeight="1" x14ac:dyDescent="0.2">
      <c r="A129" s="8" t="s">
        <v>2</v>
      </c>
      <c r="B129" s="29">
        <v>1</v>
      </c>
      <c r="C129" s="10">
        <v>2</v>
      </c>
      <c r="D129" s="9">
        <v>3</v>
      </c>
    </row>
    <row r="130" spans="1:4" ht="18" customHeight="1" x14ac:dyDescent="0.2">
      <c r="A130" s="8" t="s">
        <v>1</v>
      </c>
      <c r="B130" s="28">
        <v>648</v>
      </c>
      <c r="C130" s="6">
        <v>864</v>
      </c>
      <c r="D130" s="5">
        <v>1512</v>
      </c>
    </row>
    <row r="131" spans="1:4" ht="18" customHeight="1" x14ac:dyDescent="0.2">
      <c r="A131" s="4" t="s">
        <v>0</v>
      </c>
      <c r="B131" s="27">
        <v>1985</v>
      </c>
      <c r="C131" s="2">
        <v>2082</v>
      </c>
      <c r="D131" s="1">
        <v>4067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9C43232-79B8-4C3B-8666-A436334E3220}">
  <sheetPr codeName="Sheet9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109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0</v>
      </c>
      <c r="C5" s="45">
        <v>3</v>
      </c>
      <c r="D5" s="44">
        <v>3</v>
      </c>
    </row>
    <row r="6" spans="1:4" ht="18" customHeight="1" x14ac:dyDescent="0.2">
      <c r="A6" s="8">
        <v>1</v>
      </c>
      <c r="B6" s="40">
        <v>1</v>
      </c>
      <c r="C6" s="13">
        <v>2</v>
      </c>
      <c r="D6" s="12">
        <v>3</v>
      </c>
    </row>
    <row r="7" spans="1:4" ht="18" customHeight="1" x14ac:dyDescent="0.2">
      <c r="A7" s="8">
        <v>2</v>
      </c>
      <c r="B7" s="40">
        <v>3</v>
      </c>
      <c r="C7" s="13">
        <v>4</v>
      </c>
      <c r="D7" s="12">
        <v>7</v>
      </c>
    </row>
    <row r="8" spans="1:4" ht="18" customHeight="1" x14ac:dyDescent="0.2">
      <c r="A8" s="8">
        <v>3</v>
      </c>
      <c r="B8" s="40">
        <v>3</v>
      </c>
      <c r="C8" s="13">
        <v>5</v>
      </c>
      <c r="D8" s="12">
        <v>8</v>
      </c>
    </row>
    <row r="9" spans="1:4" ht="18" customHeight="1" x14ac:dyDescent="0.2">
      <c r="A9" s="8">
        <v>4</v>
      </c>
      <c r="B9" s="43">
        <v>2</v>
      </c>
      <c r="C9" s="42">
        <v>3</v>
      </c>
      <c r="D9" s="41">
        <v>5</v>
      </c>
    </row>
    <row r="10" spans="1:4" ht="18" customHeight="1" x14ac:dyDescent="0.2">
      <c r="A10" s="8" t="s">
        <v>25</v>
      </c>
      <c r="B10" s="35">
        <v>9</v>
      </c>
      <c r="C10" s="13">
        <v>17</v>
      </c>
      <c r="D10" s="12">
        <v>26</v>
      </c>
    </row>
    <row r="11" spans="1:4" ht="18" customHeight="1" x14ac:dyDescent="0.2">
      <c r="A11" s="8">
        <v>5</v>
      </c>
      <c r="B11" s="40">
        <v>4</v>
      </c>
      <c r="C11" s="13">
        <v>1</v>
      </c>
      <c r="D11" s="12">
        <v>5</v>
      </c>
    </row>
    <row r="12" spans="1:4" ht="18" customHeight="1" x14ac:dyDescent="0.2">
      <c r="A12" s="8">
        <v>6</v>
      </c>
      <c r="B12" s="40">
        <v>6</v>
      </c>
      <c r="C12" s="13">
        <v>2</v>
      </c>
      <c r="D12" s="12">
        <v>8</v>
      </c>
    </row>
    <row r="13" spans="1:4" ht="18" customHeight="1" x14ac:dyDescent="0.2">
      <c r="A13" s="8">
        <v>7</v>
      </c>
      <c r="B13" s="40">
        <v>3</v>
      </c>
      <c r="C13" s="13">
        <v>5</v>
      </c>
      <c r="D13" s="12">
        <v>8</v>
      </c>
    </row>
    <row r="14" spans="1:4" ht="18" customHeight="1" x14ac:dyDescent="0.2">
      <c r="A14" s="8">
        <v>8</v>
      </c>
      <c r="B14" s="40">
        <v>3</v>
      </c>
      <c r="C14" s="13">
        <v>6</v>
      </c>
      <c r="D14" s="12">
        <v>9</v>
      </c>
    </row>
    <row r="15" spans="1:4" ht="18" customHeight="1" x14ac:dyDescent="0.2">
      <c r="A15" s="8">
        <v>9</v>
      </c>
      <c r="B15" s="40">
        <v>7</v>
      </c>
      <c r="C15" s="13">
        <v>8</v>
      </c>
      <c r="D15" s="12">
        <v>15</v>
      </c>
    </row>
    <row r="16" spans="1:4" ht="18" customHeight="1" x14ac:dyDescent="0.2">
      <c r="A16" s="8" t="s">
        <v>24</v>
      </c>
      <c r="B16" s="35">
        <v>23</v>
      </c>
      <c r="C16" s="13">
        <v>22</v>
      </c>
      <c r="D16" s="12">
        <v>45</v>
      </c>
    </row>
    <row r="17" spans="1:4" ht="18" customHeight="1" x14ac:dyDescent="0.2">
      <c r="A17" s="8">
        <v>10</v>
      </c>
      <c r="B17" s="35">
        <v>6</v>
      </c>
      <c r="C17" s="13">
        <v>2</v>
      </c>
      <c r="D17" s="12">
        <v>8</v>
      </c>
    </row>
    <row r="18" spans="1:4" ht="18" customHeight="1" x14ac:dyDescent="0.2">
      <c r="A18" s="8">
        <v>11</v>
      </c>
      <c r="B18" s="35">
        <v>6</v>
      </c>
      <c r="C18" s="13">
        <v>7</v>
      </c>
      <c r="D18" s="12">
        <v>13</v>
      </c>
    </row>
    <row r="19" spans="1:4" ht="18" customHeight="1" x14ac:dyDescent="0.2">
      <c r="A19" s="8">
        <v>12</v>
      </c>
      <c r="B19" s="35">
        <v>6</v>
      </c>
      <c r="C19" s="13">
        <v>6</v>
      </c>
      <c r="D19" s="12">
        <v>12</v>
      </c>
    </row>
    <row r="20" spans="1:4" ht="18" customHeight="1" x14ac:dyDescent="0.2">
      <c r="A20" s="8">
        <v>13</v>
      </c>
      <c r="B20" s="35">
        <v>9</v>
      </c>
      <c r="C20" s="13">
        <v>10</v>
      </c>
      <c r="D20" s="12">
        <v>19</v>
      </c>
    </row>
    <row r="21" spans="1:4" ht="18" customHeight="1" x14ac:dyDescent="0.2">
      <c r="A21" s="8">
        <v>14</v>
      </c>
      <c r="B21" s="35">
        <v>3</v>
      </c>
      <c r="C21" s="13">
        <v>2</v>
      </c>
      <c r="D21" s="12">
        <v>5</v>
      </c>
    </row>
    <row r="22" spans="1:4" ht="18" customHeight="1" x14ac:dyDescent="0.2">
      <c r="A22" s="8" t="s">
        <v>23</v>
      </c>
      <c r="B22" s="35">
        <v>30</v>
      </c>
      <c r="C22" s="13">
        <v>27</v>
      </c>
      <c r="D22" s="12">
        <v>57</v>
      </c>
    </row>
    <row r="23" spans="1:4" ht="18" customHeight="1" x14ac:dyDescent="0.2">
      <c r="A23" s="8" t="s">
        <v>22</v>
      </c>
      <c r="B23" s="35">
        <v>62</v>
      </c>
      <c r="C23" s="13">
        <v>66</v>
      </c>
      <c r="D23" s="12">
        <v>128</v>
      </c>
    </row>
    <row r="24" spans="1:4" ht="18" customHeight="1" x14ac:dyDescent="0.2">
      <c r="A24" s="8">
        <v>15</v>
      </c>
      <c r="B24" s="35">
        <v>4</v>
      </c>
      <c r="C24" s="13">
        <v>7</v>
      </c>
      <c r="D24" s="12">
        <v>11</v>
      </c>
    </row>
    <row r="25" spans="1:4" ht="18" customHeight="1" x14ac:dyDescent="0.2">
      <c r="A25" s="8">
        <v>16</v>
      </c>
      <c r="B25" s="35">
        <v>10</v>
      </c>
      <c r="C25" s="13">
        <v>5</v>
      </c>
      <c r="D25" s="12">
        <v>15</v>
      </c>
    </row>
    <row r="26" spans="1:4" ht="18" customHeight="1" x14ac:dyDescent="0.2">
      <c r="A26" s="8">
        <v>17</v>
      </c>
      <c r="B26" s="35">
        <v>6</v>
      </c>
      <c r="C26" s="13">
        <v>4</v>
      </c>
      <c r="D26" s="12">
        <v>10</v>
      </c>
    </row>
    <row r="27" spans="1:4" ht="18" customHeight="1" x14ac:dyDescent="0.2">
      <c r="A27" s="8">
        <v>18</v>
      </c>
      <c r="B27" s="35">
        <v>7</v>
      </c>
      <c r="C27" s="13">
        <v>4</v>
      </c>
      <c r="D27" s="12">
        <v>11</v>
      </c>
    </row>
    <row r="28" spans="1:4" ht="18" customHeight="1" x14ac:dyDescent="0.2">
      <c r="A28" s="8">
        <v>19</v>
      </c>
      <c r="B28" s="35">
        <v>6</v>
      </c>
      <c r="C28" s="13">
        <v>6</v>
      </c>
      <c r="D28" s="12">
        <v>12</v>
      </c>
    </row>
    <row r="29" spans="1:4" ht="18" customHeight="1" x14ac:dyDescent="0.2">
      <c r="A29" s="8" t="s">
        <v>21</v>
      </c>
      <c r="B29" s="35">
        <v>33</v>
      </c>
      <c r="C29" s="13">
        <v>26</v>
      </c>
      <c r="D29" s="12">
        <v>59</v>
      </c>
    </row>
    <row r="30" spans="1:4" ht="18" customHeight="1" x14ac:dyDescent="0.2">
      <c r="A30" s="8">
        <v>20</v>
      </c>
      <c r="B30" s="35">
        <v>1</v>
      </c>
      <c r="C30" s="13">
        <v>4</v>
      </c>
      <c r="D30" s="12">
        <v>5</v>
      </c>
    </row>
    <row r="31" spans="1:4" ht="18" customHeight="1" x14ac:dyDescent="0.2">
      <c r="A31" s="8">
        <v>21</v>
      </c>
      <c r="B31" s="35">
        <v>4</v>
      </c>
      <c r="C31" s="13">
        <v>2</v>
      </c>
      <c r="D31" s="12">
        <v>6</v>
      </c>
    </row>
    <row r="32" spans="1:4" ht="18" customHeight="1" x14ac:dyDescent="0.2">
      <c r="A32" s="8">
        <v>22</v>
      </c>
      <c r="B32" s="35">
        <v>4</v>
      </c>
      <c r="C32" s="13">
        <v>3</v>
      </c>
      <c r="D32" s="12">
        <v>7</v>
      </c>
    </row>
    <row r="33" spans="1:4" ht="18" customHeight="1" x14ac:dyDescent="0.2">
      <c r="A33" s="8">
        <v>23</v>
      </c>
      <c r="B33" s="35">
        <v>5</v>
      </c>
      <c r="C33" s="13">
        <v>3</v>
      </c>
      <c r="D33" s="12">
        <v>8</v>
      </c>
    </row>
    <row r="34" spans="1:4" ht="18" customHeight="1" x14ac:dyDescent="0.2">
      <c r="A34" s="8">
        <v>24</v>
      </c>
      <c r="B34" s="35">
        <v>4</v>
      </c>
      <c r="C34" s="13">
        <v>4</v>
      </c>
      <c r="D34" s="12">
        <v>8</v>
      </c>
    </row>
    <row r="35" spans="1:4" ht="18" customHeight="1" x14ac:dyDescent="0.2">
      <c r="A35" s="8" t="s">
        <v>20</v>
      </c>
      <c r="B35" s="35">
        <v>18</v>
      </c>
      <c r="C35" s="13">
        <v>16</v>
      </c>
      <c r="D35" s="12">
        <v>34</v>
      </c>
    </row>
    <row r="36" spans="1:4" ht="18" customHeight="1" x14ac:dyDescent="0.2">
      <c r="A36" s="8">
        <v>25</v>
      </c>
      <c r="B36" s="35">
        <v>3</v>
      </c>
      <c r="C36" s="13">
        <v>1</v>
      </c>
      <c r="D36" s="12">
        <v>4</v>
      </c>
    </row>
    <row r="37" spans="1:4" ht="18" customHeight="1" x14ac:dyDescent="0.2">
      <c r="A37" s="8">
        <v>26</v>
      </c>
      <c r="B37" s="35">
        <v>6</v>
      </c>
      <c r="C37" s="13">
        <v>4</v>
      </c>
      <c r="D37" s="12">
        <v>10</v>
      </c>
    </row>
    <row r="38" spans="1:4" ht="18" customHeight="1" x14ac:dyDescent="0.2">
      <c r="A38" s="8">
        <v>27</v>
      </c>
      <c r="B38" s="35">
        <v>7</v>
      </c>
      <c r="C38" s="13">
        <v>3</v>
      </c>
      <c r="D38" s="12">
        <v>10</v>
      </c>
    </row>
    <row r="39" spans="1:4" ht="18" customHeight="1" x14ac:dyDescent="0.2">
      <c r="A39" s="8">
        <v>28</v>
      </c>
      <c r="B39" s="35">
        <v>7</v>
      </c>
      <c r="C39" s="13">
        <v>4</v>
      </c>
      <c r="D39" s="12">
        <v>11</v>
      </c>
    </row>
    <row r="40" spans="1:4" ht="18" customHeight="1" x14ac:dyDescent="0.2">
      <c r="A40" s="8">
        <v>29</v>
      </c>
      <c r="B40" s="35">
        <v>4</v>
      </c>
      <c r="C40" s="13">
        <v>2</v>
      </c>
      <c r="D40" s="12">
        <v>6</v>
      </c>
    </row>
    <row r="41" spans="1:4" ht="18" customHeight="1" x14ac:dyDescent="0.2">
      <c r="A41" s="8" t="s">
        <v>19</v>
      </c>
      <c r="B41" s="35">
        <v>27</v>
      </c>
      <c r="C41" s="13">
        <v>14</v>
      </c>
      <c r="D41" s="12">
        <v>41</v>
      </c>
    </row>
    <row r="42" spans="1:4" ht="18" customHeight="1" x14ac:dyDescent="0.2">
      <c r="A42" s="8">
        <v>30</v>
      </c>
      <c r="B42" s="35">
        <v>9</v>
      </c>
      <c r="C42" s="13">
        <v>4</v>
      </c>
      <c r="D42" s="12">
        <v>13</v>
      </c>
    </row>
    <row r="43" spans="1:4" ht="18" customHeight="1" x14ac:dyDescent="0.2">
      <c r="A43" s="8">
        <v>31</v>
      </c>
      <c r="B43" s="35">
        <v>3</v>
      </c>
      <c r="C43" s="13">
        <v>2</v>
      </c>
      <c r="D43" s="12">
        <v>5</v>
      </c>
    </row>
    <row r="44" spans="1:4" ht="18" customHeight="1" x14ac:dyDescent="0.2">
      <c r="A44" s="8">
        <v>32</v>
      </c>
      <c r="B44" s="35">
        <v>6</v>
      </c>
      <c r="C44" s="13">
        <v>4</v>
      </c>
      <c r="D44" s="12">
        <v>10</v>
      </c>
    </row>
    <row r="45" spans="1:4" ht="18" customHeight="1" x14ac:dyDescent="0.2">
      <c r="A45" s="8">
        <v>33</v>
      </c>
      <c r="B45" s="35">
        <v>5</v>
      </c>
      <c r="C45" s="13">
        <v>5</v>
      </c>
      <c r="D45" s="12">
        <v>10</v>
      </c>
    </row>
    <row r="46" spans="1:4" ht="18" customHeight="1" x14ac:dyDescent="0.2">
      <c r="A46" s="8">
        <v>34</v>
      </c>
      <c r="B46" s="35">
        <v>3</v>
      </c>
      <c r="C46" s="13">
        <v>5</v>
      </c>
      <c r="D46" s="12">
        <v>8</v>
      </c>
    </row>
    <row r="47" spans="1:4" ht="18" customHeight="1" x14ac:dyDescent="0.2">
      <c r="A47" s="8" t="s">
        <v>18</v>
      </c>
      <c r="B47" s="35">
        <v>26</v>
      </c>
      <c r="C47" s="13">
        <v>20</v>
      </c>
      <c r="D47" s="12">
        <v>46</v>
      </c>
    </row>
    <row r="48" spans="1:4" ht="18" customHeight="1" x14ac:dyDescent="0.2">
      <c r="A48" s="8">
        <v>35</v>
      </c>
      <c r="B48" s="35">
        <v>6</v>
      </c>
      <c r="C48" s="13">
        <v>4</v>
      </c>
      <c r="D48" s="12">
        <v>10</v>
      </c>
    </row>
    <row r="49" spans="1:4" ht="18" customHeight="1" x14ac:dyDescent="0.2">
      <c r="A49" s="8">
        <v>36</v>
      </c>
      <c r="B49" s="35">
        <v>4</v>
      </c>
      <c r="C49" s="13">
        <v>3</v>
      </c>
      <c r="D49" s="12">
        <v>7</v>
      </c>
    </row>
    <row r="50" spans="1:4" ht="18" customHeight="1" x14ac:dyDescent="0.2">
      <c r="A50" s="8">
        <v>37</v>
      </c>
      <c r="B50" s="35">
        <v>4</v>
      </c>
      <c r="C50" s="13">
        <v>4</v>
      </c>
      <c r="D50" s="12">
        <v>8</v>
      </c>
    </row>
    <row r="51" spans="1:4" ht="18" customHeight="1" x14ac:dyDescent="0.2">
      <c r="A51" s="8">
        <v>38</v>
      </c>
      <c r="B51" s="35">
        <v>6</v>
      </c>
      <c r="C51" s="13">
        <v>6</v>
      </c>
      <c r="D51" s="12">
        <v>12</v>
      </c>
    </row>
    <row r="52" spans="1:4" ht="18" customHeight="1" x14ac:dyDescent="0.2">
      <c r="A52" s="8">
        <v>39</v>
      </c>
      <c r="B52" s="35">
        <v>4</v>
      </c>
      <c r="C52" s="13">
        <v>5</v>
      </c>
      <c r="D52" s="12">
        <v>9</v>
      </c>
    </row>
    <row r="53" spans="1:4" ht="18" customHeight="1" x14ac:dyDescent="0.2">
      <c r="A53" s="8" t="s">
        <v>17</v>
      </c>
      <c r="B53" s="35">
        <v>24</v>
      </c>
      <c r="C53" s="13">
        <v>22</v>
      </c>
      <c r="D53" s="12">
        <v>46</v>
      </c>
    </row>
    <row r="54" spans="1:4" ht="18" customHeight="1" x14ac:dyDescent="0.2">
      <c r="A54" s="8">
        <v>40</v>
      </c>
      <c r="B54" s="35">
        <v>8</v>
      </c>
      <c r="C54" s="13">
        <v>5</v>
      </c>
      <c r="D54" s="12">
        <v>13</v>
      </c>
    </row>
    <row r="55" spans="1:4" ht="18" customHeight="1" x14ac:dyDescent="0.2">
      <c r="A55" s="8">
        <v>41</v>
      </c>
      <c r="B55" s="35">
        <v>9</v>
      </c>
      <c r="C55" s="13">
        <v>7</v>
      </c>
      <c r="D55" s="12">
        <v>16</v>
      </c>
    </row>
    <row r="56" spans="1:4" ht="18" customHeight="1" x14ac:dyDescent="0.2">
      <c r="A56" s="8">
        <v>42</v>
      </c>
      <c r="B56" s="35">
        <v>5</v>
      </c>
      <c r="C56" s="13">
        <v>8</v>
      </c>
      <c r="D56" s="12">
        <v>13</v>
      </c>
    </row>
    <row r="57" spans="1:4" ht="18" customHeight="1" x14ac:dyDescent="0.2">
      <c r="A57" s="8">
        <v>43</v>
      </c>
      <c r="B57" s="35">
        <v>7</v>
      </c>
      <c r="C57" s="13">
        <v>8</v>
      </c>
      <c r="D57" s="12">
        <v>15</v>
      </c>
    </row>
    <row r="58" spans="1:4" ht="18" customHeight="1" x14ac:dyDescent="0.2">
      <c r="A58" s="8">
        <v>44</v>
      </c>
      <c r="B58" s="35">
        <v>7</v>
      </c>
      <c r="C58" s="13">
        <v>8</v>
      </c>
      <c r="D58" s="12">
        <v>15</v>
      </c>
    </row>
    <row r="59" spans="1:4" ht="18" customHeight="1" x14ac:dyDescent="0.2">
      <c r="A59" s="8" t="s">
        <v>16</v>
      </c>
      <c r="B59" s="35">
        <v>36</v>
      </c>
      <c r="C59" s="13">
        <v>36</v>
      </c>
      <c r="D59" s="12">
        <v>72</v>
      </c>
    </row>
    <row r="60" spans="1:4" ht="18" customHeight="1" x14ac:dyDescent="0.2">
      <c r="A60" s="8">
        <v>45</v>
      </c>
      <c r="B60" s="35">
        <v>14</v>
      </c>
      <c r="C60" s="13">
        <v>6</v>
      </c>
      <c r="D60" s="12">
        <v>20</v>
      </c>
    </row>
    <row r="61" spans="1:4" ht="18" customHeight="1" x14ac:dyDescent="0.2">
      <c r="A61" s="8">
        <v>46</v>
      </c>
      <c r="B61" s="35">
        <v>7</v>
      </c>
      <c r="C61" s="13">
        <v>3</v>
      </c>
      <c r="D61" s="12">
        <v>10</v>
      </c>
    </row>
    <row r="62" spans="1:4" ht="18" customHeight="1" x14ac:dyDescent="0.2">
      <c r="A62" s="8">
        <v>47</v>
      </c>
      <c r="B62" s="35">
        <v>9</v>
      </c>
      <c r="C62" s="13">
        <v>7</v>
      </c>
      <c r="D62" s="12">
        <v>16</v>
      </c>
    </row>
    <row r="63" spans="1:4" ht="18" customHeight="1" x14ac:dyDescent="0.2">
      <c r="A63" s="8">
        <v>48</v>
      </c>
      <c r="B63" s="35">
        <v>5</v>
      </c>
      <c r="C63" s="13">
        <v>7</v>
      </c>
      <c r="D63" s="12">
        <v>12</v>
      </c>
    </row>
    <row r="64" spans="1:4" ht="18" customHeight="1" x14ac:dyDescent="0.2">
      <c r="A64" s="8">
        <v>49</v>
      </c>
      <c r="B64" s="35">
        <v>18</v>
      </c>
      <c r="C64" s="13">
        <v>8</v>
      </c>
      <c r="D64" s="12">
        <v>26</v>
      </c>
    </row>
    <row r="65" spans="1:4" ht="18" customHeight="1" x14ac:dyDescent="0.2">
      <c r="A65" s="8" t="s">
        <v>15</v>
      </c>
      <c r="B65" s="35">
        <v>53</v>
      </c>
      <c r="C65" s="13">
        <v>31</v>
      </c>
      <c r="D65" s="12">
        <v>84</v>
      </c>
    </row>
    <row r="66" spans="1:4" ht="18" customHeight="1" x14ac:dyDescent="0.2">
      <c r="A66" s="8">
        <v>50</v>
      </c>
      <c r="B66" s="35">
        <v>14</v>
      </c>
      <c r="C66" s="13">
        <v>8</v>
      </c>
      <c r="D66" s="12">
        <v>22</v>
      </c>
    </row>
    <row r="67" spans="1:4" ht="18" customHeight="1" x14ac:dyDescent="0.2">
      <c r="A67" s="8">
        <v>51</v>
      </c>
      <c r="B67" s="35">
        <v>6</v>
      </c>
      <c r="C67" s="13">
        <v>5</v>
      </c>
      <c r="D67" s="12">
        <v>11</v>
      </c>
    </row>
    <row r="68" spans="1:4" ht="18" customHeight="1" x14ac:dyDescent="0.2">
      <c r="A68" s="8">
        <v>52</v>
      </c>
      <c r="B68" s="35">
        <v>5</v>
      </c>
      <c r="C68" s="13">
        <v>3</v>
      </c>
      <c r="D68" s="12">
        <v>8</v>
      </c>
    </row>
    <row r="69" spans="1:4" ht="18" customHeight="1" x14ac:dyDescent="0.2">
      <c r="A69" s="8">
        <v>53</v>
      </c>
      <c r="B69" s="35">
        <v>6</v>
      </c>
      <c r="C69" s="13">
        <v>11</v>
      </c>
      <c r="D69" s="12">
        <v>17</v>
      </c>
    </row>
    <row r="70" spans="1:4" ht="18" customHeight="1" x14ac:dyDescent="0.2">
      <c r="A70" s="8">
        <v>54</v>
      </c>
      <c r="B70" s="35">
        <v>6</v>
      </c>
      <c r="C70" s="13">
        <v>4</v>
      </c>
      <c r="D70" s="12">
        <v>10</v>
      </c>
    </row>
    <row r="71" spans="1:4" ht="18" customHeight="1" x14ac:dyDescent="0.2">
      <c r="A71" s="8" t="s">
        <v>14</v>
      </c>
      <c r="B71" s="35">
        <v>37</v>
      </c>
      <c r="C71" s="13">
        <v>31</v>
      </c>
      <c r="D71" s="12">
        <v>68</v>
      </c>
    </row>
    <row r="72" spans="1:4" ht="18" customHeight="1" x14ac:dyDescent="0.2">
      <c r="A72" s="8">
        <v>55</v>
      </c>
      <c r="B72" s="35">
        <v>8</v>
      </c>
      <c r="C72" s="13">
        <v>13</v>
      </c>
      <c r="D72" s="12">
        <v>21</v>
      </c>
    </row>
    <row r="73" spans="1:4" ht="18" customHeight="1" x14ac:dyDescent="0.2">
      <c r="A73" s="8">
        <v>56</v>
      </c>
      <c r="B73" s="35">
        <v>10</v>
      </c>
      <c r="C73" s="13">
        <v>13</v>
      </c>
      <c r="D73" s="12">
        <v>23</v>
      </c>
    </row>
    <row r="74" spans="1:4" ht="18" customHeight="1" x14ac:dyDescent="0.2">
      <c r="A74" s="8">
        <v>57</v>
      </c>
      <c r="B74" s="35">
        <v>9</v>
      </c>
      <c r="C74" s="13">
        <v>11</v>
      </c>
      <c r="D74" s="12">
        <v>20</v>
      </c>
    </row>
    <row r="75" spans="1:4" ht="18" customHeight="1" x14ac:dyDescent="0.2">
      <c r="A75" s="8">
        <v>58</v>
      </c>
      <c r="B75" s="35">
        <v>10</v>
      </c>
      <c r="C75" s="13">
        <v>11</v>
      </c>
      <c r="D75" s="12">
        <v>21</v>
      </c>
    </row>
    <row r="76" spans="1:4" ht="18" customHeight="1" x14ac:dyDescent="0.2">
      <c r="A76" s="8">
        <v>59</v>
      </c>
      <c r="B76" s="35">
        <v>5</v>
      </c>
      <c r="C76" s="13">
        <v>9</v>
      </c>
      <c r="D76" s="12">
        <v>14</v>
      </c>
    </row>
    <row r="77" spans="1:4" ht="18" customHeight="1" x14ac:dyDescent="0.2">
      <c r="A77" s="8" t="s">
        <v>13</v>
      </c>
      <c r="B77" s="35">
        <v>42</v>
      </c>
      <c r="C77" s="13">
        <v>57</v>
      </c>
      <c r="D77" s="12">
        <v>99</v>
      </c>
    </row>
    <row r="78" spans="1:4" ht="18" customHeight="1" x14ac:dyDescent="0.2">
      <c r="A78" s="8">
        <v>60</v>
      </c>
      <c r="B78" s="35">
        <v>7</v>
      </c>
      <c r="C78" s="13">
        <v>10</v>
      </c>
      <c r="D78" s="12">
        <v>17</v>
      </c>
    </row>
    <row r="79" spans="1:4" ht="18" customHeight="1" x14ac:dyDescent="0.2">
      <c r="A79" s="8">
        <v>61</v>
      </c>
      <c r="B79" s="35">
        <v>10</v>
      </c>
      <c r="C79" s="13">
        <v>10</v>
      </c>
      <c r="D79" s="12">
        <v>20</v>
      </c>
    </row>
    <row r="80" spans="1:4" ht="18" customHeight="1" x14ac:dyDescent="0.2">
      <c r="A80" s="8">
        <v>62</v>
      </c>
      <c r="B80" s="35">
        <v>4</v>
      </c>
      <c r="C80" s="13">
        <v>5</v>
      </c>
      <c r="D80" s="12">
        <v>9</v>
      </c>
    </row>
    <row r="81" spans="1:4" ht="18" customHeight="1" x14ac:dyDescent="0.2">
      <c r="A81" s="8">
        <v>63</v>
      </c>
      <c r="B81" s="35">
        <v>12</v>
      </c>
      <c r="C81" s="13">
        <v>7</v>
      </c>
      <c r="D81" s="12">
        <v>19</v>
      </c>
    </row>
    <row r="82" spans="1:4" ht="18" customHeight="1" x14ac:dyDescent="0.2">
      <c r="A82" s="8">
        <v>64</v>
      </c>
      <c r="B82" s="35">
        <v>11</v>
      </c>
      <c r="C82" s="13">
        <v>8</v>
      </c>
      <c r="D82" s="12">
        <v>19</v>
      </c>
    </row>
    <row r="83" spans="1:4" ht="18" customHeight="1" x14ac:dyDescent="0.2">
      <c r="A83" s="8" t="s">
        <v>12</v>
      </c>
      <c r="B83" s="35">
        <v>44</v>
      </c>
      <c r="C83" s="13">
        <v>40</v>
      </c>
      <c r="D83" s="12">
        <v>84</v>
      </c>
    </row>
    <row r="84" spans="1:4" ht="18" customHeight="1" x14ac:dyDescent="0.2">
      <c r="A84" s="8" t="s">
        <v>11</v>
      </c>
      <c r="B84" s="35">
        <v>340</v>
      </c>
      <c r="C84" s="13">
        <v>293</v>
      </c>
      <c r="D84" s="12">
        <v>633</v>
      </c>
    </row>
    <row r="85" spans="1:4" ht="18" customHeight="1" x14ac:dyDescent="0.2">
      <c r="A85" s="8">
        <v>65</v>
      </c>
      <c r="B85" s="35">
        <v>7</v>
      </c>
      <c r="C85" s="13">
        <v>9</v>
      </c>
      <c r="D85" s="12">
        <v>16</v>
      </c>
    </row>
    <row r="86" spans="1:4" ht="18" customHeight="1" x14ac:dyDescent="0.2">
      <c r="A86" s="8">
        <v>66</v>
      </c>
      <c r="B86" s="35">
        <v>7</v>
      </c>
      <c r="C86" s="13">
        <v>6</v>
      </c>
      <c r="D86" s="12">
        <v>13</v>
      </c>
    </row>
    <row r="87" spans="1:4" ht="18" customHeight="1" x14ac:dyDescent="0.2">
      <c r="A87" s="8">
        <v>67</v>
      </c>
      <c r="B87" s="35">
        <v>5</v>
      </c>
      <c r="C87" s="13">
        <v>6</v>
      </c>
      <c r="D87" s="12">
        <v>11</v>
      </c>
    </row>
    <row r="88" spans="1:4" ht="18" customHeight="1" x14ac:dyDescent="0.2">
      <c r="A88" s="8">
        <v>68</v>
      </c>
      <c r="B88" s="35">
        <v>9</v>
      </c>
      <c r="C88" s="13">
        <v>11</v>
      </c>
      <c r="D88" s="12">
        <v>20</v>
      </c>
    </row>
    <row r="89" spans="1:4" ht="18" customHeight="1" x14ac:dyDescent="0.2">
      <c r="A89" s="8">
        <v>69</v>
      </c>
      <c r="B89" s="35">
        <v>20</v>
      </c>
      <c r="C89" s="13">
        <v>12</v>
      </c>
      <c r="D89" s="12">
        <v>32</v>
      </c>
    </row>
    <row r="90" spans="1:4" ht="18" customHeight="1" x14ac:dyDescent="0.2">
      <c r="A90" s="8" t="s">
        <v>10</v>
      </c>
      <c r="B90" s="35">
        <v>48</v>
      </c>
      <c r="C90" s="13">
        <v>44</v>
      </c>
      <c r="D90" s="12">
        <v>92</v>
      </c>
    </row>
    <row r="91" spans="1:4" ht="18" customHeight="1" x14ac:dyDescent="0.2">
      <c r="A91" s="8">
        <v>70</v>
      </c>
      <c r="B91" s="35">
        <v>6</v>
      </c>
      <c r="C91" s="13">
        <v>16</v>
      </c>
      <c r="D91" s="12">
        <v>22</v>
      </c>
    </row>
    <row r="92" spans="1:4" ht="18" customHeight="1" x14ac:dyDescent="0.2">
      <c r="A92" s="8">
        <v>71</v>
      </c>
      <c r="B92" s="35">
        <v>10</v>
      </c>
      <c r="C92" s="13">
        <v>17</v>
      </c>
      <c r="D92" s="12">
        <v>27</v>
      </c>
    </row>
    <row r="93" spans="1:4" ht="18" customHeight="1" x14ac:dyDescent="0.2">
      <c r="A93" s="8">
        <v>72</v>
      </c>
      <c r="B93" s="35">
        <v>14</v>
      </c>
      <c r="C93" s="13">
        <v>12</v>
      </c>
      <c r="D93" s="12">
        <v>26</v>
      </c>
    </row>
    <row r="94" spans="1:4" ht="18" customHeight="1" x14ac:dyDescent="0.2">
      <c r="A94" s="8">
        <v>73</v>
      </c>
      <c r="B94" s="35">
        <v>11</v>
      </c>
      <c r="C94" s="13">
        <v>16</v>
      </c>
      <c r="D94" s="12">
        <v>27</v>
      </c>
    </row>
    <row r="95" spans="1:4" ht="18" customHeight="1" x14ac:dyDescent="0.2">
      <c r="A95" s="8">
        <v>74</v>
      </c>
      <c r="B95" s="35">
        <v>22</v>
      </c>
      <c r="C95" s="13">
        <v>10</v>
      </c>
      <c r="D95" s="12">
        <v>32</v>
      </c>
    </row>
    <row r="96" spans="1:4" ht="18" customHeight="1" x14ac:dyDescent="0.2">
      <c r="A96" s="8" t="s">
        <v>9</v>
      </c>
      <c r="B96" s="35">
        <v>63</v>
      </c>
      <c r="C96" s="13">
        <v>71</v>
      </c>
      <c r="D96" s="12">
        <v>134</v>
      </c>
    </row>
    <row r="97" spans="1:4" ht="18" customHeight="1" x14ac:dyDescent="0.2">
      <c r="A97" s="8">
        <v>75</v>
      </c>
      <c r="B97" s="35">
        <v>20</v>
      </c>
      <c r="C97" s="13">
        <v>16</v>
      </c>
      <c r="D97" s="12">
        <v>36</v>
      </c>
    </row>
    <row r="98" spans="1:4" ht="18" customHeight="1" x14ac:dyDescent="0.2">
      <c r="A98" s="8">
        <v>76</v>
      </c>
      <c r="B98" s="35">
        <v>14</v>
      </c>
      <c r="C98" s="13">
        <v>10</v>
      </c>
      <c r="D98" s="12">
        <v>24</v>
      </c>
    </row>
    <row r="99" spans="1:4" ht="18" customHeight="1" x14ac:dyDescent="0.2">
      <c r="A99" s="8">
        <v>77</v>
      </c>
      <c r="B99" s="35">
        <v>6</v>
      </c>
      <c r="C99" s="13">
        <v>3</v>
      </c>
      <c r="D99" s="12">
        <v>9</v>
      </c>
    </row>
    <row r="100" spans="1:4" ht="18" customHeight="1" x14ac:dyDescent="0.2">
      <c r="A100" s="8">
        <v>78</v>
      </c>
      <c r="B100" s="35">
        <v>5</v>
      </c>
      <c r="C100" s="13">
        <v>6</v>
      </c>
      <c r="D100" s="12">
        <v>11</v>
      </c>
    </row>
    <row r="101" spans="1:4" ht="18" customHeight="1" x14ac:dyDescent="0.2">
      <c r="A101" s="8">
        <v>79</v>
      </c>
      <c r="B101" s="35">
        <v>7</v>
      </c>
      <c r="C101" s="13">
        <v>8</v>
      </c>
      <c r="D101" s="12">
        <v>15</v>
      </c>
    </row>
    <row r="102" spans="1:4" ht="18" customHeight="1" x14ac:dyDescent="0.2">
      <c r="A102" s="8" t="s">
        <v>8</v>
      </c>
      <c r="B102" s="35">
        <v>52</v>
      </c>
      <c r="C102" s="13">
        <v>43</v>
      </c>
      <c r="D102" s="12">
        <v>95</v>
      </c>
    </row>
    <row r="103" spans="1:4" ht="18" customHeight="1" x14ac:dyDescent="0.2">
      <c r="A103" s="8">
        <v>80</v>
      </c>
      <c r="B103" s="35">
        <v>3</v>
      </c>
      <c r="C103" s="13">
        <v>12</v>
      </c>
      <c r="D103" s="12">
        <v>15</v>
      </c>
    </row>
    <row r="104" spans="1:4" ht="18" customHeight="1" x14ac:dyDescent="0.2">
      <c r="A104" s="8">
        <v>81</v>
      </c>
      <c r="B104" s="35">
        <v>8</v>
      </c>
      <c r="C104" s="13">
        <v>3</v>
      </c>
      <c r="D104" s="12">
        <v>11</v>
      </c>
    </row>
    <row r="105" spans="1:4" ht="18" customHeight="1" x14ac:dyDescent="0.2">
      <c r="A105" s="8">
        <v>82</v>
      </c>
      <c r="B105" s="35">
        <v>4</v>
      </c>
      <c r="C105" s="13">
        <v>12</v>
      </c>
      <c r="D105" s="12">
        <v>16</v>
      </c>
    </row>
    <row r="106" spans="1:4" ht="18" customHeight="1" x14ac:dyDescent="0.2">
      <c r="A106" s="8">
        <v>83</v>
      </c>
      <c r="B106" s="35">
        <v>5</v>
      </c>
      <c r="C106" s="13">
        <v>7</v>
      </c>
      <c r="D106" s="12">
        <v>12</v>
      </c>
    </row>
    <row r="107" spans="1:4" ht="18" customHeight="1" x14ac:dyDescent="0.2">
      <c r="A107" s="8">
        <v>84</v>
      </c>
      <c r="B107" s="35">
        <v>6</v>
      </c>
      <c r="C107" s="13">
        <v>6</v>
      </c>
      <c r="D107" s="12">
        <v>12</v>
      </c>
    </row>
    <row r="108" spans="1:4" ht="18" customHeight="1" x14ac:dyDescent="0.2">
      <c r="A108" s="8" t="s">
        <v>7</v>
      </c>
      <c r="B108" s="35">
        <v>26</v>
      </c>
      <c r="C108" s="13">
        <v>40</v>
      </c>
      <c r="D108" s="12">
        <v>66</v>
      </c>
    </row>
    <row r="109" spans="1:4" ht="18" customHeight="1" x14ac:dyDescent="0.2">
      <c r="A109" s="8">
        <v>85</v>
      </c>
      <c r="B109" s="35">
        <v>4</v>
      </c>
      <c r="C109" s="13">
        <v>11</v>
      </c>
      <c r="D109" s="12">
        <v>15</v>
      </c>
    </row>
    <row r="110" spans="1:4" ht="18" customHeight="1" x14ac:dyDescent="0.2">
      <c r="A110" s="8">
        <v>86</v>
      </c>
      <c r="B110" s="35">
        <v>6</v>
      </c>
      <c r="C110" s="13">
        <v>11</v>
      </c>
      <c r="D110" s="12">
        <v>17</v>
      </c>
    </row>
    <row r="111" spans="1:4" ht="18" customHeight="1" x14ac:dyDescent="0.2">
      <c r="A111" s="8">
        <v>87</v>
      </c>
      <c r="B111" s="35">
        <v>9</v>
      </c>
      <c r="C111" s="13">
        <v>12</v>
      </c>
      <c r="D111" s="12">
        <v>21</v>
      </c>
    </row>
    <row r="112" spans="1:4" ht="18" customHeight="1" x14ac:dyDescent="0.2">
      <c r="A112" s="8">
        <v>88</v>
      </c>
      <c r="B112" s="35">
        <v>4</v>
      </c>
      <c r="C112" s="13">
        <v>11</v>
      </c>
      <c r="D112" s="12">
        <v>15</v>
      </c>
    </row>
    <row r="113" spans="1:4" ht="18" customHeight="1" x14ac:dyDescent="0.2">
      <c r="A113" s="8">
        <v>89</v>
      </c>
      <c r="B113" s="35">
        <v>2</v>
      </c>
      <c r="C113" s="13">
        <v>7</v>
      </c>
      <c r="D113" s="12">
        <v>9</v>
      </c>
    </row>
    <row r="114" spans="1:4" ht="18" customHeight="1" x14ac:dyDescent="0.2">
      <c r="A114" s="8" t="s">
        <v>6</v>
      </c>
      <c r="B114" s="35">
        <v>25</v>
      </c>
      <c r="C114" s="13">
        <v>52</v>
      </c>
      <c r="D114" s="12">
        <v>77</v>
      </c>
    </row>
    <row r="115" spans="1:4" ht="18" customHeight="1" x14ac:dyDescent="0.2">
      <c r="A115" s="8">
        <v>90</v>
      </c>
      <c r="B115" s="35">
        <v>4</v>
      </c>
      <c r="C115" s="13">
        <v>6</v>
      </c>
      <c r="D115" s="12">
        <v>10</v>
      </c>
    </row>
    <row r="116" spans="1:4" ht="18" customHeight="1" x14ac:dyDescent="0.2">
      <c r="A116" s="8">
        <v>91</v>
      </c>
      <c r="B116" s="35">
        <v>3</v>
      </c>
      <c r="C116" s="13">
        <v>4</v>
      </c>
      <c r="D116" s="12">
        <v>7</v>
      </c>
    </row>
    <row r="117" spans="1:4" ht="18" customHeight="1" x14ac:dyDescent="0.2">
      <c r="A117" s="8">
        <v>92</v>
      </c>
      <c r="B117" s="35">
        <v>1</v>
      </c>
      <c r="C117" s="13">
        <v>6</v>
      </c>
      <c r="D117" s="12">
        <v>7</v>
      </c>
    </row>
    <row r="118" spans="1:4" ht="18" customHeight="1" x14ac:dyDescent="0.2">
      <c r="A118" s="8">
        <v>93</v>
      </c>
      <c r="B118" s="35">
        <v>0</v>
      </c>
      <c r="C118" s="13">
        <v>3</v>
      </c>
      <c r="D118" s="12">
        <v>3</v>
      </c>
    </row>
    <row r="119" spans="1:4" ht="18" customHeight="1" x14ac:dyDescent="0.2">
      <c r="A119" s="8">
        <v>94</v>
      </c>
      <c r="B119" s="35">
        <v>0</v>
      </c>
      <c r="C119" s="13">
        <v>4</v>
      </c>
      <c r="D119" s="12">
        <v>4</v>
      </c>
    </row>
    <row r="120" spans="1:4" ht="18" customHeight="1" x14ac:dyDescent="0.2">
      <c r="A120" s="8" t="s">
        <v>5</v>
      </c>
      <c r="B120" s="35">
        <v>8</v>
      </c>
      <c r="C120" s="13">
        <v>23</v>
      </c>
      <c r="D120" s="12">
        <v>31</v>
      </c>
    </row>
    <row r="121" spans="1:4" ht="18" customHeight="1" x14ac:dyDescent="0.2">
      <c r="A121" s="8">
        <v>95</v>
      </c>
      <c r="B121" s="35">
        <v>1</v>
      </c>
      <c r="C121" s="13">
        <v>3</v>
      </c>
      <c r="D121" s="12">
        <v>4</v>
      </c>
    </row>
    <row r="122" spans="1:4" ht="18" customHeight="1" x14ac:dyDescent="0.2">
      <c r="A122" s="8">
        <v>96</v>
      </c>
      <c r="B122" s="35">
        <v>0</v>
      </c>
      <c r="C122" s="13">
        <v>3</v>
      </c>
      <c r="D122" s="12">
        <v>3</v>
      </c>
    </row>
    <row r="123" spans="1:4" ht="18" customHeight="1" x14ac:dyDescent="0.2">
      <c r="A123" s="8">
        <v>97</v>
      </c>
      <c r="B123" s="35">
        <v>1</v>
      </c>
      <c r="C123" s="13">
        <v>3</v>
      </c>
      <c r="D123" s="12">
        <v>4</v>
      </c>
    </row>
    <row r="124" spans="1:4" ht="18" customHeight="1" x14ac:dyDescent="0.2">
      <c r="A124" s="8">
        <v>98</v>
      </c>
      <c r="B124" s="35">
        <v>0</v>
      </c>
      <c r="C124" s="13">
        <v>1</v>
      </c>
      <c r="D124" s="12">
        <v>1</v>
      </c>
    </row>
    <row r="125" spans="1:4" ht="18" customHeight="1" x14ac:dyDescent="0.2">
      <c r="A125" s="8">
        <v>99</v>
      </c>
      <c r="B125" s="35">
        <v>0</v>
      </c>
      <c r="C125" s="13">
        <v>0</v>
      </c>
      <c r="D125" s="12">
        <v>0</v>
      </c>
    </row>
    <row r="126" spans="1:4" ht="18" customHeight="1" x14ac:dyDescent="0.2">
      <c r="A126" s="8" t="s">
        <v>4</v>
      </c>
      <c r="B126" s="35">
        <v>2</v>
      </c>
      <c r="C126" s="13">
        <v>10</v>
      </c>
      <c r="D126" s="12">
        <v>12</v>
      </c>
    </row>
    <row r="127" spans="1:4" ht="18" customHeight="1" x14ac:dyDescent="0.2">
      <c r="A127" s="8">
        <v>100</v>
      </c>
      <c r="B127" s="35">
        <v>0</v>
      </c>
      <c r="C127" s="13">
        <v>0</v>
      </c>
      <c r="D127" s="12">
        <v>0</v>
      </c>
    </row>
    <row r="128" spans="1:4" ht="18" customHeight="1" x14ac:dyDescent="0.2">
      <c r="A128" s="15" t="s">
        <v>3</v>
      </c>
      <c r="B128" s="35">
        <v>0</v>
      </c>
      <c r="C128" s="13">
        <v>0</v>
      </c>
      <c r="D128" s="12">
        <v>0</v>
      </c>
    </row>
    <row r="129" spans="1:4" ht="18" customHeight="1" x14ac:dyDescent="0.2">
      <c r="A129" s="8" t="s">
        <v>2</v>
      </c>
      <c r="B129" s="35">
        <v>0</v>
      </c>
      <c r="C129" s="13">
        <v>0</v>
      </c>
      <c r="D129" s="12">
        <v>0</v>
      </c>
    </row>
    <row r="130" spans="1:4" ht="18" customHeight="1" x14ac:dyDescent="0.2">
      <c r="A130" s="8" t="s">
        <v>1</v>
      </c>
      <c r="B130" s="28">
        <v>224</v>
      </c>
      <c r="C130" s="6">
        <v>283</v>
      </c>
      <c r="D130" s="5">
        <v>507</v>
      </c>
    </row>
    <row r="131" spans="1:4" ht="18" customHeight="1" x14ac:dyDescent="0.2">
      <c r="A131" s="4" t="s">
        <v>0</v>
      </c>
      <c r="B131" s="27">
        <v>626</v>
      </c>
      <c r="C131" s="2">
        <v>642</v>
      </c>
      <c r="D131" s="1">
        <v>1268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28DAB0-ED47-49D0-BE94-06F9FE3D2D07}">
  <sheetPr codeName="Sheet9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110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12</v>
      </c>
      <c r="C5" s="45">
        <v>16</v>
      </c>
      <c r="D5" s="44">
        <v>28</v>
      </c>
    </row>
    <row r="6" spans="1:4" ht="18" customHeight="1" x14ac:dyDescent="0.2">
      <c r="A6" s="8">
        <v>1</v>
      </c>
      <c r="B6" s="40">
        <v>11</v>
      </c>
      <c r="C6" s="13">
        <v>23</v>
      </c>
      <c r="D6" s="12">
        <v>34</v>
      </c>
    </row>
    <row r="7" spans="1:4" ht="18" customHeight="1" x14ac:dyDescent="0.2">
      <c r="A7" s="8">
        <v>2</v>
      </c>
      <c r="B7" s="40">
        <v>14</v>
      </c>
      <c r="C7" s="13">
        <v>29</v>
      </c>
      <c r="D7" s="12">
        <v>43</v>
      </c>
    </row>
    <row r="8" spans="1:4" ht="18" customHeight="1" x14ac:dyDescent="0.2">
      <c r="A8" s="8">
        <v>3</v>
      </c>
      <c r="B8" s="40">
        <v>25</v>
      </c>
      <c r="C8" s="13">
        <v>19</v>
      </c>
      <c r="D8" s="12">
        <v>44</v>
      </c>
    </row>
    <row r="9" spans="1:4" ht="18" customHeight="1" x14ac:dyDescent="0.2">
      <c r="A9" s="8">
        <v>4</v>
      </c>
      <c r="B9" s="43">
        <v>16</v>
      </c>
      <c r="C9" s="42">
        <v>20</v>
      </c>
      <c r="D9" s="41">
        <v>36</v>
      </c>
    </row>
    <row r="10" spans="1:4" ht="18" customHeight="1" x14ac:dyDescent="0.2">
      <c r="A10" s="8" t="s">
        <v>25</v>
      </c>
      <c r="B10" s="35">
        <v>78</v>
      </c>
      <c r="C10" s="13">
        <v>107</v>
      </c>
      <c r="D10" s="12">
        <v>185</v>
      </c>
    </row>
    <row r="11" spans="1:4" ht="18" customHeight="1" x14ac:dyDescent="0.2">
      <c r="A11" s="8">
        <v>5</v>
      </c>
      <c r="B11" s="40">
        <v>22</v>
      </c>
      <c r="C11" s="13">
        <v>20</v>
      </c>
      <c r="D11" s="12">
        <v>42</v>
      </c>
    </row>
    <row r="12" spans="1:4" ht="18" customHeight="1" x14ac:dyDescent="0.2">
      <c r="A12" s="8">
        <v>6</v>
      </c>
      <c r="B12" s="40">
        <v>24</v>
      </c>
      <c r="C12" s="13">
        <v>18</v>
      </c>
      <c r="D12" s="12">
        <v>42</v>
      </c>
    </row>
    <row r="13" spans="1:4" ht="18" customHeight="1" x14ac:dyDescent="0.2">
      <c r="A13" s="8">
        <v>7</v>
      </c>
      <c r="B13" s="40">
        <v>25</v>
      </c>
      <c r="C13" s="13">
        <v>16</v>
      </c>
      <c r="D13" s="12">
        <v>41</v>
      </c>
    </row>
    <row r="14" spans="1:4" ht="18" customHeight="1" x14ac:dyDescent="0.2">
      <c r="A14" s="8">
        <v>8</v>
      </c>
      <c r="B14" s="40">
        <v>18</v>
      </c>
      <c r="C14" s="13">
        <v>12</v>
      </c>
      <c r="D14" s="12">
        <v>30</v>
      </c>
    </row>
    <row r="15" spans="1:4" ht="18" customHeight="1" x14ac:dyDescent="0.2">
      <c r="A15" s="8">
        <v>9</v>
      </c>
      <c r="B15" s="40">
        <v>27</v>
      </c>
      <c r="C15" s="13">
        <v>15</v>
      </c>
      <c r="D15" s="12">
        <v>42</v>
      </c>
    </row>
    <row r="16" spans="1:4" ht="18" customHeight="1" x14ac:dyDescent="0.2">
      <c r="A16" s="8" t="s">
        <v>24</v>
      </c>
      <c r="B16" s="35">
        <v>116</v>
      </c>
      <c r="C16" s="13">
        <v>81</v>
      </c>
      <c r="D16" s="12">
        <v>197</v>
      </c>
    </row>
    <row r="17" spans="1:4" ht="18" customHeight="1" x14ac:dyDescent="0.2">
      <c r="A17" s="8">
        <v>10</v>
      </c>
      <c r="B17" s="35">
        <v>22</v>
      </c>
      <c r="C17" s="13">
        <v>19</v>
      </c>
      <c r="D17" s="12">
        <v>41</v>
      </c>
    </row>
    <row r="18" spans="1:4" ht="18" customHeight="1" x14ac:dyDescent="0.2">
      <c r="A18" s="8">
        <v>11</v>
      </c>
      <c r="B18" s="35">
        <v>16</v>
      </c>
      <c r="C18" s="13">
        <v>22</v>
      </c>
      <c r="D18" s="12">
        <v>38</v>
      </c>
    </row>
    <row r="19" spans="1:4" ht="18" customHeight="1" x14ac:dyDescent="0.2">
      <c r="A19" s="8">
        <v>12</v>
      </c>
      <c r="B19" s="35">
        <v>26</v>
      </c>
      <c r="C19" s="13">
        <v>30</v>
      </c>
      <c r="D19" s="12">
        <v>56</v>
      </c>
    </row>
    <row r="20" spans="1:4" ht="18" customHeight="1" x14ac:dyDescent="0.2">
      <c r="A20" s="8">
        <v>13</v>
      </c>
      <c r="B20" s="35">
        <v>17</v>
      </c>
      <c r="C20" s="13">
        <v>16</v>
      </c>
      <c r="D20" s="12">
        <v>33</v>
      </c>
    </row>
    <row r="21" spans="1:4" ht="18" customHeight="1" x14ac:dyDescent="0.2">
      <c r="A21" s="8">
        <v>14</v>
      </c>
      <c r="B21" s="35">
        <v>36</v>
      </c>
      <c r="C21" s="13">
        <v>13</v>
      </c>
      <c r="D21" s="12">
        <v>49</v>
      </c>
    </row>
    <row r="22" spans="1:4" ht="18" customHeight="1" x14ac:dyDescent="0.2">
      <c r="A22" s="8" t="s">
        <v>23</v>
      </c>
      <c r="B22" s="35">
        <v>117</v>
      </c>
      <c r="C22" s="13">
        <v>100</v>
      </c>
      <c r="D22" s="12">
        <v>217</v>
      </c>
    </row>
    <row r="23" spans="1:4" ht="18" customHeight="1" x14ac:dyDescent="0.2">
      <c r="A23" s="8" t="s">
        <v>22</v>
      </c>
      <c r="B23" s="35">
        <v>311</v>
      </c>
      <c r="C23" s="13">
        <v>288</v>
      </c>
      <c r="D23" s="12">
        <v>599</v>
      </c>
    </row>
    <row r="24" spans="1:4" ht="18" customHeight="1" x14ac:dyDescent="0.2">
      <c r="A24" s="8">
        <v>15</v>
      </c>
      <c r="B24" s="35">
        <v>16</v>
      </c>
      <c r="C24" s="13">
        <v>20</v>
      </c>
      <c r="D24" s="12">
        <v>36</v>
      </c>
    </row>
    <row r="25" spans="1:4" ht="18" customHeight="1" x14ac:dyDescent="0.2">
      <c r="A25" s="8">
        <v>16</v>
      </c>
      <c r="B25" s="35">
        <v>16</v>
      </c>
      <c r="C25" s="13">
        <v>21</v>
      </c>
      <c r="D25" s="12">
        <v>37</v>
      </c>
    </row>
    <row r="26" spans="1:4" ht="18" customHeight="1" x14ac:dyDescent="0.2">
      <c r="A26" s="8">
        <v>17</v>
      </c>
      <c r="B26" s="35">
        <v>22</v>
      </c>
      <c r="C26" s="13">
        <v>23</v>
      </c>
      <c r="D26" s="12">
        <v>45</v>
      </c>
    </row>
    <row r="27" spans="1:4" ht="18" customHeight="1" x14ac:dyDescent="0.2">
      <c r="A27" s="8">
        <v>18</v>
      </c>
      <c r="B27" s="35">
        <v>23</v>
      </c>
      <c r="C27" s="13">
        <v>17</v>
      </c>
      <c r="D27" s="12">
        <v>40</v>
      </c>
    </row>
    <row r="28" spans="1:4" ht="18" customHeight="1" x14ac:dyDescent="0.2">
      <c r="A28" s="8">
        <v>19</v>
      </c>
      <c r="B28" s="35">
        <v>18</v>
      </c>
      <c r="C28" s="13">
        <v>26</v>
      </c>
      <c r="D28" s="12">
        <v>44</v>
      </c>
    </row>
    <row r="29" spans="1:4" ht="18" customHeight="1" x14ac:dyDescent="0.2">
      <c r="A29" s="8" t="s">
        <v>21</v>
      </c>
      <c r="B29" s="35">
        <v>95</v>
      </c>
      <c r="C29" s="13">
        <v>107</v>
      </c>
      <c r="D29" s="12">
        <v>202</v>
      </c>
    </row>
    <row r="30" spans="1:4" ht="18" customHeight="1" x14ac:dyDescent="0.2">
      <c r="A30" s="8">
        <v>20</v>
      </c>
      <c r="B30" s="35">
        <v>23</v>
      </c>
      <c r="C30" s="13">
        <v>16</v>
      </c>
      <c r="D30" s="12">
        <v>39</v>
      </c>
    </row>
    <row r="31" spans="1:4" ht="18" customHeight="1" x14ac:dyDescent="0.2">
      <c r="A31" s="8">
        <v>21</v>
      </c>
      <c r="B31" s="35">
        <v>23</v>
      </c>
      <c r="C31" s="13">
        <v>24</v>
      </c>
      <c r="D31" s="12">
        <v>47</v>
      </c>
    </row>
    <row r="32" spans="1:4" ht="18" customHeight="1" x14ac:dyDescent="0.2">
      <c r="A32" s="8">
        <v>22</v>
      </c>
      <c r="B32" s="35">
        <v>30</v>
      </c>
      <c r="C32" s="13">
        <v>20</v>
      </c>
      <c r="D32" s="12">
        <v>50</v>
      </c>
    </row>
    <row r="33" spans="1:4" ht="18" customHeight="1" x14ac:dyDescent="0.2">
      <c r="A33" s="8">
        <v>23</v>
      </c>
      <c r="B33" s="35">
        <v>23</v>
      </c>
      <c r="C33" s="13">
        <v>16</v>
      </c>
      <c r="D33" s="12">
        <v>39</v>
      </c>
    </row>
    <row r="34" spans="1:4" ht="18" customHeight="1" x14ac:dyDescent="0.2">
      <c r="A34" s="8">
        <v>24</v>
      </c>
      <c r="B34" s="35">
        <v>18</v>
      </c>
      <c r="C34" s="13">
        <v>28</v>
      </c>
      <c r="D34" s="12">
        <v>46</v>
      </c>
    </row>
    <row r="35" spans="1:4" ht="18" customHeight="1" x14ac:dyDescent="0.2">
      <c r="A35" s="8" t="s">
        <v>20</v>
      </c>
      <c r="B35" s="35">
        <v>117</v>
      </c>
      <c r="C35" s="13">
        <v>104</v>
      </c>
      <c r="D35" s="12">
        <v>221</v>
      </c>
    </row>
    <row r="36" spans="1:4" ht="18" customHeight="1" x14ac:dyDescent="0.2">
      <c r="A36" s="8">
        <v>25</v>
      </c>
      <c r="B36" s="35">
        <v>22</v>
      </c>
      <c r="C36" s="13">
        <v>15</v>
      </c>
      <c r="D36" s="12">
        <v>37</v>
      </c>
    </row>
    <row r="37" spans="1:4" ht="18" customHeight="1" x14ac:dyDescent="0.2">
      <c r="A37" s="8">
        <v>26</v>
      </c>
      <c r="B37" s="35">
        <v>21</v>
      </c>
      <c r="C37" s="13">
        <v>18</v>
      </c>
      <c r="D37" s="12">
        <v>39</v>
      </c>
    </row>
    <row r="38" spans="1:4" ht="18" customHeight="1" x14ac:dyDescent="0.2">
      <c r="A38" s="8">
        <v>27</v>
      </c>
      <c r="B38" s="35">
        <v>21</v>
      </c>
      <c r="C38" s="13">
        <v>22</v>
      </c>
      <c r="D38" s="12">
        <v>43</v>
      </c>
    </row>
    <row r="39" spans="1:4" ht="18" customHeight="1" x14ac:dyDescent="0.2">
      <c r="A39" s="8">
        <v>28</v>
      </c>
      <c r="B39" s="35">
        <v>21</v>
      </c>
      <c r="C39" s="13">
        <v>21</v>
      </c>
      <c r="D39" s="12">
        <v>42</v>
      </c>
    </row>
    <row r="40" spans="1:4" ht="18" customHeight="1" x14ac:dyDescent="0.2">
      <c r="A40" s="8">
        <v>29</v>
      </c>
      <c r="B40" s="35">
        <v>19</v>
      </c>
      <c r="C40" s="13">
        <v>17</v>
      </c>
      <c r="D40" s="12">
        <v>36</v>
      </c>
    </row>
    <row r="41" spans="1:4" ht="18" customHeight="1" x14ac:dyDescent="0.2">
      <c r="A41" s="8" t="s">
        <v>19</v>
      </c>
      <c r="B41" s="35">
        <v>104</v>
      </c>
      <c r="C41" s="13">
        <v>93</v>
      </c>
      <c r="D41" s="12">
        <v>197</v>
      </c>
    </row>
    <row r="42" spans="1:4" ht="18" customHeight="1" x14ac:dyDescent="0.2">
      <c r="A42" s="8">
        <v>30</v>
      </c>
      <c r="B42" s="35">
        <v>22</v>
      </c>
      <c r="C42" s="13">
        <v>14</v>
      </c>
      <c r="D42" s="12">
        <v>36</v>
      </c>
    </row>
    <row r="43" spans="1:4" ht="18" customHeight="1" x14ac:dyDescent="0.2">
      <c r="A43" s="8">
        <v>31</v>
      </c>
      <c r="B43" s="35">
        <v>29</v>
      </c>
      <c r="C43" s="13">
        <v>21</v>
      </c>
      <c r="D43" s="12">
        <v>50</v>
      </c>
    </row>
    <row r="44" spans="1:4" ht="18" customHeight="1" x14ac:dyDescent="0.2">
      <c r="A44" s="8">
        <v>32</v>
      </c>
      <c r="B44" s="35">
        <v>30</v>
      </c>
      <c r="C44" s="13">
        <v>26</v>
      </c>
      <c r="D44" s="12">
        <v>56</v>
      </c>
    </row>
    <row r="45" spans="1:4" ht="18" customHeight="1" x14ac:dyDescent="0.2">
      <c r="A45" s="8">
        <v>33</v>
      </c>
      <c r="B45" s="35">
        <v>19</v>
      </c>
      <c r="C45" s="13">
        <v>28</v>
      </c>
      <c r="D45" s="12">
        <v>47</v>
      </c>
    </row>
    <row r="46" spans="1:4" ht="18" customHeight="1" x14ac:dyDescent="0.2">
      <c r="A46" s="8">
        <v>34</v>
      </c>
      <c r="B46" s="35">
        <v>31</v>
      </c>
      <c r="C46" s="13">
        <v>32</v>
      </c>
      <c r="D46" s="12">
        <v>63</v>
      </c>
    </row>
    <row r="47" spans="1:4" ht="18" customHeight="1" x14ac:dyDescent="0.2">
      <c r="A47" s="8" t="s">
        <v>18</v>
      </c>
      <c r="B47" s="35">
        <v>131</v>
      </c>
      <c r="C47" s="13">
        <v>121</v>
      </c>
      <c r="D47" s="12">
        <v>252</v>
      </c>
    </row>
    <row r="48" spans="1:4" ht="18" customHeight="1" x14ac:dyDescent="0.2">
      <c r="A48" s="8">
        <v>35</v>
      </c>
      <c r="B48" s="35">
        <v>21</v>
      </c>
      <c r="C48" s="13">
        <v>26</v>
      </c>
      <c r="D48" s="12">
        <v>47</v>
      </c>
    </row>
    <row r="49" spans="1:4" ht="18" customHeight="1" x14ac:dyDescent="0.2">
      <c r="A49" s="8">
        <v>36</v>
      </c>
      <c r="B49" s="35">
        <v>23</v>
      </c>
      <c r="C49" s="13">
        <v>24</v>
      </c>
      <c r="D49" s="12">
        <v>47</v>
      </c>
    </row>
    <row r="50" spans="1:4" ht="18" customHeight="1" x14ac:dyDescent="0.2">
      <c r="A50" s="8">
        <v>37</v>
      </c>
      <c r="B50" s="35">
        <v>15</v>
      </c>
      <c r="C50" s="13">
        <v>30</v>
      </c>
      <c r="D50" s="12">
        <v>45</v>
      </c>
    </row>
    <row r="51" spans="1:4" ht="18" customHeight="1" x14ac:dyDescent="0.2">
      <c r="A51" s="8">
        <v>38</v>
      </c>
      <c r="B51" s="35">
        <v>31</v>
      </c>
      <c r="C51" s="13">
        <v>26</v>
      </c>
      <c r="D51" s="12">
        <v>57</v>
      </c>
    </row>
    <row r="52" spans="1:4" ht="18" customHeight="1" x14ac:dyDescent="0.2">
      <c r="A52" s="8">
        <v>39</v>
      </c>
      <c r="B52" s="35">
        <v>35</v>
      </c>
      <c r="C52" s="13">
        <v>35</v>
      </c>
      <c r="D52" s="12">
        <v>70</v>
      </c>
    </row>
    <row r="53" spans="1:4" ht="18" customHeight="1" x14ac:dyDescent="0.2">
      <c r="A53" s="8" t="s">
        <v>17</v>
      </c>
      <c r="B53" s="35">
        <v>125</v>
      </c>
      <c r="C53" s="13">
        <v>141</v>
      </c>
      <c r="D53" s="12">
        <v>266</v>
      </c>
    </row>
    <row r="54" spans="1:4" ht="18" customHeight="1" x14ac:dyDescent="0.2">
      <c r="A54" s="8">
        <v>40</v>
      </c>
      <c r="B54" s="35">
        <v>32</v>
      </c>
      <c r="C54" s="13">
        <v>21</v>
      </c>
      <c r="D54" s="12">
        <v>53</v>
      </c>
    </row>
    <row r="55" spans="1:4" ht="18" customHeight="1" x14ac:dyDescent="0.2">
      <c r="A55" s="8">
        <v>41</v>
      </c>
      <c r="B55" s="35">
        <v>32</v>
      </c>
      <c r="C55" s="13">
        <v>22</v>
      </c>
      <c r="D55" s="12">
        <v>54</v>
      </c>
    </row>
    <row r="56" spans="1:4" ht="18" customHeight="1" x14ac:dyDescent="0.2">
      <c r="A56" s="8">
        <v>42</v>
      </c>
      <c r="B56" s="35">
        <v>26</v>
      </c>
      <c r="C56" s="13">
        <v>32</v>
      </c>
      <c r="D56" s="12">
        <v>58</v>
      </c>
    </row>
    <row r="57" spans="1:4" ht="18" customHeight="1" x14ac:dyDescent="0.2">
      <c r="A57" s="8">
        <v>43</v>
      </c>
      <c r="B57" s="35">
        <v>27</v>
      </c>
      <c r="C57" s="13">
        <v>20</v>
      </c>
      <c r="D57" s="12">
        <v>47</v>
      </c>
    </row>
    <row r="58" spans="1:4" ht="18" customHeight="1" x14ac:dyDescent="0.2">
      <c r="A58" s="8">
        <v>44</v>
      </c>
      <c r="B58" s="35">
        <v>34</v>
      </c>
      <c r="C58" s="13">
        <v>27</v>
      </c>
      <c r="D58" s="12">
        <v>61</v>
      </c>
    </row>
    <row r="59" spans="1:4" ht="18" customHeight="1" x14ac:dyDescent="0.2">
      <c r="A59" s="8" t="s">
        <v>16</v>
      </c>
      <c r="B59" s="35">
        <v>151</v>
      </c>
      <c r="C59" s="13">
        <v>122</v>
      </c>
      <c r="D59" s="12">
        <v>273</v>
      </c>
    </row>
    <row r="60" spans="1:4" ht="18" customHeight="1" x14ac:dyDescent="0.2">
      <c r="A60" s="8">
        <v>45</v>
      </c>
      <c r="B60" s="35">
        <v>35</v>
      </c>
      <c r="C60" s="13">
        <v>42</v>
      </c>
      <c r="D60" s="12">
        <v>77</v>
      </c>
    </row>
    <row r="61" spans="1:4" ht="18" customHeight="1" x14ac:dyDescent="0.2">
      <c r="A61" s="8">
        <v>46</v>
      </c>
      <c r="B61" s="35">
        <v>32</v>
      </c>
      <c r="C61" s="13">
        <v>24</v>
      </c>
      <c r="D61" s="12">
        <v>56</v>
      </c>
    </row>
    <row r="62" spans="1:4" ht="18" customHeight="1" x14ac:dyDescent="0.2">
      <c r="A62" s="8">
        <v>47</v>
      </c>
      <c r="B62" s="35">
        <v>40</v>
      </c>
      <c r="C62" s="13">
        <v>33</v>
      </c>
      <c r="D62" s="12">
        <v>73</v>
      </c>
    </row>
    <row r="63" spans="1:4" ht="18" customHeight="1" x14ac:dyDescent="0.2">
      <c r="A63" s="8">
        <v>48</v>
      </c>
      <c r="B63" s="35">
        <v>35</v>
      </c>
      <c r="C63" s="13">
        <v>36</v>
      </c>
      <c r="D63" s="12">
        <v>71</v>
      </c>
    </row>
    <row r="64" spans="1:4" ht="18" customHeight="1" x14ac:dyDescent="0.2">
      <c r="A64" s="8">
        <v>49</v>
      </c>
      <c r="B64" s="35">
        <v>31</v>
      </c>
      <c r="C64" s="13">
        <v>36</v>
      </c>
      <c r="D64" s="12">
        <v>67</v>
      </c>
    </row>
    <row r="65" spans="1:4" ht="18" customHeight="1" x14ac:dyDescent="0.2">
      <c r="A65" s="8" t="s">
        <v>15</v>
      </c>
      <c r="B65" s="35">
        <v>173</v>
      </c>
      <c r="C65" s="13">
        <v>171</v>
      </c>
      <c r="D65" s="12">
        <v>344</v>
      </c>
    </row>
    <row r="66" spans="1:4" ht="18" customHeight="1" x14ac:dyDescent="0.2">
      <c r="A66" s="8">
        <v>50</v>
      </c>
      <c r="B66" s="35">
        <v>41</v>
      </c>
      <c r="C66" s="13">
        <v>34</v>
      </c>
      <c r="D66" s="12">
        <v>75</v>
      </c>
    </row>
    <row r="67" spans="1:4" ht="18" customHeight="1" x14ac:dyDescent="0.2">
      <c r="A67" s="8">
        <v>51</v>
      </c>
      <c r="B67" s="35">
        <v>40</v>
      </c>
      <c r="C67" s="13">
        <v>39</v>
      </c>
      <c r="D67" s="12">
        <v>79</v>
      </c>
    </row>
    <row r="68" spans="1:4" ht="18" customHeight="1" x14ac:dyDescent="0.2">
      <c r="A68" s="8">
        <v>52</v>
      </c>
      <c r="B68" s="35">
        <v>31</v>
      </c>
      <c r="C68" s="13">
        <v>34</v>
      </c>
      <c r="D68" s="12">
        <v>65</v>
      </c>
    </row>
    <row r="69" spans="1:4" ht="18" customHeight="1" x14ac:dyDescent="0.2">
      <c r="A69" s="8">
        <v>53</v>
      </c>
      <c r="B69" s="35">
        <v>34</v>
      </c>
      <c r="C69" s="13">
        <v>28</v>
      </c>
      <c r="D69" s="12">
        <v>62</v>
      </c>
    </row>
    <row r="70" spans="1:4" ht="18" customHeight="1" x14ac:dyDescent="0.2">
      <c r="A70" s="8">
        <v>54</v>
      </c>
      <c r="B70" s="35">
        <v>40</v>
      </c>
      <c r="C70" s="13">
        <v>53</v>
      </c>
      <c r="D70" s="12">
        <v>93</v>
      </c>
    </row>
    <row r="71" spans="1:4" ht="18" customHeight="1" x14ac:dyDescent="0.2">
      <c r="A71" s="8" t="s">
        <v>14</v>
      </c>
      <c r="B71" s="35">
        <v>186</v>
      </c>
      <c r="C71" s="13">
        <v>188</v>
      </c>
      <c r="D71" s="12">
        <v>374</v>
      </c>
    </row>
    <row r="72" spans="1:4" ht="18" customHeight="1" x14ac:dyDescent="0.2">
      <c r="A72" s="8">
        <v>55</v>
      </c>
      <c r="B72" s="35">
        <v>38</v>
      </c>
      <c r="C72" s="13">
        <v>32</v>
      </c>
      <c r="D72" s="12">
        <v>70</v>
      </c>
    </row>
    <row r="73" spans="1:4" ht="18" customHeight="1" x14ac:dyDescent="0.2">
      <c r="A73" s="8">
        <v>56</v>
      </c>
      <c r="B73" s="35">
        <v>37</v>
      </c>
      <c r="C73" s="13">
        <v>49</v>
      </c>
      <c r="D73" s="12">
        <v>86</v>
      </c>
    </row>
    <row r="74" spans="1:4" ht="18" customHeight="1" x14ac:dyDescent="0.2">
      <c r="A74" s="8">
        <v>57</v>
      </c>
      <c r="B74" s="35">
        <v>30</v>
      </c>
      <c r="C74" s="13">
        <v>33</v>
      </c>
      <c r="D74" s="12">
        <v>63</v>
      </c>
    </row>
    <row r="75" spans="1:4" ht="18" customHeight="1" x14ac:dyDescent="0.2">
      <c r="A75" s="8">
        <v>58</v>
      </c>
      <c r="B75" s="35">
        <v>38</v>
      </c>
      <c r="C75" s="13">
        <v>39</v>
      </c>
      <c r="D75" s="12">
        <v>77</v>
      </c>
    </row>
    <row r="76" spans="1:4" ht="18" customHeight="1" x14ac:dyDescent="0.2">
      <c r="A76" s="8">
        <v>59</v>
      </c>
      <c r="B76" s="35">
        <v>34</v>
      </c>
      <c r="C76" s="13">
        <v>28</v>
      </c>
      <c r="D76" s="12">
        <v>62</v>
      </c>
    </row>
    <row r="77" spans="1:4" ht="18" customHeight="1" x14ac:dyDescent="0.2">
      <c r="A77" s="8" t="s">
        <v>13</v>
      </c>
      <c r="B77" s="35">
        <v>177</v>
      </c>
      <c r="C77" s="13">
        <v>181</v>
      </c>
      <c r="D77" s="12">
        <v>358</v>
      </c>
    </row>
    <row r="78" spans="1:4" ht="18" customHeight="1" x14ac:dyDescent="0.2">
      <c r="A78" s="8">
        <v>60</v>
      </c>
      <c r="B78" s="35">
        <v>30</v>
      </c>
      <c r="C78" s="13">
        <v>36</v>
      </c>
      <c r="D78" s="12">
        <v>66</v>
      </c>
    </row>
    <row r="79" spans="1:4" ht="18" customHeight="1" x14ac:dyDescent="0.2">
      <c r="A79" s="8">
        <v>61</v>
      </c>
      <c r="B79" s="35">
        <v>32</v>
      </c>
      <c r="C79" s="13">
        <v>21</v>
      </c>
      <c r="D79" s="12">
        <v>53</v>
      </c>
    </row>
    <row r="80" spans="1:4" ht="18" customHeight="1" x14ac:dyDescent="0.2">
      <c r="A80" s="8">
        <v>62</v>
      </c>
      <c r="B80" s="35">
        <v>34</v>
      </c>
      <c r="C80" s="13">
        <v>27</v>
      </c>
      <c r="D80" s="12">
        <v>61</v>
      </c>
    </row>
    <row r="81" spans="1:4" ht="18" customHeight="1" x14ac:dyDescent="0.2">
      <c r="A81" s="8">
        <v>63</v>
      </c>
      <c r="B81" s="35">
        <v>30</v>
      </c>
      <c r="C81" s="13">
        <v>35</v>
      </c>
      <c r="D81" s="12">
        <v>65</v>
      </c>
    </row>
    <row r="82" spans="1:4" ht="18" customHeight="1" x14ac:dyDescent="0.2">
      <c r="A82" s="8">
        <v>64</v>
      </c>
      <c r="B82" s="35">
        <v>36</v>
      </c>
      <c r="C82" s="13">
        <v>29</v>
      </c>
      <c r="D82" s="12">
        <v>65</v>
      </c>
    </row>
    <row r="83" spans="1:4" ht="18" customHeight="1" x14ac:dyDescent="0.2">
      <c r="A83" s="8" t="s">
        <v>12</v>
      </c>
      <c r="B83" s="35">
        <v>162</v>
      </c>
      <c r="C83" s="13">
        <v>148</v>
      </c>
      <c r="D83" s="12">
        <v>310</v>
      </c>
    </row>
    <row r="84" spans="1:4" ht="18" customHeight="1" x14ac:dyDescent="0.2">
      <c r="A84" s="8" t="s">
        <v>11</v>
      </c>
      <c r="B84" s="35">
        <v>1421</v>
      </c>
      <c r="C84" s="13">
        <v>1376</v>
      </c>
      <c r="D84" s="12">
        <v>2797</v>
      </c>
    </row>
    <row r="85" spans="1:4" ht="18" customHeight="1" x14ac:dyDescent="0.2">
      <c r="A85" s="8">
        <v>65</v>
      </c>
      <c r="B85" s="35">
        <v>25</v>
      </c>
      <c r="C85" s="13">
        <v>38</v>
      </c>
      <c r="D85" s="12">
        <v>63</v>
      </c>
    </row>
    <row r="86" spans="1:4" ht="18" customHeight="1" x14ac:dyDescent="0.2">
      <c r="A86" s="8">
        <v>66</v>
      </c>
      <c r="B86" s="35">
        <v>23</v>
      </c>
      <c r="C86" s="13">
        <v>36</v>
      </c>
      <c r="D86" s="12">
        <v>59</v>
      </c>
    </row>
    <row r="87" spans="1:4" ht="18" customHeight="1" x14ac:dyDescent="0.2">
      <c r="A87" s="8">
        <v>67</v>
      </c>
      <c r="B87" s="35">
        <v>27</v>
      </c>
      <c r="C87" s="13">
        <v>30</v>
      </c>
      <c r="D87" s="12">
        <v>57</v>
      </c>
    </row>
    <row r="88" spans="1:4" ht="18" customHeight="1" x14ac:dyDescent="0.2">
      <c r="A88" s="8">
        <v>68</v>
      </c>
      <c r="B88" s="35">
        <v>35</v>
      </c>
      <c r="C88" s="13">
        <v>40</v>
      </c>
      <c r="D88" s="12">
        <v>75</v>
      </c>
    </row>
    <row r="89" spans="1:4" ht="18" customHeight="1" x14ac:dyDescent="0.2">
      <c r="A89" s="8">
        <v>69</v>
      </c>
      <c r="B89" s="35">
        <v>33</v>
      </c>
      <c r="C89" s="13">
        <v>37</v>
      </c>
      <c r="D89" s="12">
        <v>70</v>
      </c>
    </row>
    <row r="90" spans="1:4" ht="18" customHeight="1" x14ac:dyDescent="0.2">
      <c r="A90" s="8" t="s">
        <v>10</v>
      </c>
      <c r="B90" s="35">
        <v>143</v>
      </c>
      <c r="C90" s="13">
        <v>181</v>
      </c>
      <c r="D90" s="12">
        <v>324</v>
      </c>
    </row>
    <row r="91" spans="1:4" ht="18" customHeight="1" x14ac:dyDescent="0.2">
      <c r="A91" s="8">
        <v>70</v>
      </c>
      <c r="B91" s="35">
        <v>32</v>
      </c>
      <c r="C91" s="13">
        <v>29</v>
      </c>
      <c r="D91" s="12">
        <v>61</v>
      </c>
    </row>
    <row r="92" spans="1:4" ht="18" customHeight="1" x14ac:dyDescent="0.2">
      <c r="A92" s="8">
        <v>71</v>
      </c>
      <c r="B92" s="35">
        <v>29</v>
      </c>
      <c r="C92" s="13">
        <v>43</v>
      </c>
      <c r="D92" s="12">
        <v>72</v>
      </c>
    </row>
    <row r="93" spans="1:4" ht="18" customHeight="1" x14ac:dyDescent="0.2">
      <c r="A93" s="8">
        <v>72</v>
      </c>
      <c r="B93" s="35">
        <v>29</v>
      </c>
      <c r="C93" s="13">
        <v>36</v>
      </c>
      <c r="D93" s="12">
        <v>65</v>
      </c>
    </row>
    <row r="94" spans="1:4" ht="18" customHeight="1" x14ac:dyDescent="0.2">
      <c r="A94" s="8">
        <v>73</v>
      </c>
      <c r="B94" s="35">
        <v>29</v>
      </c>
      <c r="C94" s="13">
        <v>34</v>
      </c>
      <c r="D94" s="12">
        <v>63</v>
      </c>
    </row>
    <row r="95" spans="1:4" ht="18" customHeight="1" x14ac:dyDescent="0.2">
      <c r="A95" s="8">
        <v>74</v>
      </c>
      <c r="B95" s="35">
        <v>40</v>
      </c>
      <c r="C95" s="13">
        <v>41</v>
      </c>
      <c r="D95" s="12">
        <v>81</v>
      </c>
    </row>
    <row r="96" spans="1:4" ht="18" customHeight="1" x14ac:dyDescent="0.2">
      <c r="A96" s="8" t="s">
        <v>9</v>
      </c>
      <c r="B96" s="35">
        <v>159</v>
      </c>
      <c r="C96" s="13">
        <v>183</v>
      </c>
      <c r="D96" s="12">
        <v>342</v>
      </c>
    </row>
    <row r="97" spans="1:4" ht="18" customHeight="1" x14ac:dyDescent="0.2">
      <c r="A97" s="8">
        <v>75</v>
      </c>
      <c r="B97" s="35">
        <v>40</v>
      </c>
      <c r="C97" s="13">
        <v>36</v>
      </c>
      <c r="D97" s="12">
        <v>76</v>
      </c>
    </row>
    <row r="98" spans="1:4" ht="18" customHeight="1" x14ac:dyDescent="0.2">
      <c r="A98" s="8">
        <v>76</v>
      </c>
      <c r="B98" s="35">
        <v>34</v>
      </c>
      <c r="C98" s="13">
        <v>36</v>
      </c>
      <c r="D98" s="12">
        <v>70</v>
      </c>
    </row>
    <row r="99" spans="1:4" ht="18" customHeight="1" x14ac:dyDescent="0.2">
      <c r="A99" s="8">
        <v>77</v>
      </c>
      <c r="B99" s="35">
        <v>20</v>
      </c>
      <c r="C99" s="13">
        <v>21</v>
      </c>
      <c r="D99" s="12">
        <v>41</v>
      </c>
    </row>
    <row r="100" spans="1:4" ht="18" customHeight="1" x14ac:dyDescent="0.2">
      <c r="A100" s="8">
        <v>78</v>
      </c>
      <c r="B100" s="35">
        <v>20</v>
      </c>
      <c r="C100" s="13">
        <v>27</v>
      </c>
      <c r="D100" s="12">
        <v>47</v>
      </c>
    </row>
    <row r="101" spans="1:4" ht="18" customHeight="1" x14ac:dyDescent="0.2">
      <c r="A101" s="8">
        <v>79</v>
      </c>
      <c r="B101" s="35">
        <v>21</v>
      </c>
      <c r="C101" s="13">
        <v>31</v>
      </c>
      <c r="D101" s="12">
        <v>52</v>
      </c>
    </row>
    <row r="102" spans="1:4" ht="18" customHeight="1" x14ac:dyDescent="0.2">
      <c r="A102" s="8" t="s">
        <v>8</v>
      </c>
      <c r="B102" s="35">
        <v>135</v>
      </c>
      <c r="C102" s="13">
        <v>151</v>
      </c>
      <c r="D102" s="12">
        <v>286</v>
      </c>
    </row>
    <row r="103" spans="1:4" ht="18" customHeight="1" x14ac:dyDescent="0.2">
      <c r="A103" s="8">
        <v>80</v>
      </c>
      <c r="B103" s="35">
        <v>13</v>
      </c>
      <c r="C103" s="13">
        <v>24</v>
      </c>
      <c r="D103" s="12">
        <v>37</v>
      </c>
    </row>
    <row r="104" spans="1:4" ht="18" customHeight="1" x14ac:dyDescent="0.2">
      <c r="A104" s="8">
        <v>81</v>
      </c>
      <c r="B104" s="35">
        <v>21</v>
      </c>
      <c r="C104" s="13">
        <v>37</v>
      </c>
      <c r="D104" s="12">
        <v>58</v>
      </c>
    </row>
    <row r="105" spans="1:4" ht="18" customHeight="1" x14ac:dyDescent="0.2">
      <c r="A105" s="8">
        <v>82</v>
      </c>
      <c r="B105" s="35">
        <v>18</v>
      </c>
      <c r="C105" s="13">
        <v>28</v>
      </c>
      <c r="D105" s="12">
        <v>46</v>
      </c>
    </row>
    <row r="106" spans="1:4" ht="18" customHeight="1" x14ac:dyDescent="0.2">
      <c r="A106" s="8">
        <v>83</v>
      </c>
      <c r="B106" s="35">
        <v>12</v>
      </c>
      <c r="C106" s="13">
        <v>28</v>
      </c>
      <c r="D106" s="12">
        <v>40</v>
      </c>
    </row>
    <row r="107" spans="1:4" ht="18" customHeight="1" x14ac:dyDescent="0.2">
      <c r="A107" s="8">
        <v>84</v>
      </c>
      <c r="B107" s="35">
        <v>16</v>
      </c>
      <c r="C107" s="13">
        <v>19</v>
      </c>
      <c r="D107" s="12">
        <v>35</v>
      </c>
    </row>
    <row r="108" spans="1:4" ht="18" customHeight="1" x14ac:dyDescent="0.2">
      <c r="A108" s="8" t="s">
        <v>7</v>
      </c>
      <c r="B108" s="35">
        <v>80</v>
      </c>
      <c r="C108" s="13">
        <v>136</v>
      </c>
      <c r="D108" s="12">
        <v>216</v>
      </c>
    </row>
    <row r="109" spans="1:4" ht="18" customHeight="1" x14ac:dyDescent="0.2">
      <c r="A109" s="8">
        <v>85</v>
      </c>
      <c r="B109" s="35">
        <v>23</v>
      </c>
      <c r="C109" s="13">
        <v>22</v>
      </c>
      <c r="D109" s="12">
        <v>45</v>
      </c>
    </row>
    <row r="110" spans="1:4" ht="18" customHeight="1" x14ac:dyDescent="0.2">
      <c r="A110" s="8">
        <v>86</v>
      </c>
      <c r="B110" s="35">
        <v>15</v>
      </c>
      <c r="C110" s="13">
        <v>23</v>
      </c>
      <c r="D110" s="12">
        <v>38</v>
      </c>
    </row>
    <row r="111" spans="1:4" ht="18" customHeight="1" x14ac:dyDescent="0.2">
      <c r="A111" s="8">
        <v>87</v>
      </c>
      <c r="B111" s="35">
        <v>15</v>
      </c>
      <c r="C111" s="13">
        <v>23</v>
      </c>
      <c r="D111" s="12">
        <v>38</v>
      </c>
    </row>
    <row r="112" spans="1:4" ht="18" customHeight="1" x14ac:dyDescent="0.2">
      <c r="A112" s="8">
        <v>88</v>
      </c>
      <c r="B112" s="35">
        <v>10</v>
      </c>
      <c r="C112" s="13">
        <v>26</v>
      </c>
      <c r="D112" s="12">
        <v>36</v>
      </c>
    </row>
    <row r="113" spans="1:4" ht="18" customHeight="1" x14ac:dyDescent="0.2">
      <c r="A113" s="8">
        <v>89</v>
      </c>
      <c r="B113" s="35">
        <v>9</v>
      </c>
      <c r="C113" s="13">
        <v>16</v>
      </c>
      <c r="D113" s="12">
        <v>25</v>
      </c>
    </row>
    <row r="114" spans="1:4" ht="18" customHeight="1" x14ac:dyDescent="0.2">
      <c r="A114" s="8" t="s">
        <v>6</v>
      </c>
      <c r="B114" s="35">
        <v>72</v>
      </c>
      <c r="C114" s="13">
        <v>110</v>
      </c>
      <c r="D114" s="12">
        <v>182</v>
      </c>
    </row>
    <row r="115" spans="1:4" ht="18" customHeight="1" x14ac:dyDescent="0.2">
      <c r="A115" s="8">
        <v>90</v>
      </c>
      <c r="B115" s="35">
        <v>5</v>
      </c>
      <c r="C115" s="13">
        <v>18</v>
      </c>
      <c r="D115" s="12">
        <v>23</v>
      </c>
    </row>
    <row r="116" spans="1:4" ht="18" customHeight="1" x14ac:dyDescent="0.2">
      <c r="A116" s="8">
        <v>91</v>
      </c>
      <c r="B116" s="35">
        <v>6</v>
      </c>
      <c r="C116" s="13">
        <v>23</v>
      </c>
      <c r="D116" s="12">
        <v>29</v>
      </c>
    </row>
    <row r="117" spans="1:4" ht="18" customHeight="1" x14ac:dyDescent="0.2">
      <c r="A117" s="8">
        <v>92</v>
      </c>
      <c r="B117" s="35">
        <v>4</v>
      </c>
      <c r="C117" s="13">
        <v>18</v>
      </c>
      <c r="D117" s="12">
        <v>22</v>
      </c>
    </row>
    <row r="118" spans="1:4" ht="18" customHeight="1" x14ac:dyDescent="0.2">
      <c r="A118" s="8">
        <v>93</v>
      </c>
      <c r="B118" s="35">
        <v>5</v>
      </c>
      <c r="C118" s="13">
        <v>10</v>
      </c>
      <c r="D118" s="12">
        <v>15</v>
      </c>
    </row>
    <row r="119" spans="1:4" ht="18" customHeight="1" x14ac:dyDescent="0.2">
      <c r="A119" s="8">
        <v>94</v>
      </c>
      <c r="B119" s="35">
        <v>4</v>
      </c>
      <c r="C119" s="13">
        <v>10</v>
      </c>
      <c r="D119" s="12">
        <v>14</v>
      </c>
    </row>
    <row r="120" spans="1:4" ht="18" customHeight="1" x14ac:dyDescent="0.2">
      <c r="A120" s="8" t="s">
        <v>5</v>
      </c>
      <c r="B120" s="35">
        <v>24</v>
      </c>
      <c r="C120" s="13">
        <v>79</v>
      </c>
      <c r="D120" s="12">
        <v>103</v>
      </c>
    </row>
    <row r="121" spans="1:4" ht="18" customHeight="1" x14ac:dyDescent="0.2">
      <c r="A121" s="8">
        <v>95</v>
      </c>
      <c r="B121" s="35">
        <v>1</v>
      </c>
      <c r="C121" s="13">
        <v>6</v>
      </c>
      <c r="D121" s="12">
        <v>7</v>
      </c>
    </row>
    <row r="122" spans="1:4" ht="18" customHeight="1" x14ac:dyDescent="0.2">
      <c r="A122" s="8">
        <v>96</v>
      </c>
      <c r="B122" s="35">
        <v>0</v>
      </c>
      <c r="C122" s="13">
        <v>3</v>
      </c>
      <c r="D122" s="12">
        <v>3</v>
      </c>
    </row>
    <row r="123" spans="1:4" ht="18" customHeight="1" x14ac:dyDescent="0.2">
      <c r="A123" s="8">
        <v>97</v>
      </c>
      <c r="B123" s="35">
        <v>3</v>
      </c>
      <c r="C123" s="13">
        <v>1</v>
      </c>
      <c r="D123" s="12">
        <v>4</v>
      </c>
    </row>
    <row r="124" spans="1:4" ht="18" customHeight="1" x14ac:dyDescent="0.2">
      <c r="A124" s="8">
        <v>98</v>
      </c>
      <c r="B124" s="35">
        <v>0</v>
      </c>
      <c r="C124" s="13">
        <v>2</v>
      </c>
      <c r="D124" s="12">
        <v>2</v>
      </c>
    </row>
    <row r="125" spans="1:4" ht="18" customHeight="1" x14ac:dyDescent="0.2">
      <c r="A125" s="8">
        <v>99</v>
      </c>
      <c r="B125" s="35">
        <v>0</v>
      </c>
      <c r="C125" s="13">
        <v>1</v>
      </c>
      <c r="D125" s="12">
        <v>1</v>
      </c>
    </row>
    <row r="126" spans="1:4" ht="18" customHeight="1" x14ac:dyDescent="0.2">
      <c r="A126" s="8" t="s">
        <v>4</v>
      </c>
      <c r="B126" s="35">
        <v>4</v>
      </c>
      <c r="C126" s="13">
        <v>13</v>
      </c>
      <c r="D126" s="12">
        <v>17</v>
      </c>
    </row>
    <row r="127" spans="1:4" ht="18" customHeight="1" x14ac:dyDescent="0.2">
      <c r="A127" s="8">
        <v>100</v>
      </c>
      <c r="B127" s="35">
        <v>1</v>
      </c>
      <c r="C127" s="13">
        <v>3</v>
      </c>
      <c r="D127" s="12">
        <v>4</v>
      </c>
    </row>
    <row r="128" spans="1:4" ht="18" customHeight="1" x14ac:dyDescent="0.2">
      <c r="A128" s="15" t="s">
        <v>3</v>
      </c>
      <c r="B128" s="35">
        <v>0</v>
      </c>
      <c r="C128" s="13">
        <v>0</v>
      </c>
      <c r="D128" s="12">
        <v>0</v>
      </c>
    </row>
    <row r="129" spans="1:4" ht="18" customHeight="1" x14ac:dyDescent="0.2">
      <c r="A129" s="8" t="s">
        <v>2</v>
      </c>
      <c r="B129" s="35">
        <v>1</v>
      </c>
      <c r="C129" s="13">
        <v>3</v>
      </c>
      <c r="D129" s="12">
        <v>4</v>
      </c>
    </row>
    <row r="130" spans="1:4" ht="18" customHeight="1" x14ac:dyDescent="0.2">
      <c r="A130" s="8" t="s">
        <v>1</v>
      </c>
      <c r="B130" s="28">
        <v>618</v>
      </c>
      <c r="C130" s="6">
        <v>856</v>
      </c>
      <c r="D130" s="5">
        <v>1474</v>
      </c>
    </row>
    <row r="131" spans="1:4" ht="18" customHeight="1" x14ac:dyDescent="0.2">
      <c r="A131" s="4" t="s">
        <v>0</v>
      </c>
      <c r="B131" s="27">
        <v>2350</v>
      </c>
      <c r="C131" s="2">
        <v>2520</v>
      </c>
      <c r="D131" s="1">
        <v>487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3288D43-D7FE-4550-B4FE-2F9BF50A7602}">
  <sheetPr codeName="Sheet9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111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133</v>
      </c>
      <c r="C5" s="45">
        <v>132</v>
      </c>
      <c r="D5" s="44">
        <v>265</v>
      </c>
    </row>
    <row r="6" spans="1:4" ht="18" customHeight="1" x14ac:dyDescent="0.2">
      <c r="A6" s="8">
        <v>1</v>
      </c>
      <c r="B6" s="40">
        <v>134</v>
      </c>
      <c r="C6" s="13">
        <v>139</v>
      </c>
      <c r="D6" s="12">
        <v>273</v>
      </c>
    </row>
    <row r="7" spans="1:4" ht="18" customHeight="1" x14ac:dyDescent="0.2">
      <c r="A7" s="8">
        <v>2</v>
      </c>
      <c r="B7" s="40">
        <v>155</v>
      </c>
      <c r="C7" s="13">
        <v>180</v>
      </c>
      <c r="D7" s="12">
        <v>335</v>
      </c>
    </row>
    <row r="8" spans="1:4" ht="18" customHeight="1" x14ac:dyDescent="0.2">
      <c r="A8" s="8">
        <v>3</v>
      </c>
      <c r="B8" s="40">
        <v>168</v>
      </c>
      <c r="C8" s="13">
        <v>160</v>
      </c>
      <c r="D8" s="12">
        <v>328</v>
      </c>
    </row>
    <row r="9" spans="1:4" ht="18" customHeight="1" x14ac:dyDescent="0.2">
      <c r="A9" s="8">
        <v>4</v>
      </c>
      <c r="B9" s="43">
        <v>171</v>
      </c>
      <c r="C9" s="42">
        <v>149</v>
      </c>
      <c r="D9" s="41">
        <v>320</v>
      </c>
    </row>
    <row r="10" spans="1:4" ht="18" customHeight="1" x14ac:dyDescent="0.2">
      <c r="A10" s="8" t="s">
        <v>25</v>
      </c>
      <c r="B10" s="35">
        <v>761</v>
      </c>
      <c r="C10" s="13">
        <v>760</v>
      </c>
      <c r="D10" s="12">
        <v>1521</v>
      </c>
    </row>
    <row r="11" spans="1:4" ht="18" customHeight="1" x14ac:dyDescent="0.2">
      <c r="A11" s="8">
        <v>5</v>
      </c>
      <c r="B11" s="40">
        <v>189</v>
      </c>
      <c r="C11" s="13">
        <v>176</v>
      </c>
      <c r="D11" s="12">
        <v>365</v>
      </c>
    </row>
    <row r="12" spans="1:4" ht="18" customHeight="1" x14ac:dyDescent="0.2">
      <c r="A12" s="8">
        <v>6</v>
      </c>
      <c r="B12" s="40">
        <v>188</v>
      </c>
      <c r="C12" s="13">
        <v>173</v>
      </c>
      <c r="D12" s="12">
        <v>361</v>
      </c>
    </row>
    <row r="13" spans="1:4" ht="18" customHeight="1" x14ac:dyDescent="0.2">
      <c r="A13" s="8">
        <v>7</v>
      </c>
      <c r="B13" s="40">
        <v>215</v>
      </c>
      <c r="C13" s="13">
        <v>166</v>
      </c>
      <c r="D13" s="12">
        <v>381</v>
      </c>
    </row>
    <row r="14" spans="1:4" ht="18" customHeight="1" x14ac:dyDescent="0.2">
      <c r="A14" s="8">
        <v>8</v>
      </c>
      <c r="B14" s="40">
        <v>181</v>
      </c>
      <c r="C14" s="13">
        <v>156</v>
      </c>
      <c r="D14" s="12">
        <v>337</v>
      </c>
    </row>
    <row r="15" spans="1:4" ht="18" customHeight="1" x14ac:dyDescent="0.2">
      <c r="A15" s="8">
        <v>9</v>
      </c>
      <c r="B15" s="40">
        <v>197</v>
      </c>
      <c r="C15" s="13">
        <v>200</v>
      </c>
      <c r="D15" s="12">
        <v>397</v>
      </c>
    </row>
    <row r="16" spans="1:4" ht="18" customHeight="1" x14ac:dyDescent="0.2">
      <c r="A16" s="8" t="s">
        <v>24</v>
      </c>
      <c r="B16" s="35">
        <v>970</v>
      </c>
      <c r="C16" s="13">
        <v>871</v>
      </c>
      <c r="D16" s="12">
        <v>1841</v>
      </c>
    </row>
    <row r="17" spans="1:4" ht="18" customHeight="1" x14ac:dyDescent="0.2">
      <c r="A17" s="8">
        <v>10</v>
      </c>
      <c r="B17" s="35">
        <v>198</v>
      </c>
      <c r="C17" s="13">
        <v>209</v>
      </c>
      <c r="D17" s="12">
        <v>407</v>
      </c>
    </row>
    <row r="18" spans="1:4" ht="18" customHeight="1" x14ac:dyDescent="0.2">
      <c r="A18" s="8">
        <v>11</v>
      </c>
      <c r="B18" s="35">
        <v>205</v>
      </c>
      <c r="C18" s="13">
        <v>193</v>
      </c>
      <c r="D18" s="12">
        <v>398</v>
      </c>
    </row>
    <row r="19" spans="1:4" ht="18" customHeight="1" x14ac:dyDescent="0.2">
      <c r="A19" s="8">
        <v>12</v>
      </c>
      <c r="B19" s="35">
        <v>222</v>
      </c>
      <c r="C19" s="13">
        <v>210</v>
      </c>
      <c r="D19" s="12">
        <v>432</v>
      </c>
    </row>
    <row r="20" spans="1:4" ht="18" customHeight="1" x14ac:dyDescent="0.2">
      <c r="A20" s="8">
        <v>13</v>
      </c>
      <c r="B20" s="35">
        <v>221</v>
      </c>
      <c r="C20" s="13">
        <v>244</v>
      </c>
      <c r="D20" s="12">
        <v>465</v>
      </c>
    </row>
    <row r="21" spans="1:4" ht="18" customHeight="1" x14ac:dyDescent="0.2">
      <c r="A21" s="8">
        <v>14</v>
      </c>
      <c r="B21" s="35">
        <v>231</v>
      </c>
      <c r="C21" s="13">
        <v>207</v>
      </c>
      <c r="D21" s="12">
        <v>438</v>
      </c>
    </row>
    <row r="22" spans="1:4" ht="18" customHeight="1" x14ac:dyDescent="0.2">
      <c r="A22" s="8" t="s">
        <v>23</v>
      </c>
      <c r="B22" s="35">
        <v>1077</v>
      </c>
      <c r="C22" s="13">
        <v>1063</v>
      </c>
      <c r="D22" s="12">
        <v>2140</v>
      </c>
    </row>
    <row r="23" spans="1:4" ht="18" customHeight="1" x14ac:dyDescent="0.2">
      <c r="A23" s="8" t="s">
        <v>22</v>
      </c>
      <c r="B23" s="35">
        <v>2808</v>
      </c>
      <c r="C23" s="13">
        <v>2694</v>
      </c>
      <c r="D23" s="12">
        <v>5502</v>
      </c>
    </row>
    <row r="24" spans="1:4" ht="18" customHeight="1" x14ac:dyDescent="0.2">
      <c r="A24" s="8">
        <v>15</v>
      </c>
      <c r="B24" s="35">
        <v>249</v>
      </c>
      <c r="C24" s="13">
        <v>197</v>
      </c>
      <c r="D24" s="12">
        <v>446</v>
      </c>
    </row>
    <row r="25" spans="1:4" ht="18" customHeight="1" x14ac:dyDescent="0.2">
      <c r="A25" s="8">
        <v>16</v>
      </c>
      <c r="B25" s="35">
        <v>234</v>
      </c>
      <c r="C25" s="13">
        <v>230</v>
      </c>
      <c r="D25" s="12">
        <v>464</v>
      </c>
    </row>
    <row r="26" spans="1:4" ht="18" customHeight="1" x14ac:dyDescent="0.2">
      <c r="A26" s="8">
        <v>17</v>
      </c>
      <c r="B26" s="35">
        <v>228</v>
      </c>
      <c r="C26" s="13">
        <v>218</v>
      </c>
      <c r="D26" s="12">
        <v>446</v>
      </c>
    </row>
    <row r="27" spans="1:4" ht="18" customHeight="1" x14ac:dyDescent="0.2">
      <c r="A27" s="8">
        <v>18</v>
      </c>
      <c r="B27" s="35">
        <v>225</v>
      </c>
      <c r="C27" s="13">
        <v>210</v>
      </c>
      <c r="D27" s="12">
        <v>435</v>
      </c>
    </row>
    <row r="28" spans="1:4" ht="18" customHeight="1" x14ac:dyDescent="0.2">
      <c r="A28" s="8">
        <v>19</v>
      </c>
      <c r="B28" s="35">
        <v>225</v>
      </c>
      <c r="C28" s="13">
        <v>209</v>
      </c>
      <c r="D28" s="12">
        <v>434</v>
      </c>
    </row>
    <row r="29" spans="1:4" ht="18" customHeight="1" x14ac:dyDescent="0.2">
      <c r="A29" s="8" t="s">
        <v>21</v>
      </c>
      <c r="B29" s="35">
        <v>1161</v>
      </c>
      <c r="C29" s="13">
        <v>1064</v>
      </c>
      <c r="D29" s="12">
        <v>2225</v>
      </c>
    </row>
    <row r="30" spans="1:4" ht="18" customHeight="1" x14ac:dyDescent="0.2">
      <c r="A30" s="8">
        <v>20</v>
      </c>
      <c r="B30" s="35">
        <v>218</v>
      </c>
      <c r="C30" s="13">
        <v>194</v>
      </c>
      <c r="D30" s="12">
        <v>412</v>
      </c>
    </row>
    <row r="31" spans="1:4" ht="18" customHeight="1" x14ac:dyDescent="0.2">
      <c r="A31" s="8">
        <v>21</v>
      </c>
      <c r="B31" s="35">
        <v>204</v>
      </c>
      <c r="C31" s="13">
        <v>202</v>
      </c>
      <c r="D31" s="12">
        <v>406</v>
      </c>
    </row>
    <row r="32" spans="1:4" ht="18" customHeight="1" x14ac:dyDescent="0.2">
      <c r="A32" s="8">
        <v>22</v>
      </c>
      <c r="B32" s="35">
        <v>221</v>
      </c>
      <c r="C32" s="13">
        <v>170</v>
      </c>
      <c r="D32" s="12">
        <v>391</v>
      </c>
    </row>
    <row r="33" spans="1:4" ht="18" customHeight="1" x14ac:dyDescent="0.2">
      <c r="A33" s="8">
        <v>23</v>
      </c>
      <c r="B33" s="35">
        <v>202</v>
      </c>
      <c r="C33" s="13">
        <v>205</v>
      </c>
      <c r="D33" s="12">
        <v>407</v>
      </c>
    </row>
    <row r="34" spans="1:4" ht="18" customHeight="1" x14ac:dyDescent="0.2">
      <c r="A34" s="8">
        <v>24</v>
      </c>
      <c r="B34" s="35">
        <v>187</v>
      </c>
      <c r="C34" s="13">
        <v>190</v>
      </c>
      <c r="D34" s="12">
        <v>377</v>
      </c>
    </row>
    <row r="35" spans="1:4" ht="18" customHeight="1" x14ac:dyDescent="0.2">
      <c r="A35" s="8" t="s">
        <v>20</v>
      </c>
      <c r="B35" s="35">
        <v>1032</v>
      </c>
      <c r="C35" s="13">
        <v>961</v>
      </c>
      <c r="D35" s="12">
        <v>1993</v>
      </c>
    </row>
    <row r="36" spans="1:4" ht="18" customHeight="1" x14ac:dyDescent="0.2">
      <c r="A36" s="8">
        <v>25</v>
      </c>
      <c r="B36" s="35">
        <v>198</v>
      </c>
      <c r="C36" s="13">
        <v>204</v>
      </c>
      <c r="D36" s="12">
        <v>402</v>
      </c>
    </row>
    <row r="37" spans="1:4" ht="18" customHeight="1" x14ac:dyDescent="0.2">
      <c r="A37" s="8">
        <v>26</v>
      </c>
      <c r="B37" s="35">
        <v>210</v>
      </c>
      <c r="C37" s="13">
        <v>199</v>
      </c>
      <c r="D37" s="12">
        <v>409</v>
      </c>
    </row>
    <row r="38" spans="1:4" ht="18" customHeight="1" x14ac:dyDescent="0.2">
      <c r="A38" s="8">
        <v>27</v>
      </c>
      <c r="B38" s="35">
        <v>219</v>
      </c>
      <c r="C38" s="13">
        <v>199</v>
      </c>
      <c r="D38" s="12">
        <v>418</v>
      </c>
    </row>
    <row r="39" spans="1:4" ht="18" customHeight="1" x14ac:dyDescent="0.2">
      <c r="A39" s="8">
        <v>28</v>
      </c>
      <c r="B39" s="35">
        <v>232</v>
      </c>
      <c r="C39" s="13">
        <v>227</v>
      </c>
      <c r="D39" s="12">
        <v>459</v>
      </c>
    </row>
    <row r="40" spans="1:4" ht="18" customHeight="1" x14ac:dyDescent="0.2">
      <c r="A40" s="8">
        <v>29</v>
      </c>
      <c r="B40" s="35">
        <v>214</v>
      </c>
      <c r="C40" s="13">
        <v>182</v>
      </c>
      <c r="D40" s="12">
        <v>396</v>
      </c>
    </row>
    <row r="41" spans="1:4" ht="18" customHeight="1" x14ac:dyDescent="0.2">
      <c r="A41" s="8" t="s">
        <v>19</v>
      </c>
      <c r="B41" s="35">
        <v>1073</v>
      </c>
      <c r="C41" s="13">
        <v>1011</v>
      </c>
      <c r="D41" s="12">
        <v>2084</v>
      </c>
    </row>
    <row r="42" spans="1:4" ht="18" customHeight="1" x14ac:dyDescent="0.2">
      <c r="A42" s="8">
        <v>30</v>
      </c>
      <c r="B42" s="35">
        <v>221</v>
      </c>
      <c r="C42" s="13">
        <v>187</v>
      </c>
      <c r="D42" s="12">
        <v>408</v>
      </c>
    </row>
    <row r="43" spans="1:4" ht="18" customHeight="1" x14ac:dyDescent="0.2">
      <c r="A43" s="8">
        <v>31</v>
      </c>
      <c r="B43" s="35">
        <v>214</v>
      </c>
      <c r="C43" s="13">
        <v>188</v>
      </c>
      <c r="D43" s="12">
        <v>402</v>
      </c>
    </row>
    <row r="44" spans="1:4" ht="18" customHeight="1" x14ac:dyDescent="0.2">
      <c r="A44" s="8">
        <v>32</v>
      </c>
      <c r="B44" s="35">
        <v>247</v>
      </c>
      <c r="C44" s="13">
        <v>197</v>
      </c>
      <c r="D44" s="12">
        <v>444</v>
      </c>
    </row>
    <row r="45" spans="1:4" ht="18" customHeight="1" x14ac:dyDescent="0.2">
      <c r="A45" s="8">
        <v>33</v>
      </c>
      <c r="B45" s="35">
        <v>224</v>
      </c>
      <c r="C45" s="13">
        <v>195</v>
      </c>
      <c r="D45" s="12">
        <v>419</v>
      </c>
    </row>
    <row r="46" spans="1:4" ht="18" customHeight="1" x14ac:dyDescent="0.2">
      <c r="A46" s="8">
        <v>34</v>
      </c>
      <c r="B46" s="35">
        <v>227</v>
      </c>
      <c r="C46" s="13">
        <v>208</v>
      </c>
      <c r="D46" s="12">
        <v>435</v>
      </c>
    </row>
    <row r="47" spans="1:4" ht="18" customHeight="1" x14ac:dyDescent="0.2">
      <c r="A47" s="8" t="s">
        <v>18</v>
      </c>
      <c r="B47" s="35">
        <v>1133</v>
      </c>
      <c r="C47" s="13">
        <v>975</v>
      </c>
      <c r="D47" s="12">
        <v>2108</v>
      </c>
    </row>
    <row r="48" spans="1:4" ht="18" customHeight="1" x14ac:dyDescent="0.2">
      <c r="A48" s="8">
        <v>35</v>
      </c>
      <c r="B48" s="35">
        <v>194</v>
      </c>
      <c r="C48" s="13">
        <v>202</v>
      </c>
      <c r="D48" s="12">
        <v>396</v>
      </c>
    </row>
    <row r="49" spans="1:4" ht="18" customHeight="1" x14ac:dyDescent="0.2">
      <c r="A49" s="8">
        <v>36</v>
      </c>
      <c r="B49" s="35">
        <v>261</v>
      </c>
      <c r="C49" s="13">
        <v>227</v>
      </c>
      <c r="D49" s="12">
        <v>488</v>
      </c>
    </row>
    <row r="50" spans="1:4" ht="18" customHeight="1" x14ac:dyDescent="0.2">
      <c r="A50" s="8">
        <v>37</v>
      </c>
      <c r="B50" s="35">
        <v>226</v>
      </c>
      <c r="C50" s="13">
        <v>247</v>
      </c>
      <c r="D50" s="12">
        <v>473</v>
      </c>
    </row>
    <row r="51" spans="1:4" ht="18" customHeight="1" x14ac:dyDescent="0.2">
      <c r="A51" s="8">
        <v>38</v>
      </c>
      <c r="B51" s="35">
        <v>243</v>
      </c>
      <c r="C51" s="13">
        <v>241</v>
      </c>
      <c r="D51" s="12">
        <v>484</v>
      </c>
    </row>
    <row r="52" spans="1:4" ht="18" customHeight="1" x14ac:dyDescent="0.2">
      <c r="A52" s="8">
        <v>39</v>
      </c>
      <c r="B52" s="35">
        <v>251</v>
      </c>
      <c r="C52" s="13">
        <v>263</v>
      </c>
      <c r="D52" s="12">
        <v>514</v>
      </c>
    </row>
    <row r="53" spans="1:4" ht="18" customHeight="1" x14ac:dyDescent="0.2">
      <c r="A53" s="8" t="s">
        <v>17</v>
      </c>
      <c r="B53" s="35">
        <v>1175</v>
      </c>
      <c r="C53" s="13">
        <v>1180</v>
      </c>
      <c r="D53" s="12">
        <v>2355</v>
      </c>
    </row>
    <row r="54" spans="1:4" ht="18" customHeight="1" x14ac:dyDescent="0.2">
      <c r="A54" s="8">
        <v>40</v>
      </c>
      <c r="B54" s="35">
        <v>264</v>
      </c>
      <c r="C54" s="13">
        <v>252</v>
      </c>
      <c r="D54" s="12">
        <v>516</v>
      </c>
    </row>
    <row r="55" spans="1:4" ht="18" customHeight="1" x14ac:dyDescent="0.2">
      <c r="A55" s="8">
        <v>41</v>
      </c>
      <c r="B55" s="35">
        <v>242</v>
      </c>
      <c r="C55" s="13">
        <v>270</v>
      </c>
      <c r="D55" s="12">
        <v>512</v>
      </c>
    </row>
    <row r="56" spans="1:4" ht="18" customHeight="1" x14ac:dyDescent="0.2">
      <c r="A56" s="8">
        <v>42</v>
      </c>
      <c r="B56" s="35">
        <v>267</v>
      </c>
      <c r="C56" s="13">
        <v>231</v>
      </c>
      <c r="D56" s="12">
        <v>498</v>
      </c>
    </row>
    <row r="57" spans="1:4" ht="18" customHeight="1" x14ac:dyDescent="0.2">
      <c r="A57" s="8">
        <v>43</v>
      </c>
      <c r="B57" s="35">
        <v>298</v>
      </c>
      <c r="C57" s="13">
        <v>287</v>
      </c>
      <c r="D57" s="12">
        <v>585</v>
      </c>
    </row>
    <row r="58" spans="1:4" ht="18" customHeight="1" x14ac:dyDescent="0.2">
      <c r="A58" s="8">
        <v>44</v>
      </c>
      <c r="B58" s="35">
        <v>300</v>
      </c>
      <c r="C58" s="13">
        <v>303</v>
      </c>
      <c r="D58" s="12">
        <v>603</v>
      </c>
    </row>
    <row r="59" spans="1:4" ht="18" customHeight="1" x14ac:dyDescent="0.2">
      <c r="A59" s="8" t="s">
        <v>16</v>
      </c>
      <c r="B59" s="35">
        <v>1371</v>
      </c>
      <c r="C59" s="13">
        <v>1343</v>
      </c>
      <c r="D59" s="12">
        <v>2714</v>
      </c>
    </row>
    <row r="60" spans="1:4" ht="18" customHeight="1" x14ac:dyDescent="0.2">
      <c r="A60" s="8">
        <v>45</v>
      </c>
      <c r="B60" s="35">
        <v>370</v>
      </c>
      <c r="C60" s="13">
        <v>289</v>
      </c>
      <c r="D60" s="12">
        <v>659</v>
      </c>
    </row>
    <row r="61" spans="1:4" ht="18" customHeight="1" x14ac:dyDescent="0.2">
      <c r="A61" s="8">
        <v>46</v>
      </c>
      <c r="B61" s="35">
        <v>327</v>
      </c>
      <c r="C61" s="13">
        <v>340</v>
      </c>
      <c r="D61" s="12">
        <v>667</v>
      </c>
    </row>
    <row r="62" spans="1:4" ht="18" customHeight="1" x14ac:dyDescent="0.2">
      <c r="A62" s="8">
        <v>47</v>
      </c>
      <c r="B62" s="35">
        <v>357</v>
      </c>
      <c r="C62" s="13">
        <v>331</v>
      </c>
      <c r="D62" s="12">
        <v>688</v>
      </c>
    </row>
    <row r="63" spans="1:4" ht="18" customHeight="1" x14ac:dyDescent="0.2">
      <c r="A63" s="8">
        <v>48</v>
      </c>
      <c r="B63" s="35">
        <v>334</v>
      </c>
      <c r="C63" s="13">
        <v>352</v>
      </c>
      <c r="D63" s="12">
        <v>686</v>
      </c>
    </row>
    <row r="64" spans="1:4" ht="18" customHeight="1" x14ac:dyDescent="0.2">
      <c r="A64" s="8">
        <v>49</v>
      </c>
      <c r="B64" s="35">
        <v>370</v>
      </c>
      <c r="C64" s="13">
        <v>369</v>
      </c>
      <c r="D64" s="12">
        <v>739</v>
      </c>
    </row>
    <row r="65" spans="1:4" ht="18" customHeight="1" x14ac:dyDescent="0.2">
      <c r="A65" s="8" t="s">
        <v>15</v>
      </c>
      <c r="B65" s="35">
        <v>1758</v>
      </c>
      <c r="C65" s="13">
        <v>1681</v>
      </c>
      <c r="D65" s="12">
        <v>3439</v>
      </c>
    </row>
    <row r="66" spans="1:4" ht="18" customHeight="1" x14ac:dyDescent="0.2">
      <c r="A66" s="8">
        <v>50</v>
      </c>
      <c r="B66" s="35">
        <v>381</v>
      </c>
      <c r="C66" s="13">
        <v>348</v>
      </c>
      <c r="D66" s="12">
        <v>729</v>
      </c>
    </row>
    <row r="67" spans="1:4" ht="18" customHeight="1" x14ac:dyDescent="0.2">
      <c r="A67" s="8">
        <v>51</v>
      </c>
      <c r="B67" s="35">
        <v>342</v>
      </c>
      <c r="C67" s="13">
        <v>350</v>
      </c>
      <c r="D67" s="12">
        <v>692</v>
      </c>
    </row>
    <row r="68" spans="1:4" ht="18" customHeight="1" x14ac:dyDescent="0.2">
      <c r="A68" s="8">
        <v>52</v>
      </c>
      <c r="B68" s="35">
        <v>285</v>
      </c>
      <c r="C68" s="13">
        <v>304</v>
      </c>
      <c r="D68" s="12">
        <v>589</v>
      </c>
    </row>
    <row r="69" spans="1:4" ht="18" customHeight="1" x14ac:dyDescent="0.2">
      <c r="A69" s="8">
        <v>53</v>
      </c>
      <c r="B69" s="35">
        <v>324</v>
      </c>
      <c r="C69" s="13">
        <v>287</v>
      </c>
      <c r="D69" s="12">
        <v>611</v>
      </c>
    </row>
    <row r="70" spans="1:4" ht="18" customHeight="1" x14ac:dyDescent="0.2">
      <c r="A70" s="8">
        <v>54</v>
      </c>
      <c r="B70" s="35">
        <v>324</v>
      </c>
      <c r="C70" s="13">
        <v>301</v>
      </c>
      <c r="D70" s="12">
        <v>625</v>
      </c>
    </row>
    <row r="71" spans="1:4" ht="18" customHeight="1" x14ac:dyDescent="0.2">
      <c r="A71" s="8" t="s">
        <v>14</v>
      </c>
      <c r="B71" s="35">
        <v>1656</v>
      </c>
      <c r="C71" s="13">
        <v>1590</v>
      </c>
      <c r="D71" s="12">
        <v>3246</v>
      </c>
    </row>
    <row r="72" spans="1:4" ht="18" customHeight="1" x14ac:dyDescent="0.2">
      <c r="A72" s="8">
        <v>55</v>
      </c>
      <c r="B72" s="35">
        <v>251</v>
      </c>
      <c r="C72" s="13">
        <v>289</v>
      </c>
      <c r="D72" s="12">
        <v>540</v>
      </c>
    </row>
    <row r="73" spans="1:4" ht="18" customHeight="1" x14ac:dyDescent="0.2">
      <c r="A73" s="8">
        <v>56</v>
      </c>
      <c r="B73" s="35">
        <v>248</v>
      </c>
      <c r="C73" s="13">
        <v>249</v>
      </c>
      <c r="D73" s="12">
        <v>497</v>
      </c>
    </row>
    <row r="74" spans="1:4" ht="18" customHeight="1" x14ac:dyDescent="0.2">
      <c r="A74" s="8">
        <v>57</v>
      </c>
      <c r="B74" s="35">
        <v>215</v>
      </c>
      <c r="C74" s="13">
        <v>234</v>
      </c>
      <c r="D74" s="12">
        <v>449</v>
      </c>
    </row>
    <row r="75" spans="1:4" ht="18" customHeight="1" x14ac:dyDescent="0.2">
      <c r="A75" s="8">
        <v>58</v>
      </c>
      <c r="B75" s="35">
        <v>256</v>
      </c>
      <c r="C75" s="13">
        <v>270</v>
      </c>
      <c r="D75" s="12">
        <v>526</v>
      </c>
    </row>
    <row r="76" spans="1:4" ht="18" customHeight="1" x14ac:dyDescent="0.2">
      <c r="A76" s="8">
        <v>59</v>
      </c>
      <c r="B76" s="35">
        <v>234</v>
      </c>
      <c r="C76" s="13">
        <v>252</v>
      </c>
      <c r="D76" s="12">
        <v>486</v>
      </c>
    </row>
    <row r="77" spans="1:4" ht="18" customHeight="1" x14ac:dyDescent="0.2">
      <c r="A77" s="8" t="s">
        <v>13</v>
      </c>
      <c r="B77" s="35">
        <v>1204</v>
      </c>
      <c r="C77" s="13">
        <v>1294</v>
      </c>
      <c r="D77" s="12">
        <v>2498</v>
      </c>
    </row>
    <row r="78" spans="1:4" ht="18" customHeight="1" x14ac:dyDescent="0.2">
      <c r="A78" s="8">
        <v>60</v>
      </c>
      <c r="B78" s="35">
        <v>241</v>
      </c>
      <c r="C78" s="13">
        <v>265</v>
      </c>
      <c r="D78" s="12">
        <v>506</v>
      </c>
    </row>
    <row r="79" spans="1:4" ht="18" customHeight="1" x14ac:dyDescent="0.2">
      <c r="A79" s="8">
        <v>61</v>
      </c>
      <c r="B79" s="35">
        <v>223</v>
      </c>
      <c r="C79" s="13">
        <v>238</v>
      </c>
      <c r="D79" s="12">
        <v>461</v>
      </c>
    </row>
    <row r="80" spans="1:4" ht="18" customHeight="1" x14ac:dyDescent="0.2">
      <c r="A80" s="8">
        <v>62</v>
      </c>
      <c r="B80" s="35">
        <v>216</v>
      </c>
      <c r="C80" s="13">
        <v>247</v>
      </c>
      <c r="D80" s="12">
        <v>463</v>
      </c>
    </row>
    <row r="81" spans="1:4" ht="18" customHeight="1" x14ac:dyDescent="0.2">
      <c r="A81" s="8">
        <v>63</v>
      </c>
      <c r="B81" s="35">
        <v>220</v>
      </c>
      <c r="C81" s="13">
        <v>212</v>
      </c>
      <c r="D81" s="12">
        <v>432</v>
      </c>
    </row>
    <row r="82" spans="1:4" ht="18" customHeight="1" x14ac:dyDescent="0.2">
      <c r="A82" s="8">
        <v>64</v>
      </c>
      <c r="B82" s="35">
        <v>236</v>
      </c>
      <c r="C82" s="13">
        <v>233</v>
      </c>
      <c r="D82" s="12">
        <v>469</v>
      </c>
    </row>
    <row r="83" spans="1:4" ht="18" customHeight="1" x14ac:dyDescent="0.2">
      <c r="A83" s="8" t="s">
        <v>12</v>
      </c>
      <c r="B83" s="35">
        <v>1136</v>
      </c>
      <c r="C83" s="13">
        <v>1195</v>
      </c>
      <c r="D83" s="12">
        <v>2331</v>
      </c>
    </row>
    <row r="84" spans="1:4" ht="18" customHeight="1" x14ac:dyDescent="0.2">
      <c r="A84" s="8" t="s">
        <v>11</v>
      </c>
      <c r="B84" s="35">
        <v>12699</v>
      </c>
      <c r="C84" s="13">
        <v>12294</v>
      </c>
      <c r="D84" s="12">
        <v>24993</v>
      </c>
    </row>
    <row r="85" spans="1:4" ht="18" customHeight="1" x14ac:dyDescent="0.2">
      <c r="A85" s="8">
        <v>65</v>
      </c>
      <c r="B85" s="35">
        <v>190</v>
      </c>
      <c r="C85" s="13">
        <v>239</v>
      </c>
      <c r="D85" s="12">
        <v>429</v>
      </c>
    </row>
    <row r="86" spans="1:4" ht="18" customHeight="1" x14ac:dyDescent="0.2">
      <c r="A86" s="8">
        <v>66</v>
      </c>
      <c r="B86" s="35">
        <v>197</v>
      </c>
      <c r="C86" s="13">
        <v>210</v>
      </c>
      <c r="D86" s="12">
        <v>407</v>
      </c>
    </row>
    <row r="87" spans="1:4" ht="18" customHeight="1" x14ac:dyDescent="0.2">
      <c r="A87" s="8">
        <v>67</v>
      </c>
      <c r="B87" s="35">
        <v>229</v>
      </c>
      <c r="C87" s="13">
        <v>242</v>
      </c>
      <c r="D87" s="12">
        <v>471</v>
      </c>
    </row>
    <row r="88" spans="1:4" ht="18" customHeight="1" x14ac:dyDescent="0.2">
      <c r="A88" s="8">
        <v>68</v>
      </c>
      <c r="B88" s="35">
        <v>239</v>
      </c>
      <c r="C88" s="13">
        <v>268</v>
      </c>
      <c r="D88" s="12">
        <v>507</v>
      </c>
    </row>
    <row r="89" spans="1:4" ht="18" customHeight="1" x14ac:dyDescent="0.2">
      <c r="A89" s="8">
        <v>69</v>
      </c>
      <c r="B89" s="35">
        <v>241</v>
      </c>
      <c r="C89" s="13">
        <v>250</v>
      </c>
      <c r="D89" s="12">
        <v>491</v>
      </c>
    </row>
    <row r="90" spans="1:4" ht="18" customHeight="1" x14ac:dyDescent="0.2">
      <c r="A90" s="8" t="s">
        <v>10</v>
      </c>
      <c r="B90" s="35">
        <v>1096</v>
      </c>
      <c r="C90" s="13">
        <v>1209</v>
      </c>
      <c r="D90" s="12">
        <v>2305</v>
      </c>
    </row>
    <row r="91" spans="1:4" ht="18" customHeight="1" x14ac:dyDescent="0.2">
      <c r="A91" s="8">
        <v>70</v>
      </c>
      <c r="B91" s="35">
        <v>243</v>
      </c>
      <c r="C91" s="13">
        <v>248</v>
      </c>
      <c r="D91" s="12">
        <v>491</v>
      </c>
    </row>
    <row r="92" spans="1:4" ht="18" customHeight="1" x14ac:dyDescent="0.2">
      <c r="A92" s="8">
        <v>71</v>
      </c>
      <c r="B92" s="35">
        <v>226</v>
      </c>
      <c r="C92" s="13">
        <v>284</v>
      </c>
      <c r="D92" s="12">
        <v>510</v>
      </c>
    </row>
    <row r="93" spans="1:4" ht="18" customHeight="1" x14ac:dyDescent="0.2">
      <c r="A93" s="8">
        <v>72</v>
      </c>
      <c r="B93" s="35">
        <v>255</v>
      </c>
      <c r="C93" s="13">
        <v>276</v>
      </c>
      <c r="D93" s="12">
        <v>531</v>
      </c>
    </row>
    <row r="94" spans="1:4" ht="18" customHeight="1" x14ac:dyDescent="0.2">
      <c r="A94" s="8">
        <v>73</v>
      </c>
      <c r="B94" s="35">
        <v>240</v>
      </c>
      <c r="C94" s="13">
        <v>288</v>
      </c>
      <c r="D94" s="12">
        <v>528</v>
      </c>
    </row>
    <row r="95" spans="1:4" ht="18" customHeight="1" x14ac:dyDescent="0.2">
      <c r="A95" s="8">
        <v>74</v>
      </c>
      <c r="B95" s="35">
        <v>318</v>
      </c>
      <c r="C95" s="13">
        <v>326</v>
      </c>
      <c r="D95" s="12">
        <v>644</v>
      </c>
    </row>
    <row r="96" spans="1:4" ht="18" customHeight="1" x14ac:dyDescent="0.2">
      <c r="A96" s="8" t="s">
        <v>9</v>
      </c>
      <c r="B96" s="35">
        <v>1282</v>
      </c>
      <c r="C96" s="13">
        <v>1422</v>
      </c>
      <c r="D96" s="12">
        <v>2704</v>
      </c>
    </row>
    <row r="97" spans="1:4" ht="18" customHeight="1" x14ac:dyDescent="0.2">
      <c r="A97" s="8">
        <v>75</v>
      </c>
      <c r="B97" s="35">
        <v>290</v>
      </c>
      <c r="C97" s="13">
        <v>316</v>
      </c>
      <c r="D97" s="12">
        <v>606</v>
      </c>
    </row>
    <row r="98" spans="1:4" ht="18" customHeight="1" x14ac:dyDescent="0.2">
      <c r="A98" s="8">
        <v>76</v>
      </c>
      <c r="B98" s="35">
        <v>235</v>
      </c>
      <c r="C98" s="13">
        <v>280</v>
      </c>
      <c r="D98" s="12">
        <v>515</v>
      </c>
    </row>
    <row r="99" spans="1:4" ht="18" customHeight="1" x14ac:dyDescent="0.2">
      <c r="A99" s="8">
        <v>77</v>
      </c>
      <c r="B99" s="35">
        <v>122</v>
      </c>
      <c r="C99" s="13">
        <v>125</v>
      </c>
      <c r="D99" s="12">
        <v>247</v>
      </c>
    </row>
    <row r="100" spans="1:4" ht="18" customHeight="1" x14ac:dyDescent="0.2">
      <c r="A100" s="8">
        <v>78</v>
      </c>
      <c r="B100" s="35">
        <v>149</v>
      </c>
      <c r="C100" s="13">
        <v>169</v>
      </c>
      <c r="D100" s="12">
        <v>318</v>
      </c>
    </row>
    <row r="101" spans="1:4" ht="18" customHeight="1" x14ac:dyDescent="0.2">
      <c r="A101" s="8">
        <v>79</v>
      </c>
      <c r="B101" s="35">
        <v>163</v>
      </c>
      <c r="C101" s="13">
        <v>214</v>
      </c>
      <c r="D101" s="12">
        <v>377</v>
      </c>
    </row>
    <row r="102" spans="1:4" ht="18" customHeight="1" x14ac:dyDescent="0.2">
      <c r="A102" s="8" t="s">
        <v>8</v>
      </c>
      <c r="B102" s="35">
        <v>959</v>
      </c>
      <c r="C102" s="13">
        <v>1104</v>
      </c>
      <c r="D102" s="12">
        <v>2063</v>
      </c>
    </row>
    <row r="103" spans="1:4" ht="18" customHeight="1" x14ac:dyDescent="0.2">
      <c r="A103" s="8">
        <v>80</v>
      </c>
      <c r="B103" s="35">
        <v>150</v>
      </c>
      <c r="C103" s="13">
        <v>211</v>
      </c>
      <c r="D103" s="12">
        <v>361</v>
      </c>
    </row>
    <row r="104" spans="1:4" ht="18" customHeight="1" x14ac:dyDescent="0.2">
      <c r="A104" s="8">
        <v>81</v>
      </c>
      <c r="B104" s="35">
        <v>165</v>
      </c>
      <c r="C104" s="13">
        <v>185</v>
      </c>
      <c r="D104" s="12">
        <v>350</v>
      </c>
    </row>
    <row r="105" spans="1:4" ht="18" customHeight="1" x14ac:dyDescent="0.2">
      <c r="A105" s="8">
        <v>82</v>
      </c>
      <c r="B105" s="35">
        <v>135</v>
      </c>
      <c r="C105" s="13">
        <v>182</v>
      </c>
      <c r="D105" s="12">
        <v>317</v>
      </c>
    </row>
    <row r="106" spans="1:4" ht="18" customHeight="1" x14ac:dyDescent="0.2">
      <c r="A106" s="8">
        <v>83</v>
      </c>
      <c r="B106" s="35">
        <v>107</v>
      </c>
      <c r="C106" s="13">
        <v>171</v>
      </c>
      <c r="D106" s="12">
        <v>278</v>
      </c>
    </row>
    <row r="107" spans="1:4" ht="18" customHeight="1" x14ac:dyDescent="0.2">
      <c r="A107" s="8">
        <v>84</v>
      </c>
      <c r="B107" s="35">
        <v>81</v>
      </c>
      <c r="C107" s="13">
        <v>127</v>
      </c>
      <c r="D107" s="12">
        <v>208</v>
      </c>
    </row>
    <row r="108" spans="1:4" ht="18" customHeight="1" x14ac:dyDescent="0.2">
      <c r="A108" s="8" t="s">
        <v>7</v>
      </c>
      <c r="B108" s="35">
        <v>638</v>
      </c>
      <c r="C108" s="13">
        <v>876</v>
      </c>
      <c r="D108" s="12">
        <v>1514</v>
      </c>
    </row>
    <row r="109" spans="1:4" ht="18" customHeight="1" x14ac:dyDescent="0.2">
      <c r="A109" s="8">
        <v>85</v>
      </c>
      <c r="B109" s="35">
        <v>106</v>
      </c>
      <c r="C109" s="13">
        <v>127</v>
      </c>
      <c r="D109" s="12">
        <v>233</v>
      </c>
    </row>
    <row r="110" spans="1:4" ht="18" customHeight="1" x14ac:dyDescent="0.2">
      <c r="A110" s="8">
        <v>86</v>
      </c>
      <c r="B110" s="35">
        <v>84</v>
      </c>
      <c r="C110" s="13">
        <v>119</v>
      </c>
      <c r="D110" s="12">
        <v>203</v>
      </c>
    </row>
    <row r="111" spans="1:4" ht="18" customHeight="1" x14ac:dyDescent="0.2">
      <c r="A111" s="8">
        <v>87</v>
      </c>
      <c r="B111" s="35">
        <v>88</v>
      </c>
      <c r="C111" s="13">
        <v>152</v>
      </c>
      <c r="D111" s="12">
        <v>240</v>
      </c>
    </row>
    <row r="112" spans="1:4" ht="18" customHeight="1" x14ac:dyDescent="0.2">
      <c r="A112" s="8">
        <v>88</v>
      </c>
      <c r="B112" s="35">
        <v>59</v>
      </c>
      <c r="C112" s="13">
        <v>111</v>
      </c>
      <c r="D112" s="12">
        <v>170</v>
      </c>
    </row>
    <row r="113" spans="1:4" ht="18" customHeight="1" x14ac:dyDescent="0.2">
      <c r="A113" s="8">
        <v>89</v>
      </c>
      <c r="B113" s="35">
        <v>49</v>
      </c>
      <c r="C113" s="13">
        <v>134</v>
      </c>
      <c r="D113" s="12">
        <v>183</v>
      </c>
    </row>
    <row r="114" spans="1:4" ht="18" customHeight="1" x14ac:dyDescent="0.2">
      <c r="A114" s="8" t="s">
        <v>6</v>
      </c>
      <c r="B114" s="35">
        <v>386</v>
      </c>
      <c r="C114" s="13">
        <v>643</v>
      </c>
      <c r="D114" s="12">
        <v>1029</v>
      </c>
    </row>
    <row r="115" spans="1:4" ht="18" customHeight="1" x14ac:dyDescent="0.2">
      <c r="A115" s="8">
        <v>90</v>
      </c>
      <c r="B115" s="35">
        <v>36</v>
      </c>
      <c r="C115" s="13">
        <v>129</v>
      </c>
      <c r="D115" s="12">
        <v>165</v>
      </c>
    </row>
    <row r="116" spans="1:4" ht="18" customHeight="1" x14ac:dyDescent="0.2">
      <c r="A116" s="8">
        <v>91</v>
      </c>
      <c r="B116" s="35">
        <v>35</v>
      </c>
      <c r="C116" s="13">
        <v>111</v>
      </c>
      <c r="D116" s="12">
        <v>146</v>
      </c>
    </row>
    <row r="117" spans="1:4" ht="18" customHeight="1" x14ac:dyDescent="0.2">
      <c r="A117" s="8">
        <v>92</v>
      </c>
      <c r="B117" s="35">
        <v>27</v>
      </c>
      <c r="C117" s="13">
        <v>92</v>
      </c>
      <c r="D117" s="12">
        <v>119</v>
      </c>
    </row>
    <row r="118" spans="1:4" ht="18" customHeight="1" x14ac:dyDescent="0.2">
      <c r="A118" s="8">
        <v>93</v>
      </c>
      <c r="B118" s="35">
        <v>21</v>
      </c>
      <c r="C118" s="13">
        <v>63</v>
      </c>
      <c r="D118" s="12">
        <v>84</v>
      </c>
    </row>
    <row r="119" spans="1:4" ht="18" customHeight="1" x14ac:dyDescent="0.2">
      <c r="A119" s="8">
        <v>94</v>
      </c>
      <c r="B119" s="35">
        <v>23</v>
      </c>
      <c r="C119" s="13">
        <v>64</v>
      </c>
      <c r="D119" s="12">
        <v>87</v>
      </c>
    </row>
    <row r="120" spans="1:4" ht="18" customHeight="1" x14ac:dyDescent="0.2">
      <c r="A120" s="8" t="s">
        <v>5</v>
      </c>
      <c r="B120" s="35">
        <v>142</v>
      </c>
      <c r="C120" s="13">
        <v>459</v>
      </c>
      <c r="D120" s="12">
        <v>601</v>
      </c>
    </row>
    <row r="121" spans="1:4" ht="18" customHeight="1" x14ac:dyDescent="0.2">
      <c r="A121" s="8">
        <v>95</v>
      </c>
      <c r="B121" s="35">
        <v>11</v>
      </c>
      <c r="C121" s="13">
        <v>44</v>
      </c>
      <c r="D121" s="12">
        <v>55</v>
      </c>
    </row>
    <row r="122" spans="1:4" ht="18" customHeight="1" x14ac:dyDescent="0.2">
      <c r="A122" s="8">
        <v>96</v>
      </c>
      <c r="B122" s="35">
        <v>13</v>
      </c>
      <c r="C122" s="13">
        <v>39</v>
      </c>
      <c r="D122" s="12">
        <v>52</v>
      </c>
    </row>
    <row r="123" spans="1:4" ht="18" customHeight="1" x14ac:dyDescent="0.2">
      <c r="A123" s="8">
        <v>97</v>
      </c>
      <c r="B123" s="35">
        <v>7</v>
      </c>
      <c r="C123" s="13">
        <v>20</v>
      </c>
      <c r="D123" s="12">
        <v>27</v>
      </c>
    </row>
    <row r="124" spans="1:4" ht="18" customHeight="1" x14ac:dyDescent="0.2">
      <c r="A124" s="8">
        <v>98</v>
      </c>
      <c r="B124" s="35">
        <v>3</v>
      </c>
      <c r="C124" s="13">
        <v>26</v>
      </c>
      <c r="D124" s="12">
        <v>29</v>
      </c>
    </row>
    <row r="125" spans="1:4" ht="18" customHeight="1" x14ac:dyDescent="0.2">
      <c r="A125" s="8">
        <v>99</v>
      </c>
      <c r="B125" s="35">
        <v>7</v>
      </c>
      <c r="C125" s="13">
        <v>9</v>
      </c>
      <c r="D125" s="12">
        <v>16</v>
      </c>
    </row>
    <row r="126" spans="1:4" ht="18" customHeight="1" x14ac:dyDescent="0.2">
      <c r="A126" s="8" t="s">
        <v>4</v>
      </c>
      <c r="B126" s="35">
        <v>41</v>
      </c>
      <c r="C126" s="13">
        <v>138</v>
      </c>
      <c r="D126" s="12">
        <v>179</v>
      </c>
    </row>
    <row r="127" spans="1:4" ht="18" customHeight="1" x14ac:dyDescent="0.2">
      <c r="A127" s="8">
        <v>100</v>
      </c>
      <c r="B127" s="35">
        <v>1</v>
      </c>
      <c r="C127" s="13">
        <v>11</v>
      </c>
      <c r="D127" s="12">
        <v>12</v>
      </c>
    </row>
    <row r="128" spans="1:4" ht="18" customHeight="1" x14ac:dyDescent="0.2">
      <c r="A128" s="15" t="s">
        <v>3</v>
      </c>
      <c r="B128" s="35">
        <v>3</v>
      </c>
      <c r="C128" s="13">
        <v>20</v>
      </c>
      <c r="D128" s="12">
        <v>23</v>
      </c>
    </row>
    <row r="129" spans="1:4" ht="18" customHeight="1" x14ac:dyDescent="0.2">
      <c r="A129" s="8" t="s">
        <v>2</v>
      </c>
      <c r="B129" s="35">
        <v>4</v>
      </c>
      <c r="C129" s="13">
        <v>31</v>
      </c>
      <c r="D129" s="12">
        <v>35</v>
      </c>
    </row>
    <row r="130" spans="1:4" ht="18" customHeight="1" x14ac:dyDescent="0.2">
      <c r="A130" s="8" t="s">
        <v>1</v>
      </c>
      <c r="B130" s="28">
        <v>4548</v>
      </c>
      <c r="C130" s="6">
        <v>5882</v>
      </c>
      <c r="D130" s="5">
        <v>10430</v>
      </c>
    </row>
    <row r="131" spans="1:4" ht="18" customHeight="1" x14ac:dyDescent="0.2">
      <c r="A131" s="4" t="s">
        <v>0</v>
      </c>
      <c r="B131" s="27">
        <v>20055</v>
      </c>
      <c r="C131" s="2">
        <v>20870</v>
      </c>
      <c r="D131" s="1">
        <v>40925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990CF9F-79C6-4CA7-9A8A-49B786B83238}">
  <sheetPr codeName="Sheet9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112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53" t="s">
        <v>219</v>
      </c>
      <c r="C5" s="53" t="s">
        <v>219</v>
      </c>
      <c r="D5" s="62" t="s">
        <v>219</v>
      </c>
    </row>
    <row r="6" spans="1:4" ht="18" customHeight="1" x14ac:dyDescent="0.2">
      <c r="A6" s="8">
        <v>1</v>
      </c>
      <c r="B6" s="53" t="s">
        <v>219</v>
      </c>
      <c r="C6" s="53" t="s">
        <v>219</v>
      </c>
      <c r="D6" s="62" t="s">
        <v>219</v>
      </c>
    </row>
    <row r="7" spans="1:4" ht="18" customHeight="1" x14ac:dyDescent="0.2">
      <c r="A7" s="8">
        <v>2</v>
      </c>
      <c r="B7" s="53" t="s">
        <v>219</v>
      </c>
      <c r="C7" s="53" t="s">
        <v>219</v>
      </c>
      <c r="D7" s="62" t="s">
        <v>219</v>
      </c>
    </row>
    <row r="8" spans="1:4" ht="18" customHeight="1" x14ac:dyDescent="0.2">
      <c r="A8" s="8">
        <v>3</v>
      </c>
      <c r="B8" s="53" t="s">
        <v>219</v>
      </c>
      <c r="C8" s="53" t="s">
        <v>219</v>
      </c>
      <c r="D8" s="62" t="s">
        <v>219</v>
      </c>
    </row>
    <row r="9" spans="1:4" ht="18" customHeight="1" x14ac:dyDescent="0.2">
      <c r="A9" s="8">
        <v>4</v>
      </c>
      <c r="B9" s="53" t="s">
        <v>219</v>
      </c>
      <c r="C9" s="53" t="s">
        <v>219</v>
      </c>
      <c r="D9" s="62" t="s">
        <v>219</v>
      </c>
    </row>
    <row r="10" spans="1:4" ht="18" customHeight="1" x14ac:dyDescent="0.2">
      <c r="A10" s="8" t="s">
        <v>25</v>
      </c>
      <c r="B10" s="53" t="s">
        <v>219</v>
      </c>
      <c r="C10" s="53" t="s">
        <v>219</v>
      </c>
      <c r="D10" s="62" t="s">
        <v>219</v>
      </c>
    </row>
    <row r="11" spans="1:4" ht="18" customHeight="1" x14ac:dyDescent="0.2">
      <c r="A11" s="8">
        <v>5</v>
      </c>
      <c r="B11" s="53" t="s">
        <v>219</v>
      </c>
      <c r="C11" s="53" t="s">
        <v>219</v>
      </c>
      <c r="D11" s="62" t="s">
        <v>219</v>
      </c>
    </row>
    <row r="12" spans="1:4" ht="18" customHeight="1" x14ac:dyDescent="0.2">
      <c r="A12" s="8">
        <v>6</v>
      </c>
      <c r="B12" s="53" t="s">
        <v>219</v>
      </c>
      <c r="C12" s="53" t="s">
        <v>219</v>
      </c>
      <c r="D12" s="62" t="s">
        <v>219</v>
      </c>
    </row>
    <row r="13" spans="1:4" ht="18" customHeight="1" x14ac:dyDescent="0.2">
      <c r="A13" s="8">
        <v>7</v>
      </c>
      <c r="B13" s="53" t="s">
        <v>219</v>
      </c>
      <c r="C13" s="53" t="s">
        <v>219</v>
      </c>
      <c r="D13" s="62" t="s">
        <v>219</v>
      </c>
    </row>
    <row r="14" spans="1:4" ht="18" customHeight="1" x14ac:dyDescent="0.2">
      <c r="A14" s="8">
        <v>8</v>
      </c>
      <c r="B14" s="53" t="s">
        <v>219</v>
      </c>
      <c r="C14" s="53" t="s">
        <v>219</v>
      </c>
      <c r="D14" s="62" t="s">
        <v>219</v>
      </c>
    </row>
    <row r="15" spans="1:4" ht="18" customHeight="1" x14ac:dyDescent="0.2">
      <c r="A15" s="8">
        <v>9</v>
      </c>
      <c r="B15" s="53" t="s">
        <v>219</v>
      </c>
      <c r="C15" s="53" t="s">
        <v>219</v>
      </c>
      <c r="D15" s="62" t="s">
        <v>219</v>
      </c>
    </row>
    <row r="16" spans="1:4" ht="18" customHeight="1" x14ac:dyDescent="0.2">
      <c r="A16" s="8" t="s">
        <v>24</v>
      </c>
      <c r="B16" s="53" t="s">
        <v>219</v>
      </c>
      <c r="C16" s="53" t="s">
        <v>219</v>
      </c>
      <c r="D16" s="62" t="s">
        <v>219</v>
      </c>
    </row>
    <row r="17" spans="1:4" ht="18" customHeight="1" x14ac:dyDescent="0.2">
      <c r="A17" s="8">
        <v>10</v>
      </c>
      <c r="B17" s="53" t="s">
        <v>219</v>
      </c>
      <c r="C17" s="53" t="s">
        <v>219</v>
      </c>
      <c r="D17" s="62" t="s">
        <v>219</v>
      </c>
    </row>
    <row r="18" spans="1:4" ht="18" customHeight="1" x14ac:dyDescent="0.2">
      <c r="A18" s="8">
        <v>11</v>
      </c>
      <c r="B18" s="53" t="s">
        <v>219</v>
      </c>
      <c r="C18" s="53" t="s">
        <v>219</v>
      </c>
      <c r="D18" s="62" t="s">
        <v>219</v>
      </c>
    </row>
    <row r="19" spans="1:4" ht="18" customHeight="1" x14ac:dyDescent="0.2">
      <c r="A19" s="8">
        <v>12</v>
      </c>
      <c r="B19" s="53" t="s">
        <v>219</v>
      </c>
      <c r="C19" s="53" t="s">
        <v>219</v>
      </c>
      <c r="D19" s="62" t="s">
        <v>219</v>
      </c>
    </row>
    <row r="20" spans="1:4" ht="18" customHeight="1" x14ac:dyDescent="0.2">
      <c r="A20" s="8">
        <v>13</v>
      </c>
      <c r="B20" s="53" t="s">
        <v>219</v>
      </c>
      <c r="C20" s="53" t="s">
        <v>219</v>
      </c>
      <c r="D20" s="62" t="s">
        <v>219</v>
      </c>
    </row>
    <row r="21" spans="1:4" ht="18" customHeight="1" x14ac:dyDescent="0.2">
      <c r="A21" s="8">
        <v>14</v>
      </c>
      <c r="B21" s="53" t="s">
        <v>219</v>
      </c>
      <c r="C21" s="53" t="s">
        <v>219</v>
      </c>
      <c r="D21" s="62" t="s">
        <v>219</v>
      </c>
    </row>
    <row r="22" spans="1:4" ht="18" customHeight="1" x14ac:dyDescent="0.2">
      <c r="A22" s="8" t="s">
        <v>23</v>
      </c>
      <c r="B22" s="53" t="s">
        <v>219</v>
      </c>
      <c r="C22" s="53" t="s">
        <v>219</v>
      </c>
      <c r="D22" s="62" t="s">
        <v>219</v>
      </c>
    </row>
    <row r="23" spans="1:4" ht="18" customHeight="1" x14ac:dyDescent="0.2">
      <c r="A23" s="8" t="s">
        <v>22</v>
      </c>
      <c r="B23" s="35">
        <v>0</v>
      </c>
      <c r="C23" s="13">
        <v>0</v>
      </c>
      <c r="D23" s="12">
        <v>0</v>
      </c>
    </row>
    <row r="24" spans="1:4" ht="18" customHeight="1" x14ac:dyDescent="0.2">
      <c r="A24" s="8">
        <v>15</v>
      </c>
      <c r="B24" s="53" t="s">
        <v>219</v>
      </c>
      <c r="C24" s="53" t="s">
        <v>219</v>
      </c>
      <c r="D24" s="62" t="s">
        <v>219</v>
      </c>
    </row>
    <row r="25" spans="1:4" ht="18" customHeight="1" x14ac:dyDescent="0.2">
      <c r="A25" s="8">
        <v>16</v>
      </c>
      <c r="B25" s="53" t="s">
        <v>219</v>
      </c>
      <c r="C25" s="53" t="s">
        <v>219</v>
      </c>
      <c r="D25" s="62" t="s">
        <v>219</v>
      </c>
    </row>
    <row r="26" spans="1:4" ht="18" customHeight="1" x14ac:dyDescent="0.2">
      <c r="A26" s="8">
        <v>17</v>
      </c>
      <c r="B26" s="53" t="s">
        <v>219</v>
      </c>
      <c r="C26" s="53" t="s">
        <v>219</v>
      </c>
      <c r="D26" s="62" t="s">
        <v>219</v>
      </c>
    </row>
    <row r="27" spans="1:4" ht="18" customHeight="1" x14ac:dyDescent="0.2">
      <c r="A27" s="8">
        <v>18</v>
      </c>
      <c r="B27" s="53" t="s">
        <v>219</v>
      </c>
      <c r="C27" s="53" t="s">
        <v>219</v>
      </c>
      <c r="D27" s="62" t="s">
        <v>219</v>
      </c>
    </row>
    <row r="28" spans="1:4" ht="18" customHeight="1" x14ac:dyDescent="0.2">
      <c r="A28" s="8">
        <v>19</v>
      </c>
      <c r="B28" s="53" t="s">
        <v>219</v>
      </c>
      <c r="C28" s="53" t="s">
        <v>219</v>
      </c>
      <c r="D28" s="62" t="s">
        <v>219</v>
      </c>
    </row>
    <row r="29" spans="1:4" ht="18" customHeight="1" x14ac:dyDescent="0.2">
      <c r="A29" s="8" t="s">
        <v>21</v>
      </c>
      <c r="B29" s="53" t="s">
        <v>219</v>
      </c>
      <c r="C29" s="53" t="s">
        <v>219</v>
      </c>
      <c r="D29" s="62" t="s">
        <v>219</v>
      </c>
    </row>
    <row r="30" spans="1:4" ht="18" customHeight="1" x14ac:dyDescent="0.2">
      <c r="A30" s="8">
        <v>20</v>
      </c>
      <c r="B30" s="53" t="s">
        <v>219</v>
      </c>
      <c r="C30" s="53" t="s">
        <v>219</v>
      </c>
      <c r="D30" s="62" t="s">
        <v>219</v>
      </c>
    </row>
    <row r="31" spans="1:4" ht="18" customHeight="1" x14ac:dyDescent="0.2">
      <c r="A31" s="8">
        <v>21</v>
      </c>
      <c r="B31" s="53" t="s">
        <v>219</v>
      </c>
      <c r="C31" s="53" t="s">
        <v>219</v>
      </c>
      <c r="D31" s="62" t="s">
        <v>219</v>
      </c>
    </row>
    <row r="32" spans="1:4" ht="18" customHeight="1" x14ac:dyDescent="0.2">
      <c r="A32" s="8">
        <v>22</v>
      </c>
      <c r="B32" s="53" t="s">
        <v>219</v>
      </c>
      <c r="C32" s="53" t="s">
        <v>219</v>
      </c>
      <c r="D32" s="62" t="s">
        <v>219</v>
      </c>
    </row>
    <row r="33" spans="1:4" ht="18" customHeight="1" x14ac:dyDescent="0.2">
      <c r="A33" s="8">
        <v>23</v>
      </c>
      <c r="B33" s="53" t="s">
        <v>219</v>
      </c>
      <c r="C33" s="53" t="s">
        <v>219</v>
      </c>
      <c r="D33" s="62" t="s">
        <v>219</v>
      </c>
    </row>
    <row r="34" spans="1:4" ht="18" customHeight="1" x14ac:dyDescent="0.2">
      <c r="A34" s="8">
        <v>24</v>
      </c>
      <c r="B34" s="53" t="s">
        <v>219</v>
      </c>
      <c r="C34" s="53" t="s">
        <v>219</v>
      </c>
      <c r="D34" s="62" t="s">
        <v>219</v>
      </c>
    </row>
    <row r="35" spans="1:4" ht="18" customHeight="1" x14ac:dyDescent="0.2">
      <c r="A35" s="8" t="s">
        <v>20</v>
      </c>
      <c r="B35" s="53" t="s">
        <v>219</v>
      </c>
      <c r="C35" s="53" t="s">
        <v>219</v>
      </c>
      <c r="D35" s="62" t="s">
        <v>219</v>
      </c>
    </row>
    <row r="36" spans="1:4" ht="18" customHeight="1" x14ac:dyDescent="0.2">
      <c r="A36" s="8">
        <v>25</v>
      </c>
      <c r="B36" s="53" t="s">
        <v>219</v>
      </c>
      <c r="C36" s="53" t="s">
        <v>219</v>
      </c>
      <c r="D36" s="62" t="s">
        <v>219</v>
      </c>
    </row>
    <row r="37" spans="1:4" ht="18" customHeight="1" x14ac:dyDescent="0.2">
      <c r="A37" s="8">
        <v>26</v>
      </c>
      <c r="B37" s="53" t="s">
        <v>219</v>
      </c>
      <c r="C37" s="53" t="s">
        <v>219</v>
      </c>
      <c r="D37" s="62" t="s">
        <v>219</v>
      </c>
    </row>
    <row r="38" spans="1:4" ht="18" customHeight="1" x14ac:dyDescent="0.2">
      <c r="A38" s="8">
        <v>27</v>
      </c>
      <c r="B38" s="53" t="s">
        <v>219</v>
      </c>
      <c r="C38" s="53" t="s">
        <v>219</v>
      </c>
      <c r="D38" s="62" t="s">
        <v>219</v>
      </c>
    </row>
    <row r="39" spans="1:4" ht="18" customHeight="1" x14ac:dyDescent="0.2">
      <c r="A39" s="8">
        <v>28</v>
      </c>
      <c r="B39" s="53" t="s">
        <v>219</v>
      </c>
      <c r="C39" s="53" t="s">
        <v>219</v>
      </c>
      <c r="D39" s="62" t="s">
        <v>219</v>
      </c>
    </row>
    <row r="40" spans="1:4" ht="18" customHeight="1" x14ac:dyDescent="0.2">
      <c r="A40" s="8">
        <v>29</v>
      </c>
      <c r="B40" s="53" t="s">
        <v>219</v>
      </c>
      <c r="C40" s="53" t="s">
        <v>219</v>
      </c>
      <c r="D40" s="62" t="s">
        <v>219</v>
      </c>
    </row>
    <row r="41" spans="1:4" ht="18" customHeight="1" x14ac:dyDescent="0.2">
      <c r="A41" s="8" t="s">
        <v>19</v>
      </c>
      <c r="B41" s="53" t="s">
        <v>219</v>
      </c>
      <c r="C41" s="53" t="s">
        <v>219</v>
      </c>
      <c r="D41" s="62" t="s">
        <v>219</v>
      </c>
    </row>
    <row r="42" spans="1:4" ht="18" customHeight="1" x14ac:dyDescent="0.2">
      <c r="A42" s="8">
        <v>30</v>
      </c>
      <c r="B42" s="53" t="s">
        <v>219</v>
      </c>
      <c r="C42" s="53" t="s">
        <v>219</v>
      </c>
      <c r="D42" s="62" t="s">
        <v>219</v>
      </c>
    </row>
    <row r="43" spans="1:4" ht="18" customHeight="1" x14ac:dyDescent="0.2">
      <c r="A43" s="8">
        <v>31</v>
      </c>
      <c r="B43" s="53" t="s">
        <v>219</v>
      </c>
      <c r="C43" s="53" t="s">
        <v>219</v>
      </c>
      <c r="D43" s="62" t="s">
        <v>219</v>
      </c>
    </row>
    <row r="44" spans="1:4" ht="18" customHeight="1" x14ac:dyDescent="0.2">
      <c r="A44" s="8">
        <v>32</v>
      </c>
      <c r="B44" s="53" t="s">
        <v>219</v>
      </c>
      <c r="C44" s="53" t="s">
        <v>219</v>
      </c>
      <c r="D44" s="62" t="s">
        <v>219</v>
      </c>
    </row>
    <row r="45" spans="1:4" ht="18" customHeight="1" x14ac:dyDescent="0.2">
      <c r="A45" s="8">
        <v>33</v>
      </c>
      <c r="B45" s="53" t="s">
        <v>219</v>
      </c>
      <c r="C45" s="53" t="s">
        <v>219</v>
      </c>
      <c r="D45" s="62" t="s">
        <v>219</v>
      </c>
    </row>
    <row r="46" spans="1:4" ht="18" customHeight="1" x14ac:dyDescent="0.2">
      <c r="A46" s="8">
        <v>34</v>
      </c>
      <c r="B46" s="53" t="s">
        <v>219</v>
      </c>
      <c r="C46" s="53" t="s">
        <v>219</v>
      </c>
      <c r="D46" s="62" t="s">
        <v>219</v>
      </c>
    </row>
    <row r="47" spans="1:4" ht="18" customHeight="1" x14ac:dyDescent="0.2">
      <c r="A47" s="8" t="s">
        <v>18</v>
      </c>
      <c r="B47" s="53" t="s">
        <v>219</v>
      </c>
      <c r="C47" s="53" t="s">
        <v>219</v>
      </c>
      <c r="D47" s="62" t="s">
        <v>219</v>
      </c>
    </row>
    <row r="48" spans="1:4" ht="18" customHeight="1" x14ac:dyDescent="0.2">
      <c r="A48" s="8">
        <v>35</v>
      </c>
      <c r="B48" s="53" t="s">
        <v>219</v>
      </c>
      <c r="C48" s="53" t="s">
        <v>219</v>
      </c>
      <c r="D48" s="62" t="s">
        <v>219</v>
      </c>
    </row>
    <row r="49" spans="1:4" ht="18" customHeight="1" x14ac:dyDescent="0.2">
      <c r="A49" s="8">
        <v>36</v>
      </c>
      <c r="B49" s="53" t="s">
        <v>219</v>
      </c>
      <c r="C49" s="53" t="s">
        <v>219</v>
      </c>
      <c r="D49" s="62" t="s">
        <v>219</v>
      </c>
    </row>
    <row r="50" spans="1:4" ht="18" customHeight="1" x14ac:dyDescent="0.2">
      <c r="A50" s="8">
        <v>37</v>
      </c>
      <c r="B50" s="53" t="s">
        <v>219</v>
      </c>
      <c r="C50" s="53" t="s">
        <v>219</v>
      </c>
      <c r="D50" s="62" t="s">
        <v>219</v>
      </c>
    </row>
    <row r="51" spans="1:4" ht="18" customHeight="1" x14ac:dyDescent="0.2">
      <c r="A51" s="8">
        <v>38</v>
      </c>
      <c r="B51" s="53" t="s">
        <v>219</v>
      </c>
      <c r="C51" s="53" t="s">
        <v>219</v>
      </c>
      <c r="D51" s="62" t="s">
        <v>219</v>
      </c>
    </row>
    <row r="52" spans="1:4" ht="18" customHeight="1" x14ac:dyDescent="0.2">
      <c r="A52" s="8">
        <v>39</v>
      </c>
      <c r="B52" s="53" t="s">
        <v>219</v>
      </c>
      <c r="C52" s="53" t="s">
        <v>219</v>
      </c>
      <c r="D52" s="62" t="s">
        <v>219</v>
      </c>
    </row>
    <row r="53" spans="1:4" ht="18" customHeight="1" x14ac:dyDescent="0.2">
      <c r="A53" s="8" t="s">
        <v>17</v>
      </c>
      <c r="B53" s="53" t="s">
        <v>219</v>
      </c>
      <c r="C53" s="53" t="s">
        <v>219</v>
      </c>
      <c r="D53" s="62" t="s">
        <v>219</v>
      </c>
    </row>
    <row r="54" spans="1:4" ht="18" customHeight="1" x14ac:dyDescent="0.2">
      <c r="A54" s="8">
        <v>40</v>
      </c>
      <c r="B54" s="53" t="s">
        <v>219</v>
      </c>
      <c r="C54" s="53" t="s">
        <v>219</v>
      </c>
      <c r="D54" s="62" t="s">
        <v>219</v>
      </c>
    </row>
    <row r="55" spans="1:4" ht="18" customHeight="1" x14ac:dyDescent="0.2">
      <c r="A55" s="8">
        <v>41</v>
      </c>
      <c r="B55" s="53" t="s">
        <v>219</v>
      </c>
      <c r="C55" s="53" t="s">
        <v>219</v>
      </c>
      <c r="D55" s="62" t="s">
        <v>219</v>
      </c>
    </row>
    <row r="56" spans="1:4" ht="18" customHeight="1" x14ac:dyDescent="0.2">
      <c r="A56" s="8">
        <v>42</v>
      </c>
      <c r="B56" s="53" t="s">
        <v>219</v>
      </c>
      <c r="C56" s="53" t="s">
        <v>219</v>
      </c>
      <c r="D56" s="62" t="s">
        <v>219</v>
      </c>
    </row>
    <row r="57" spans="1:4" ht="18" customHeight="1" x14ac:dyDescent="0.2">
      <c r="A57" s="8">
        <v>43</v>
      </c>
      <c r="B57" s="53" t="s">
        <v>219</v>
      </c>
      <c r="C57" s="53" t="s">
        <v>219</v>
      </c>
      <c r="D57" s="62" t="s">
        <v>219</v>
      </c>
    </row>
    <row r="58" spans="1:4" ht="18" customHeight="1" x14ac:dyDescent="0.2">
      <c r="A58" s="8">
        <v>44</v>
      </c>
      <c r="B58" s="53" t="s">
        <v>219</v>
      </c>
      <c r="C58" s="53" t="s">
        <v>219</v>
      </c>
      <c r="D58" s="62" t="s">
        <v>219</v>
      </c>
    </row>
    <row r="59" spans="1:4" ht="18" customHeight="1" x14ac:dyDescent="0.2">
      <c r="A59" s="8" t="s">
        <v>16</v>
      </c>
      <c r="B59" s="53" t="s">
        <v>219</v>
      </c>
      <c r="C59" s="53" t="s">
        <v>219</v>
      </c>
      <c r="D59" s="62" t="s">
        <v>219</v>
      </c>
    </row>
    <row r="60" spans="1:4" ht="18" customHeight="1" x14ac:dyDescent="0.2">
      <c r="A60" s="8">
        <v>45</v>
      </c>
      <c r="B60" s="53" t="s">
        <v>219</v>
      </c>
      <c r="C60" s="53" t="s">
        <v>219</v>
      </c>
      <c r="D60" s="62" t="s">
        <v>219</v>
      </c>
    </row>
    <row r="61" spans="1:4" ht="18" customHeight="1" x14ac:dyDescent="0.2">
      <c r="A61" s="8">
        <v>46</v>
      </c>
      <c r="B61" s="53" t="s">
        <v>219</v>
      </c>
      <c r="C61" s="53" t="s">
        <v>219</v>
      </c>
      <c r="D61" s="62" t="s">
        <v>219</v>
      </c>
    </row>
    <row r="62" spans="1:4" ht="18" customHeight="1" x14ac:dyDescent="0.2">
      <c r="A62" s="8">
        <v>47</v>
      </c>
      <c r="B62" s="53" t="s">
        <v>219</v>
      </c>
      <c r="C62" s="53" t="s">
        <v>219</v>
      </c>
      <c r="D62" s="62" t="s">
        <v>219</v>
      </c>
    </row>
    <row r="63" spans="1:4" ht="18" customHeight="1" x14ac:dyDescent="0.2">
      <c r="A63" s="8">
        <v>48</v>
      </c>
      <c r="B63" s="53" t="s">
        <v>219</v>
      </c>
      <c r="C63" s="53" t="s">
        <v>219</v>
      </c>
      <c r="D63" s="62" t="s">
        <v>219</v>
      </c>
    </row>
    <row r="64" spans="1:4" ht="18" customHeight="1" x14ac:dyDescent="0.2">
      <c r="A64" s="8">
        <v>49</v>
      </c>
      <c r="B64" s="53" t="s">
        <v>219</v>
      </c>
      <c r="C64" s="53" t="s">
        <v>219</v>
      </c>
      <c r="D64" s="62" t="s">
        <v>219</v>
      </c>
    </row>
    <row r="65" spans="1:4" ht="18" customHeight="1" x14ac:dyDescent="0.2">
      <c r="A65" s="8" t="s">
        <v>15</v>
      </c>
      <c r="B65" s="53" t="s">
        <v>219</v>
      </c>
      <c r="C65" s="53" t="s">
        <v>219</v>
      </c>
      <c r="D65" s="62" t="s">
        <v>219</v>
      </c>
    </row>
    <row r="66" spans="1:4" ht="18" customHeight="1" x14ac:dyDescent="0.2">
      <c r="A66" s="8">
        <v>50</v>
      </c>
      <c r="B66" s="53" t="s">
        <v>219</v>
      </c>
      <c r="C66" s="53" t="s">
        <v>219</v>
      </c>
      <c r="D66" s="62" t="s">
        <v>219</v>
      </c>
    </row>
    <row r="67" spans="1:4" ht="18" customHeight="1" x14ac:dyDescent="0.2">
      <c r="A67" s="8">
        <v>51</v>
      </c>
      <c r="B67" s="53" t="s">
        <v>219</v>
      </c>
      <c r="C67" s="53" t="s">
        <v>219</v>
      </c>
      <c r="D67" s="62" t="s">
        <v>219</v>
      </c>
    </row>
    <row r="68" spans="1:4" ht="18" customHeight="1" x14ac:dyDescent="0.2">
      <c r="A68" s="8">
        <v>52</v>
      </c>
      <c r="B68" s="53" t="s">
        <v>219</v>
      </c>
      <c r="C68" s="53" t="s">
        <v>219</v>
      </c>
      <c r="D68" s="62" t="s">
        <v>219</v>
      </c>
    </row>
    <row r="69" spans="1:4" ht="18" customHeight="1" x14ac:dyDescent="0.2">
      <c r="A69" s="8">
        <v>53</v>
      </c>
      <c r="B69" s="53" t="s">
        <v>219</v>
      </c>
      <c r="C69" s="53" t="s">
        <v>219</v>
      </c>
      <c r="D69" s="62" t="s">
        <v>219</v>
      </c>
    </row>
    <row r="70" spans="1:4" ht="18" customHeight="1" x14ac:dyDescent="0.2">
      <c r="A70" s="8">
        <v>54</v>
      </c>
      <c r="B70" s="53" t="s">
        <v>219</v>
      </c>
      <c r="C70" s="53" t="s">
        <v>219</v>
      </c>
      <c r="D70" s="62" t="s">
        <v>219</v>
      </c>
    </row>
    <row r="71" spans="1:4" ht="18" customHeight="1" x14ac:dyDescent="0.2">
      <c r="A71" s="8" t="s">
        <v>14</v>
      </c>
      <c r="B71" s="53" t="s">
        <v>219</v>
      </c>
      <c r="C71" s="53" t="s">
        <v>219</v>
      </c>
      <c r="D71" s="62" t="s">
        <v>219</v>
      </c>
    </row>
    <row r="72" spans="1:4" ht="18" customHeight="1" x14ac:dyDescent="0.2">
      <c r="A72" s="8">
        <v>55</v>
      </c>
      <c r="B72" s="53" t="s">
        <v>219</v>
      </c>
      <c r="C72" s="53" t="s">
        <v>219</v>
      </c>
      <c r="D72" s="62" t="s">
        <v>219</v>
      </c>
    </row>
    <row r="73" spans="1:4" ht="18" customHeight="1" x14ac:dyDescent="0.2">
      <c r="A73" s="8">
        <v>56</v>
      </c>
      <c r="B73" s="53" t="s">
        <v>219</v>
      </c>
      <c r="C73" s="53" t="s">
        <v>219</v>
      </c>
      <c r="D73" s="62" t="s">
        <v>219</v>
      </c>
    </row>
    <row r="74" spans="1:4" ht="18" customHeight="1" x14ac:dyDescent="0.2">
      <c r="A74" s="8">
        <v>57</v>
      </c>
      <c r="B74" s="53" t="s">
        <v>219</v>
      </c>
      <c r="C74" s="53" t="s">
        <v>219</v>
      </c>
      <c r="D74" s="62" t="s">
        <v>219</v>
      </c>
    </row>
    <row r="75" spans="1:4" ht="18" customHeight="1" x14ac:dyDescent="0.2">
      <c r="A75" s="8">
        <v>58</v>
      </c>
      <c r="B75" s="53" t="s">
        <v>219</v>
      </c>
      <c r="C75" s="53" t="s">
        <v>219</v>
      </c>
      <c r="D75" s="62" t="s">
        <v>219</v>
      </c>
    </row>
    <row r="76" spans="1:4" ht="18" customHeight="1" x14ac:dyDescent="0.2">
      <c r="A76" s="8">
        <v>59</v>
      </c>
      <c r="B76" s="53" t="s">
        <v>219</v>
      </c>
      <c r="C76" s="53" t="s">
        <v>219</v>
      </c>
      <c r="D76" s="62" t="s">
        <v>219</v>
      </c>
    </row>
    <row r="77" spans="1:4" ht="18" customHeight="1" x14ac:dyDescent="0.2">
      <c r="A77" s="8" t="s">
        <v>13</v>
      </c>
      <c r="B77" s="53" t="s">
        <v>219</v>
      </c>
      <c r="C77" s="53" t="s">
        <v>219</v>
      </c>
      <c r="D77" s="62" t="s">
        <v>219</v>
      </c>
    </row>
    <row r="78" spans="1:4" ht="18" customHeight="1" x14ac:dyDescent="0.2">
      <c r="A78" s="8">
        <v>60</v>
      </c>
      <c r="B78" s="53" t="s">
        <v>219</v>
      </c>
      <c r="C78" s="53" t="s">
        <v>219</v>
      </c>
      <c r="D78" s="62" t="s">
        <v>219</v>
      </c>
    </row>
    <row r="79" spans="1:4" ht="18" customHeight="1" x14ac:dyDescent="0.2">
      <c r="A79" s="8">
        <v>61</v>
      </c>
      <c r="B79" s="53" t="s">
        <v>219</v>
      </c>
      <c r="C79" s="53" t="s">
        <v>219</v>
      </c>
      <c r="D79" s="62" t="s">
        <v>219</v>
      </c>
    </row>
    <row r="80" spans="1:4" ht="18" customHeight="1" x14ac:dyDescent="0.2">
      <c r="A80" s="8">
        <v>62</v>
      </c>
      <c r="B80" s="53" t="s">
        <v>219</v>
      </c>
      <c r="C80" s="53" t="s">
        <v>219</v>
      </c>
      <c r="D80" s="62" t="s">
        <v>219</v>
      </c>
    </row>
    <row r="81" spans="1:4" ht="18" customHeight="1" x14ac:dyDescent="0.2">
      <c r="A81" s="8">
        <v>63</v>
      </c>
      <c r="B81" s="53" t="s">
        <v>219</v>
      </c>
      <c r="C81" s="53" t="s">
        <v>219</v>
      </c>
      <c r="D81" s="62" t="s">
        <v>219</v>
      </c>
    </row>
    <row r="82" spans="1:4" ht="18" customHeight="1" x14ac:dyDescent="0.2">
      <c r="A82" s="8">
        <v>64</v>
      </c>
      <c r="B82" s="53" t="s">
        <v>219</v>
      </c>
      <c r="C82" s="53" t="s">
        <v>219</v>
      </c>
      <c r="D82" s="62" t="s">
        <v>219</v>
      </c>
    </row>
    <row r="83" spans="1:4" ht="18" customHeight="1" x14ac:dyDescent="0.2">
      <c r="A83" s="8" t="s">
        <v>12</v>
      </c>
      <c r="B83" s="53" t="s">
        <v>219</v>
      </c>
      <c r="C83" s="53" t="s">
        <v>219</v>
      </c>
      <c r="D83" s="62" t="s">
        <v>219</v>
      </c>
    </row>
    <row r="84" spans="1:4" ht="18" customHeight="1" x14ac:dyDescent="0.2">
      <c r="A84" s="8" t="s">
        <v>11</v>
      </c>
      <c r="B84" s="35">
        <v>2</v>
      </c>
      <c r="C84" s="13">
        <v>3</v>
      </c>
      <c r="D84" s="12">
        <v>5</v>
      </c>
    </row>
    <row r="85" spans="1:4" ht="18" customHeight="1" x14ac:dyDescent="0.2">
      <c r="A85" s="8">
        <v>65</v>
      </c>
      <c r="B85" s="53" t="s">
        <v>219</v>
      </c>
      <c r="C85" s="53" t="s">
        <v>219</v>
      </c>
      <c r="D85" s="62" t="s">
        <v>219</v>
      </c>
    </row>
    <row r="86" spans="1:4" ht="18" customHeight="1" x14ac:dyDescent="0.2">
      <c r="A86" s="8">
        <v>66</v>
      </c>
      <c r="B86" s="53" t="s">
        <v>219</v>
      </c>
      <c r="C86" s="53" t="s">
        <v>219</v>
      </c>
      <c r="D86" s="62" t="s">
        <v>219</v>
      </c>
    </row>
    <row r="87" spans="1:4" ht="18" customHeight="1" x14ac:dyDescent="0.2">
      <c r="A87" s="8">
        <v>67</v>
      </c>
      <c r="B87" s="53" t="s">
        <v>219</v>
      </c>
      <c r="C87" s="53" t="s">
        <v>219</v>
      </c>
      <c r="D87" s="62" t="s">
        <v>219</v>
      </c>
    </row>
    <row r="88" spans="1:4" ht="18" customHeight="1" x14ac:dyDescent="0.2">
      <c r="A88" s="8">
        <v>68</v>
      </c>
      <c r="B88" s="53" t="s">
        <v>219</v>
      </c>
      <c r="C88" s="53" t="s">
        <v>219</v>
      </c>
      <c r="D88" s="62" t="s">
        <v>219</v>
      </c>
    </row>
    <row r="89" spans="1:4" ht="18" customHeight="1" x14ac:dyDescent="0.2">
      <c r="A89" s="8">
        <v>69</v>
      </c>
      <c r="B89" s="53" t="s">
        <v>219</v>
      </c>
      <c r="C89" s="53" t="s">
        <v>219</v>
      </c>
      <c r="D89" s="62" t="s">
        <v>219</v>
      </c>
    </row>
    <row r="90" spans="1:4" ht="18" customHeight="1" x14ac:dyDescent="0.2">
      <c r="A90" s="8" t="s">
        <v>10</v>
      </c>
      <c r="B90" s="53" t="s">
        <v>219</v>
      </c>
      <c r="C90" s="53" t="s">
        <v>219</v>
      </c>
      <c r="D90" s="62" t="s">
        <v>219</v>
      </c>
    </row>
    <row r="91" spans="1:4" ht="18" customHeight="1" x14ac:dyDescent="0.2">
      <c r="A91" s="8">
        <v>70</v>
      </c>
      <c r="B91" s="53" t="s">
        <v>219</v>
      </c>
      <c r="C91" s="53" t="s">
        <v>219</v>
      </c>
      <c r="D91" s="62" t="s">
        <v>219</v>
      </c>
    </row>
    <row r="92" spans="1:4" ht="18" customHeight="1" x14ac:dyDescent="0.2">
      <c r="A92" s="8">
        <v>71</v>
      </c>
      <c r="B92" s="53" t="s">
        <v>219</v>
      </c>
      <c r="C92" s="53" t="s">
        <v>219</v>
      </c>
      <c r="D92" s="62" t="s">
        <v>219</v>
      </c>
    </row>
    <row r="93" spans="1:4" ht="18" customHeight="1" x14ac:dyDescent="0.2">
      <c r="A93" s="8">
        <v>72</v>
      </c>
      <c r="B93" s="53" t="s">
        <v>219</v>
      </c>
      <c r="C93" s="53" t="s">
        <v>219</v>
      </c>
      <c r="D93" s="62" t="s">
        <v>219</v>
      </c>
    </row>
    <row r="94" spans="1:4" ht="18" customHeight="1" x14ac:dyDescent="0.2">
      <c r="A94" s="8">
        <v>73</v>
      </c>
      <c r="B94" s="53" t="s">
        <v>219</v>
      </c>
      <c r="C94" s="53" t="s">
        <v>219</v>
      </c>
      <c r="D94" s="62" t="s">
        <v>219</v>
      </c>
    </row>
    <row r="95" spans="1:4" ht="18" customHeight="1" x14ac:dyDescent="0.2">
      <c r="A95" s="8">
        <v>74</v>
      </c>
      <c r="B95" s="53" t="s">
        <v>219</v>
      </c>
      <c r="C95" s="53" t="s">
        <v>219</v>
      </c>
      <c r="D95" s="62" t="s">
        <v>219</v>
      </c>
    </row>
    <row r="96" spans="1:4" ht="18" customHeight="1" x14ac:dyDescent="0.2">
      <c r="A96" s="8" t="s">
        <v>9</v>
      </c>
      <c r="B96" s="53" t="s">
        <v>219</v>
      </c>
      <c r="C96" s="53" t="s">
        <v>219</v>
      </c>
      <c r="D96" s="62" t="s">
        <v>219</v>
      </c>
    </row>
    <row r="97" spans="1:4" ht="18" customHeight="1" x14ac:dyDescent="0.2">
      <c r="A97" s="8">
        <v>75</v>
      </c>
      <c r="B97" s="53" t="s">
        <v>219</v>
      </c>
      <c r="C97" s="53" t="s">
        <v>219</v>
      </c>
      <c r="D97" s="62" t="s">
        <v>219</v>
      </c>
    </row>
    <row r="98" spans="1:4" ht="18" customHeight="1" x14ac:dyDescent="0.2">
      <c r="A98" s="8">
        <v>76</v>
      </c>
      <c r="B98" s="53" t="s">
        <v>219</v>
      </c>
      <c r="C98" s="53" t="s">
        <v>219</v>
      </c>
      <c r="D98" s="62" t="s">
        <v>219</v>
      </c>
    </row>
    <row r="99" spans="1:4" ht="18" customHeight="1" x14ac:dyDescent="0.2">
      <c r="A99" s="8">
        <v>77</v>
      </c>
      <c r="B99" s="53" t="s">
        <v>219</v>
      </c>
      <c r="C99" s="53" t="s">
        <v>219</v>
      </c>
      <c r="D99" s="62" t="s">
        <v>219</v>
      </c>
    </row>
    <row r="100" spans="1:4" ht="18" customHeight="1" x14ac:dyDescent="0.2">
      <c r="A100" s="8">
        <v>78</v>
      </c>
      <c r="B100" s="53" t="s">
        <v>219</v>
      </c>
      <c r="C100" s="53" t="s">
        <v>219</v>
      </c>
      <c r="D100" s="62" t="s">
        <v>219</v>
      </c>
    </row>
    <row r="101" spans="1:4" ht="18" customHeight="1" x14ac:dyDescent="0.2">
      <c r="A101" s="8">
        <v>79</v>
      </c>
      <c r="B101" s="53" t="s">
        <v>219</v>
      </c>
      <c r="C101" s="53" t="s">
        <v>219</v>
      </c>
      <c r="D101" s="62" t="s">
        <v>219</v>
      </c>
    </row>
    <row r="102" spans="1:4" ht="18" customHeight="1" x14ac:dyDescent="0.2">
      <c r="A102" s="8" t="s">
        <v>8</v>
      </c>
      <c r="B102" s="53" t="s">
        <v>219</v>
      </c>
      <c r="C102" s="53" t="s">
        <v>219</v>
      </c>
      <c r="D102" s="62" t="s">
        <v>219</v>
      </c>
    </row>
    <row r="103" spans="1:4" ht="18" customHeight="1" x14ac:dyDescent="0.2">
      <c r="A103" s="8">
        <v>80</v>
      </c>
      <c r="B103" s="53" t="s">
        <v>219</v>
      </c>
      <c r="C103" s="53" t="s">
        <v>219</v>
      </c>
      <c r="D103" s="62" t="s">
        <v>219</v>
      </c>
    </row>
    <row r="104" spans="1:4" ht="18" customHeight="1" x14ac:dyDescent="0.2">
      <c r="A104" s="8">
        <v>81</v>
      </c>
      <c r="B104" s="53" t="s">
        <v>219</v>
      </c>
      <c r="C104" s="53" t="s">
        <v>219</v>
      </c>
      <c r="D104" s="62" t="s">
        <v>219</v>
      </c>
    </row>
    <row r="105" spans="1:4" ht="18" customHeight="1" x14ac:dyDescent="0.2">
      <c r="A105" s="8">
        <v>82</v>
      </c>
      <c r="B105" s="53" t="s">
        <v>219</v>
      </c>
      <c r="C105" s="53" t="s">
        <v>219</v>
      </c>
      <c r="D105" s="62" t="s">
        <v>219</v>
      </c>
    </row>
    <row r="106" spans="1:4" ht="18" customHeight="1" x14ac:dyDescent="0.2">
      <c r="A106" s="8">
        <v>83</v>
      </c>
      <c r="B106" s="53" t="s">
        <v>219</v>
      </c>
      <c r="C106" s="53" t="s">
        <v>219</v>
      </c>
      <c r="D106" s="62" t="s">
        <v>219</v>
      </c>
    </row>
    <row r="107" spans="1:4" ht="18" customHeight="1" x14ac:dyDescent="0.2">
      <c r="A107" s="8">
        <v>84</v>
      </c>
      <c r="B107" s="53" t="s">
        <v>219</v>
      </c>
      <c r="C107" s="53" t="s">
        <v>219</v>
      </c>
      <c r="D107" s="62" t="s">
        <v>219</v>
      </c>
    </row>
    <row r="108" spans="1:4" ht="18" customHeight="1" x14ac:dyDescent="0.2">
      <c r="A108" s="8" t="s">
        <v>7</v>
      </c>
      <c r="B108" s="53" t="s">
        <v>219</v>
      </c>
      <c r="C108" s="53" t="s">
        <v>219</v>
      </c>
      <c r="D108" s="62" t="s">
        <v>219</v>
      </c>
    </row>
    <row r="109" spans="1:4" ht="18" customHeight="1" x14ac:dyDescent="0.2">
      <c r="A109" s="8">
        <v>85</v>
      </c>
      <c r="B109" s="53" t="s">
        <v>219</v>
      </c>
      <c r="C109" s="53" t="s">
        <v>219</v>
      </c>
      <c r="D109" s="62" t="s">
        <v>219</v>
      </c>
    </row>
    <row r="110" spans="1:4" ht="18" customHeight="1" x14ac:dyDescent="0.2">
      <c r="A110" s="8">
        <v>86</v>
      </c>
      <c r="B110" s="53" t="s">
        <v>219</v>
      </c>
      <c r="C110" s="53" t="s">
        <v>219</v>
      </c>
      <c r="D110" s="62" t="s">
        <v>219</v>
      </c>
    </row>
    <row r="111" spans="1:4" ht="18" customHeight="1" x14ac:dyDescent="0.2">
      <c r="A111" s="8">
        <v>87</v>
      </c>
      <c r="B111" s="53" t="s">
        <v>219</v>
      </c>
      <c r="C111" s="53" t="s">
        <v>219</v>
      </c>
      <c r="D111" s="62" t="s">
        <v>219</v>
      </c>
    </row>
    <row r="112" spans="1:4" ht="18" customHeight="1" x14ac:dyDescent="0.2">
      <c r="A112" s="8">
        <v>88</v>
      </c>
      <c r="B112" s="53" t="s">
        <v>219</v>
      </c>
      <c r="C112" s="53" t="s">
        <v>219</v>
      </c>
      <c r="D112" s="62" t="s">
        <v>219</v>
      </c>
    </row>
    <row r="113" spans="1:4" ht="18" customHeight="1" x14ac:dyDescent="0.2">
      <c r="A113" s="8">
        <v>89</v>
      </c>
      <c r="B113" s="53" t="s">
        <v>219</v>
      </c>
      <c r="C113" s="53" t="s">
        <v>219</v>
      </c>
      <c r="D113" s="62" t="s">
        <v>219</v>
      </c>
    </row>
    <row r="114" spans="1:4" ht="18" customHeight="1" x14ac:dyDescent="0.2">
      <c r="A114" s="8" t="s">
        <v>6</v>
      </c>
      <c r="B114" s="53" t="s">
        <v>219</v>
      </c>
      <c r="C114" s="53" t="s">
        <v>219</v>
      </c>
      <c r="D114" s="62" t="s">
        <v>219</v>
      </c>
    </row>
    <row r="115" spans="1:4" ht="18" customHeight="1" x14ac:dyDescent="0.2">
      <c r="A115" s="8">
        <v>90</v>
      </c>
      <c r="B115" s="53" t="s">
        <v>219</v>
      </c>
      <c r="C115" s="53" t="s">
        <v>219</v>
      </c>
      <c r="D115" s="62" t="s">
        <v>219</v>
      </c>
    </row>
    <row r="116" spans="1:4" ht="18" customHeight="1" x14ac:dyDescent="0.2">
      <c r="A116" s="8">
        <v>91</v>
      </c>
      <c r="B116" s="53" t="s">
        <v>219</v>
      </c>
      <c r="C116" s="53" t="s">
        <v>219</v>
      </c>
      <c r="D116" s="62" t="s">
        <v>219</v>
      </c>
    </row>
    <row r="117" spans="1:4" ht="18" customHeight="1" x14ac:dyDescent="0.2">
      <c r="A117" s="8">
        <v>92</v>
      </c>
      <c r="B117" s="53" t="s">
        <v>219</v>
      </c>
      <c r="C117" s="53" t="s">
        <v>219</v>
      </c>
      <c r="D117" s="62" t="s">
        <v>219</v>
      </c>
    </row>
    <row r="118" spans="1:4" ht="18" customHeight="1" x14ac:dyDescent="0.2">
      <c r="A118" s="8">
        <v>93</v>
      </c>
      <c r="B118" s="53" t="s">
        <v>219</v>
      </c>
      <c r="C118" s="53" t="s">
        <v>219</v>
      </c>
      <c r="D118" s="62" t="s">
        <v>219</v>
      </c>
    </row>
    <row r="119" spans="1:4" ht="18" customHeight="1" x14ac:dyDescent="0.2">
      <c r="A119" s="8">
        <v>94</v>
      </c>
      <c r="B119" s="53" t="s">
        <v>219</v>
      </c>
      <c r="C119" s="53" t="s">
        <v>219</v>
      </c>
      <c r="D119" s="62" t="s">
        <v>219</v>
      </c>
    </row>
    <row r="120" spans="1:4" ht="18" customHeight="1" x14ac:dyDescent="0.2">
      <c r="A120" s="8" t="s">
        <v>5</v>
      </c>
      <c r="B120" s="53" t="s">
        <v>219</v>
      </c>
      <c r="C120" s="53" t="s">
        <v>219</v>
      </c>
      <c r="D120" s="62" t="s">
        <v>219</v>
      </c>
    </row>
    <row r="121" spans="1:4" ht="18" customHeight="1" x14ac:dyDescent="0.2">
      <c r="A121" s="8">
        <v>95</v>
      </c>
      <c r="B121" s="53" t="s">
        <v>219</v>
      </c>
      <c r="C121" s="53" t="s">
        <v>219</v>
      </c>
      <c r="D121" s="62" t="s">
        <v>219</v>
      </c>
    </row>
    <row r="122" spans="1:4" ht="18" customHeight="1" x14ac:dyDescent="0.2">
      <c r="A122" s="8">
        <v>96</v>
      </c>
      <c r="B122" s="53" t="s">
        <v>219</v>
      </c>
      <c r="C122" s="53" t="s">
        <v>219</v>
      </c>
      <c r="D122" s="62" t="s">
        <v>219</v>
      </c>
    </row>
    <row r="123" spans="1:4" ht="18" customHeight="1" x14ac:dyDescent="0.2">
      <c r="A123" s="8">
        <v>97</v>
      </c>
      <c r="B123" s="53" t="s">
        <v>219</v>
      </c>
      <c r="C123" s="53" t="s">
        <v>219</v>
      </c>
      <c r="D123" s="62" t="s">
        <v>219</v>
      </c>
    </row>
    <row r="124" spans="1:4" ht="18" customHeight="1" x14ac:dyDescent="0.2">
      <c r="A124" s="8">
        <v>98</v>
      </c>
      <c r="B124" s="53" t="s">
        <v>219</v>
      </c>
      <c r="C124" s="53" t="s">
        <v>219</v>
      </c>
      <c r="D124" s="62" t="s">
        <v>219</v>
      </c>
    </row>
    <row r="125" spans="1:4" ht="18" customHeight="1" x14ac:dyDescent="0.2">
      <c r="A125" s="8">
        <v>99</v>
      </c>
      <c r="B125" s="53" t="s">
        <v>219</v>
      </c>
      <c r="C125" s="53" t="s">
        <v>219</v>
      </c>
      <c r="D125" s="62" t="s">
        <v>219</v>
      </c>
    </row>
    <row r="126" spans="1:4" ht="18" customHeight="1" x14ac:dyDescent="0.2">
      <c r="A126" s="8" t="s">
        <v>4</v>
      </c>
      <c r="B126" s="53" t="s">
        <v>219</v>
      </c>
      <c r="C126" s="53" t="s">
        <v>219</v>
      </c>
      <c r="D126" s="62" t="s">
        <v>219</v>
      </c>
    </row>
    <row r="127" spans="1:4" ht="18" customHeight="1" x14ac:dyDescent="0.2">
      <c r="A127" s="8">
        <v>100</v>
      </c>
      <c r="B127" s="53" t="s">
        <v>219</v>
      </c>
      <c r="C127" s="53" t="s">
        <v>219</v>
      </c>
      <c r="D127" s="62" t="s">
        <v>219</v>
      </c>
    </row>
    <row r="128" spans="1:4" ht="18" customHeight="1" x14ac:dyDescent="0.2">
      <c r="A128" s="15" t="s">
        <v>3</v>
      </c>
      <c r="B128" s="53" t="s">
        <v>219</v>
      </c>
      <c r="C128" s="53" t="s">
        <v>219</v>
      </c>
      <c r="D128" s="62" t="s">
        <v>219</v>
      </c>
    </row>
    <row r="129" spans="1:4" ht="18" customHeight="1" x14ac:dyDescent="0.2">
      <c r="A129" s="8" t="s">
        <v>2</v>
      </c>
      <c r="B129" s="53" t="s">
        <v>219</v>
      </c>
      <c r="C129" s="53" t="s">
        <v>219</v>
      </c>
      <c r="D129" s="62" t="s">
        <v>219</v>
      </c>
    </row>
    <row r="130" spans="1:4" ht="18" customHeight="1" x14ac:dyDescent="0.2">
      <c r="A130" s="8" t="s">
        <v>1</v>
      </c>
      <c r="B130" s="28">
        <v>1</v>
      </c>
      <c r="C130" s="6">
        <v>4</v>
      </c>
      <c r="D130" s="5">
        <v>5</v>
      </c>
    </row>
    <row r="131" spans="1:4" ht="18" customHeight="1" x14ac:dyDescent="0.2">
      <c r="A131" s="4" t="s">
        <v>0</v>
      </c>
      <c r="B131" s="27">
        <v>3</v>
      </c>
      <c r="C131" s="2">
        <v>7</v>
      </c>
      <c r="D131" s="1">
        <v>1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r:id="rId1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71F8A87-D1E8-4B25-9D23-C8F03CBAC042}">
  <sheetPr codeName="Sheet9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113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0</v>
      </c>
      <c r="C5" s="45">
        <v>2</v>
      </c>
      <c r="D5" s="44">
        <v>2</v>
      </c>
    </row>
    <row r="6" spans="1:4" ht="18" customHeight="1" x14ac:dyDescent="0.2">
      <c r="A6" s="8">
        <v>1</v>
      </c>
      <c r="B6" s="40">
        <v>4</v>
      </c>
      <c r="C6" s="13">
        <v>0</v>
      </c>
      <c r="D6" s="12">
        <v>4</v>
      </c>
    </row>
    <row r="7" spans="1:4" ht="18" customHeight="1" x14ac:dyDescent="0.2">
      <c r="A7" s="8">
        <v>2</v>
      </c>
      <c r="B7" s="40">
        <v>0</v>
      </c>
      <c r="C7" s="13">
        <v>1</v>
      </c>
      <c r="D7" s="12">
        <v>1</v>
      </c>
    </row>
    <row r="8" spans="1:4" ht="18" customHeight="1" x14ac:dyDescent="0.2">
      <c r="A8" s="8">
        <v>3</v>
      </c>
      <c r="B8" s="40">
        <v>2</v>
      </c>
      <c r="C8" s="13">
        <v>2</v>
      </c>
      <c r="D8" s="12">
        <v>4</v>
      </c>
    </row>
    <row r="9" spans="1:4" ht="18" customHeight="1" x14ac:dyDescent="0.2">
      <c r="A9" s="8">
        <v>4</v>
      </c>
      <c r="B9" s="43">
        <v>1</v>
      </c>
      <c r="C9" s="42">
        <v>4</v>
      </c>
      <c r="D9" s="41">
        <v>5</v>
      </c>
    </row>
    <row r="10" spans="1:4" ht="18" customHeight="1" x14ac:dyDescent="0.2">
      <c r="A10" s="8" t="s">
        <v>25</v>
      </c>
      <c r="B10" s="35">
        <v>7</v>
      </c>
      <c r="C10" s="13">
        <v>9</v>
      </c>
      <c r="D10" s="12">
        <v>16</v>
      </c>
    </row>
    <row r="11" spans="1:4" ht="18" customHeight="1" x14ac:dyDescent="0.2">
      <c r="A11" s="8">
        <v>5</v>
      </c>
      <c r="B11" s="40">
        <v>4</v>
      </c>
      <c r="C11" s="13">
        <v>1</v>
      </c>
      <c r="D11" s="12">
        <v>5</v>
      </c>
    </row>
    <row r="12" spans="1:4" ht="18" customHeight="1" x14ac:dyDescent="0.2">
      <c r="A12" s="8">
        <v>6</v>
      </c>
      <c r="B12" s="40">
        <v>3</v>
      </c>
      <c r="C12" s="13">
        <v>1</v>
      </c>
      <c r="D12" s="12">
        <v>4</v>
      </c>
    </row>
    <row r="13" spans="1:4" ht="18" customHeight="1" x14ac:dyDescent="0.2">
      <c r="A13" s="8">
        <v>7</v>
      </c>
      <c r="B13" s="40">
        <v>3</v>
      </c>
      <c r="C13" s="13">
        <v>2</v>
      </c>
      <c r="D13" s="12">
        <v>5</v>
      </c>
    </row>
    <row r="14" spans="1:4" ht="18" customHeight="1" x14ac:dyDescent="0.2">
      <c r="A14" s="8">
        <v>8</v>
      </c>
      <c r="B14" s="40">
        <v>5</v>
      </c>
      <c r="C14" s="13">
        <v>4</v>
      </c>
      <c r="D14" s="12">
        <v>9</v>
      </c>
    </row>
    <row r="15" spans="1:4" ht="18" customHeight="1" x14ac:dyDescent="0.2">
      <c r="A15" s="8">
        <v>9</v>
      </c>
      <c r="B15" s="40">
        <v>2</v>
      </c>
      <c r="C15" s="13">
        <v>1</v>
      </c>
      <c r="D15" s="12">
        <v>3</v>
      </c>
    </row>
    <row r="16" spans="1:4" ht="18" customHeight="1" x14ac:dyDescent="0.2">
      <c r="A16" s="8" t="s">
        <v>24</v>
      </c>
      <c r="B16" s="35">
        <v>17</v>
      </c>
      <c r="C16" s="13">
        <v>9</v>
      </c>
      <c r="D16" s="12">
        <v>26</v>
      </c>
    </row>
    <row r="17" spans="1:4" ht="18" customHeight="1" x14ac:dyDescent="0.2">
      <c r="A17" s="8">
        <v>10</v>
      </c>
      <c r="B17" s="35">
        <v>0</v>
      </c>
      <c r="C17" s="13">
        <v>3</v>
      </c>
      <c r="D17" s="12">
        <v>3</v>
      </c>
    </row>
    <row r="18" spans="1:4" ht="18" customHeight="1" x14ac:dyDescent="0.2">
      <c r="A18" s="8">
        <v>11</v>
      </c>
      <c r="B18" s="35">
        <v>7</v>
      </c>
      <c r="C18" s="13">
        <v>3</v>
      </c>
      <c r="D18" s="12">
        <v>10</v>
      </c>
    </row>
    <row r="19" spans="1:4" ht="18" customHeight="1" x14ac:dyDescent="0.2">
      <c r="A19" s="8">
        <v>12</v>
      </c>
      <c r="B19" s="35">
        <v>4</v>
      </c>
      <c r="C19" s="13">
        <v>1</v>
      </c>
      <c r="D19" s="12">
        <v>5</v>
      </c>
    </row>
    <row r="20" spans="1:4" ht="18" customHeight="1" x14ac:dyDescent="0.2">
      <c r="A20" s="8">
        <v>13</v>
      </c>
      <c r="B20" s="35">
        <v>3</v>
      </c>
      <c r="C20" s="13">
        <v>4</v>
      </c>
      <c r="D20" s="12">
        <v>7</v>
      </c>
    </row>
    <row r="21" spans="1:4" ht="18" customHeight="1" x14ac:dyDescent="0.2">
      <c r="A21" s="8">
        <v>14</v>
      </c>
      <c r="B21" s="35">
        <v>7</v>
      </c>
      <c r="C21" s="13">
        <v>5</v>
      </c>
      <c r="D21" s="12">
        <v>12</v>
      </c>
    </row>
    <row r="22" spans="1:4" ht="18" customHeight="1" x14ac:dyDescent="0.2">
      <c r="A22" s="8" t="s">
        <v>23</v>
      </c>
      <c r="B22" s="35">
        <v>21</v>
      </c>
      <c r="C22" s="13">
        <v>16</v>
      </c>
      <c r="D22" s="12">
        <v>37</v>
      </c>
    </row>
    <row r="23" spans="1:4" ht="18" customHeight="1" x14ac:dyDescent="0.2">
      <c r="A23" s="8" t="s">
        <v>22</v>
      </c>
      <c r="B23" s="35">
        <v>45</v>
      </c>
      <c r="C23" s="13">
        <v>34</v>
      </c>
      <c r="D23" s="12">
        <v>79</v>
      </c>
    </row>
    <row r="24" spans="1:4" ht="18" customHeight="1" x14ac:dyDescent="0.2">
      <c r="A24" s="8">
        <v>15</v>
      </c>
      <c r="B24" s="35">
        <v>2</v>
      </c>
      <c r="C24" s="13">
        <v>0</v>
      </c>
      <c r="D24" s="12">
        <v>2</v>
      </c>
    </row>
    <row r="25" spans="1:4" ht="18" customHeight="1" x14ac:dyDescent="0.2">
      <c r="A25" s="8">
        <v>16</v>
      </c>
      <c r="B25" s="35">
        <v>5</v>
      </c>
      <c r="C25" s="13">
        <v>2</v>
      </c>
      <c r="D25" s="12">
        <v>7</v>
      </c>
    </row>
    <row r="26" spans="1:4" ht="18" customHeight="1" x14ac:dyDescent="0.2">
      <c r="A26" s="8">
        <v>17</v>
      </c>
      <c r="B26" s="35">
        <v>5</v>
      </c>
      <c r="C26" s="13">
        <v>6</v>
      </c>
      <c r="D26" s="12">
        <v>11</v>
      </c>
    </row>
    <row r="27" spans="1:4" ht="18" customHeight="1" x14ac:dyDescent="0.2">
      <c r="A27" s="8">
        <v>18</v>
      </c>
      <c r="B27" s="35">
        <v>5</v>
      </c>
      <c r="C27" s="13">
        <v>2</v>
      </c>
      <c r="D27" s="12">
        <v>7</v>
      </c>
    </row>
    <row r="28" spans="1:4" ht="18" customHeight="1" x14ac:dyDescent="0.2">
      <c r="A28" s="8">
        <v>19</v>
      </c>
      <c r="B28" s="35">
        <v>4</v>
      </c>
      <c r="C28" s="13">
        <v>5</v>
      </c>
      <c r="D28" s="12">
        <v>9</v>
      </c>
    </row>
    <row r="29" spans="1:4" ht="18" customHeight="1" x14ac:dyDescent="0.2">
      <c r="A29" s="8" t="s">
        <v>21</v>
      </c>
      <c r="B29" s="35">
        <v>21</v>
      </c>
      <c r="C29" s="13">
        <v>15</v>
      </c>
      <c r="D29" s="12">
        <v>36</v>
      </c>
    </row>
    <row r="30" spans="1:4" ht="18" customHeight="1" x14ac:dyDescent="0.2">
      <c r="A30" s="8">
        <v>20</v>
      </c>
      <c r="B30" s="35">
        <v>5</v>
      </c>
      <c r="C30" s="13">
        <v>1</v>
      </c>
      <c r="D30" s="12">
        <v>6</v>
      </c>
    </row>
    <row r="31" spans="1:4" ht="18" customHeight="1" x14ac:dyDescent="0.2">
      <c r="A31" s="8">
        <v>21</v>
      </c>
      <c r="B31" s="35">
        <v>3</v>
      </c>
      <c r="C31" s="13">
        <v>7</v>
      </c>
      <c r="D31" s="12">
        <v>10</v>
      </c>
    </row>
    <row r="32" spans="1:4" ht="18" customHeight="1" x14ac:dyDescent="0.2">
      <c r="A32" s="8">
        <v>22</v>
      </c>
      <c r="B32" s="35">
        <v>2</v>
      </c>
      <c r="C32" s="13">
        <v>2</v>
      </c>
      <c r="D32" s="12">
        <v>4</v>
      </c>
    </row>
    <row r="33" spans="1:4" ht="18" customHeight="1" x14ac:dyDescent="0.2">
      <c r="A33" s="8">
        <v>23</v>
      </c>
      <c r="B33" s="35">
        <v>2</v>
      </c>
      <c r="C33" s="13">
        <v>2</v>
      </c>
      <c r="D33" s="12">
        <v>4</v>
      </c>
    </row>
    <row r="34" spans="1:4" ht="18" customHeight="1" x14ac:dyDescent="0.2">
      <c r="A34" s="8">
        <v>24</v>
      </c>
      <c r="B34" s="35">
        <v>2</v>
      </c>
      <c r="C34" s="13">
        <v>1</v>
      </c>
      <c r="D34" s="12">
        <v>3</v>
      </c>
    </row>
    <row r="35" spans="1:4" ht="18" customHeight="1" x14ac:dyDescent="0.2">
      <c r="A35" s="8" t="s">
        <v>20</v>
      </c>
      <c r="B35" s="35">
        <v>14</v>
      </c>
      <c r="C35" s="13">
        <v>13</v>
      </c>
      <c r="D35" s="12">
        <v>27</v>
      </c>
    </row>
    <row r="36" spans="1:4" ht="18" customHeight="1" x14ac:dyDescent="0.2">
      <c r="A36" s="8">
        <v>25</v>
      </c>
      <c r="B36" s="35">
        <v>3</v>
      </c>
      <c r="C36" s="13">
        <v>4</v>
      </c>
      <c r="D36" s="12">
        <v>7</v>
      </c>
    </row>
    <row r="37" spans="1:4" ht="18" customHeight="1" x14ac:dyDescent="0.2">
      <c r="A37" s="8">
        <v>26</v>
      </c>
      <c r="B37" s="35">
        <v>4</v>
      </c>
      <c r="C37" s="13">
        <v>0</v>
      </c>
      <c r="D37" s="12">
        <v>4</v>
      </c>
    </row>
    <row r="38" spans="1:4" ht="18" customHeight="1" x14ac:dyDescent="0.2">
      <c r="A38" s="8">
        <v>27</v>
      </c>
      <c r="B38" s="35">
        <v>7</v>
      </c>
      <c r="C38" s="13">
        <v>1</v>
      </c>
      <c r="D38" s="12">
        <v>8</v>
      </c>
    </row>
    <row r="39" spans="1:4" ht="18" customHeight="1" x14ac:dyDescent="0.2">
      <c r="A39" s="8">
        <v>28</v>
      </c>
      <c r="B39" s="35">
        <v>0</v>
      </c>
      <c r="C39" s="13">
        <v>0</v>
      </c>
      <c r="D39" s="12">
        <v>0</v>
      </c>
    </row>
    <row r="40" spans="1:4" ht="18" customHeight="1" x14ac:dyDescent="0.2">
      <c r="A40" s="8">
        <v>29</v>
      </c>
      <c r="B40" s="35">
        <v>2</v>
      </c>
      <c r="C40" s="13">
        <v>3</v>
      </c>
      <c r="D40" s="12">
        <v>5</v>
      </c>
    </row>
    <row r="41" spans="1:4" ht="18" customHeight="1" x14ac:dyDescent="0.2">
      <c r="A41" s="8" t="s">
        <v>19</v>
      </c>
      <c r="B41" s="35">
        <v>16</v>
      </c>
      <c r="C41" s="13">
        <v>8</v>
      </c>
      <c r="D41" s="12">
        <v>24</v>
      </c>
    </row>
    <row r="42" spans="1:4" ht="18" customHeight="1" x14ac:dyDescent="0.2">
      <c r="A42" s="8">
        <v>30</v>
      </c>
      <c r="B42" s="35">
        <v>1</v>
      </c>
      <c r="C42" s="13">
        <v>2</v>
      </c>
      <c r="D42" s="12">
        <v>3</v>
      </c>
    </row>
    <row r="43" spans="1:4" ht="18" customHeight="1" x14ac:dyDescent="0.2">
      <c r="A43" s="8">
        <v>31</v>
      </c>
      <c r="B43" s="35">
        <v>3</v>
      </c>
      <c r="C43" s="13">
        <v>3</v>
      </c>
      <c r="D43" s="12">
        <v>6</v>
      </c>
    </row>
    <row r="44" spans="1:4" ht="18" customHeight="1" x14ac:dyDescent="0.2">
      <c r="A44" s="8">
        <v>32</v>
      </c>
      <c r="B44" s="35">
        <v>3</v>
      </c>
      <c r="C44" s="13">
        <v>3</v>
      </c>
      <c r="D44" s="12">
        <v>6</v>
      </c>
    </row>
    <row r="45" spans="1:4" ht="18" customHeight="1" x14ac:dyDescent="0.2">
      <c r="A45" s="8">
        <v>33</v>
      </c>
      <c r="B45" s="35">
        <v>3</v>
      </c>
      <c r="C45" s="13">
        <v>3</v>
      </c>
      <c r="D45" s="12">
        <v>6</v>
      </c>
    </row>
    <row r="46" spans="1:4" ht="18" customHeight="1" x14ac:dyDescent="0.2">
      <c r="A46" s="8">
        <v>34</v>
      </c>
      <c r="B46" s="35">
        <v>7</v>
      </c>
      <c r="C46" s="13">
        <v>4</v>
      </c>
      <c r="D46" s="12">
        <v>11</v>
      </c>
    </row>
    <row r="47" spans="1:4" ht="18" customHeight="1" x14ac:dyDescent="0.2">
      <c r="A47" s="8" t="s">
        <v>18</v>
      </c>
      <c r="B47" s="35">
        <v>17</v>
      </c>
      <c r="C47" s="13">
        <v>15</v>
      </c>
      <c r="D47" s="12">
        <v>32</v>
      </c>
    </row>
    <row r="48" spans="1:4" ht="18" customHeight="1" x14ac:dyDescent="0.2">
      <c r="A48" s="8">
        <v>35</v>
      </c>
      <c r="B48" s="35">
        <v>1</v>
      </c>
      <c r="C48" s="13">
        <v>5</v>
      </c>
      <c r="D48" s="12">
        <v>6</v>
      </c>
    </row>
    <row r="49" spans="1:4" ht="18" customHeight="1" x14ac:dyDescent="0.2">
      <c r="A49" s="8">
        <v>36</v>
      </c>
      <c r="B49" s="35">
        <v>5</v>
      </c>
      <c r="C49" s="13">
        <v>4</v>
      </c>
      <c r="D49" s="12">
        <v>9</v>
      </c>
    </row>
    <row r="50" spans="1:4" ht="18" customHeight="1" x14ac:dyDescent="0.2">
      <c r="A50" s="8">
        <v>37</v>
      </c>
      <c r="B50" s="35">
        <v>5</v>
      </c>
      <c r="C50" s="13">
        <v>4</v>
      </c>
      <c r="D50" s="12">
        <v>9</v>
      </c>
    </row>
    <row r="51" spans="1:4" ht="18" customHeight="1" x14ac:dyDescent="0.2">
      <c r="A51" s="8">
        <v>38</v>
      </c>
      <c r="B51" s="35">
        <v>4</v>
      </c>
      <c r="C51" s="13">
        <v>6</v>
      </c>
      <c r="D51" s="12">
        <v>10</v>
      </c>
    </row>
    <row r="52" spans="1:4" ht="18" customHeight="1" x14ac:dyDescent="0.2">
      <c r="A52" s="8">
        <v>39</v>
      </c>
      <c r="B52" s="35">
        <v>3</v>
      </c>
      <c r="C52" s="13">
        <v>4</v>
      </c>
      <c r="D52" s="12">
        <v>7</v>
      </c>
    </row>
    <row r="53" spans="1:4" ht="18" customHeight="1" x14ac:dyDescent="0.2">
      <c r="A53" s="8" t="s">
        <v>17</v>
      </c>
      <c r="B53" s="35">
        <v>18</v>
      </c>
      <c r="C53" s="13">
        <v>23</v>
      </c>
      <c r="D53" s="12">
        <v>41</v>
      </c>
    </row>
    <row r="54" spans="1:4" ht="18" customHeight="1" x14ac:dyDescent="0.2">
      <c r="A54" s="8">
        <v>40</v>
      </c>
      <c r="B54" s="35">
        <v>6</v>
      </c>
      <c r="C54" s="13">
        <v>1</v>
      </c>
      <c r="D54" s="12">
        <v>7</v>
      </c>
    </row>
    <row r="55" spans="1:4" ht="18" customHeight="1" x14ac:dyDescent="0.2">
      <c r="A55" s="8">
        <v>41</v>
      </c>
      <c r="B55" s="35">
        <v>5</v>
      </c>
      <c r="C55" s="13">
        <v>6</v>
      </c>
      <c r="D55" s="12">
        <v>11</v>
      </c>
    </row>
    <row r="56" spans="1:4" ht="18" customHeight="1" x14ac:dyDescent="0.2">
      <c r="A56" s="8">
        <v>42</v>
      </c>
      <c r="B56" s="35">
        <v>5</v>
      </c>
      <c r="C56" s="13">
        <v>7</v>
      </c>
      <c r="D56" s="12">
        <v>12</v>
      </c>
    </row>
    <row r="57" spans="1:4" ht="18" customHeight="1" x14ac:dyDescent="0.2">
      <c r="A57" s="8">
        <v>43</v>
      </c>
      <c r="B57" s="35">
        <v>5</v>
      </c>
      <c r="C57" s="13">
        <v>3</v>
      </c>
      <c r="D57" s="12">
        <v>8</v>
      </c>
    </row>
    <row r="58" spans="1:4" ht="18" customHeight="1" x14ac:dyDescent="0.2">
      <c r="A58" s="8">
        <v>44</v>
      </c>
      <c r="B58" s="35">
        <v>2</v>
      </c>
      <c r="C58" s="13">
        <v>2</v>
      </c>
      <c r="D58" s="12">
        <v>4</v>
      </c>
    </row>
    <row r="59" spans="1:4" ht="18" customHeight="1" x14ac:dyDescent="0.2">
      <c r="A59" s="8" t="s">
        <v>16</v>
      </c>
      <c r="B59" s="35">
        <v>23</v>
      </c>
      <c r="C59" s="13">
        <v>19</v>
      </c>
      <c r="D59" s="12">
        <v>42</v>
      </c>
    </row>
    <row r="60" spans="1:4" ht="18" customHeight="1" x14ac:dyDescent="0.2">
      <c r="A60" s="8">
        <v>45</v>
      </c>
      <c r="B60" s="35">
        <v>3</v>
      </c>
      <c r="C60" s="13">
        <v>6</v>
      </c>
      <c r="D60" s="12">
        <v>9</v>
      </c>
    </row>
    <row r="61" spans="1:4" ht="18" customHeight="1" x14ac:dyDescent="0.2">
      <c r="A61" s="8">
        <v>46</v>
      </c>
      <c r="B61" s="35">
        <v>5</v>
      </c>
      <c r="C61" s="13">
        <v>4</v>
      </c>
      <c r="D61" s="12">
        <v>9</v>
      </c>
    </row>
    <row r="62" spans="1:4" ht="18" customHeight="1" x14ac:dyDescent="0.2">
      <c r="A62" s="8">
        <v>47</v>
      </c>
      <c r="B62" s="35">
        <v>3</v>
      </c>
      <c r="C62" s="13">
        <v>3</v>
      </c>
      <c r="D62" s="12">
        <v>6</v>
      </c>
    </row>
    <row r="63" spans="1:4" ht="18" customHeight="1" x14ac:dyDescent="0.2">
      <c r="A63" s="8">
        <v>48</v>
      </c>
      <c r="B63" s="35">
        <v>5</v>
      </c>
      <c r="C63" s="13">
        <v>8</v>
      </c>
      <c r="D63" s="12">
        <v>13</v>
      </c>
    </row>
    <row r="64" spans="1:4" ht="18" customHeight="1" x14ac:dyDescent="0.2">
      <c r="A64" s="8">
        <v>49</v>
      </c>
      <c r="B64" s="35">
        <v>8</v>
      </c>
      <c r="C64" s="13">
        <v>5</v>
      </c>
      <c r="D64" s="12">
        <v>13</v>
      </c>
    </row>
    <row r="65" spans="1:4" ht="18" customHeight="1" x14ac:dyDescent="0.2">
      <c r="A65" s="8" t="s">
        <v>15</v>
      </c>
      <c r="B65" s="35">
        <v>24</v>
      </c>
      <c r="C65" s="13">
        <v>26</v>
      </c>
      <c r="D65" s="12">
        <v>50</v>
      </c>
    </row>
    <row r="66" spans="1:4" ht="18" customHeight="1" x14ac:dyDescent="0.2">
      <c r="A66" s="8">
        <v>50</v>
      </c>
      <c r="B66" s="35">
        <v>4</v>
      </c>
      <c r="C66" s="13">
        <v>6</v>
      </c>
      <c r="D66" s="12">
        <v>10</v>
      </c>
    </row>
    <row r="67" spans="1:4" ht="18" customHeight="1" x14ac:dyDescent="0.2">
      <c r="A67" s="8">
        <v>51</v>
      </c>
      <c r="B67" s="35">
        <v>7</v>
      </c>
      <c r="C67" s="13">
        <v>2</v>
      </c>
      <c r="D67" s="12">
        <v>9</v>
      </c>
    </row>
    <row r="68" spans="1:4" ht="18" customHeight="1" x14ac:dyDescent="0.2">
      <c r="A68" s="8">
        <v>52</v>
      </c>
      <c r="B68" s="35">
        <v>2</v>
      </c>
      <c r="C68" s="13">
        <v>6</v>
      </c>
      <c r="D68" s="12">
        <v>8</v>
      </c>
    </row>
    <row r="69" spans="1:4" ht="18" customHeight="1" x14ac:dyDescent="0.2">
      <c r="A69" s="8">
        <v>53</v>
      </c>
      <c r="B69" s="35">
        <v>7</v>
      </c>
      <c r="C69" s="13">
        <v>5</v>
      </c>
      <c r="D69" s="12">
        <v>12</v>
      </c>
    </row>
    <row r="70" spans="1:4" ht="18" customHeight="1" x14ac:dyDescent="0.2">
      <c r="A70" s="8">
        <v>54</v>
      </c>
      <c r="B70" s="35">
        <v>2</v>
      </c>
      <c r="C70" s="13">
        <v>5</v>
      </c>
      <c r="D70" s="12">
        <v>7</v>
      </c>
    </row>
    <row r="71" spans="1:4" ht="18" customHeight="1" x14ac:dyDescent="0.2">
      <c r="A71" s="8" t="s">
        <v>14</v>
      </c>
      <c r="B71" s="35">
        <v>22</v>
      </c>
      <c r="C71" s="13">
        <v>24</v>
      </c>
      <c r="D71" s="12">
        <v>46</v>
      </c>
    </row>
    <row r="72" spans="1:4" ht="18" customHeight="1" x14ac:dyDescent="0.2">
      <c r="A72" s="8">
        <v>55</v>
      </c>
      <c r="B72" s="35">
        <v>1</v>
      </c>
      <c r="C72" s="13">
        <v>8</v>
      </c>
      <c r="D72" s="12">
        <v>9</v>
      </c>
    </row>
    <row r="73" spans="1:4" ht="18" customHeight="1" x14ac:dyDescent="0.2">
      <c r="A73" s="8">
        <v>56</v>
      </c>
      <c r="B73" s="35">
        <v>5</v>
      </c>
      <c r="C73" s="13">
        <v>9</v>
      </c>
      <c r="D73" s="12">
        <v>14</v>
      </c>
    </row>
    <row r="74" spans="1:4" ht="18" customHeight="1" x14ac:dyDescent="0.2">
      <c r="A74" s="8">
        <v>57</v>
      </c>
      <c r="B74" s="35">
        <v>5</v>
      </c>
      <c r="C74" s="13">
        <v>3</v>
      </c>
      <c r="D74" s="12">
        <v>8</v>
      </c>
    </row>
    <row r="75" spans="1:4" ht="18" customHeight="1" x14ac:dyDescent="0.2">
      <c r="A75" s="8">
        <v>58</v>
      </c>
      <c r="B75" s="35">
        <v>4</v>
      </c>
      <c r="C75" s="13">
        <v>4</v>
      </c>
      <c r="D75" s="12">
        <v>8</v>
      </c>
    </row>
    <row r="76" spans="1:4" ht="18" customHeight="1" x14ac:dyDescent="0.2">
      <c r="A76" s="8">
        <v>59</v>
      </c>
      <c r="B76" s="35">
        <v>8</v>
      </c>
      <c r="C76" s="13">
        <v>5</v>
      </c>
      <c r="D76" s="12">
        <v>13</v>
      </c>
    </row>
    <row r="77" spans="1:4" ht="18" customHeight="1" x14ac:dyDescent="0.2">
      <c r="A77" s="8" t="s">
        <v>13</v>
      </c>
      <c r="B77" s="35">
        <v>23</v>
      </c>
      <c r="C77" s="13">
        <v>29</v>
      </c>
      <c r="D77" s="12">
        <v>52</v>
      </c>
    </row>
    <row r="78" spans="1:4" ht="18" customHeight="1" x14ac:dyDescent="0.2">
      <c r="A78" s="8">
        <v>60</v>
      </c>
      <c r="B78" s="35">
        <v>6</v>
      </c>
      <c r="C78" s="13">
        <v>7</v>
      </c>
      <c r="D78" s="12">
        <v>13</v>
      </c>
    </row>
    <row r="79" spans="1:4" ht="18" customHeight="1" x14ac:dyDescent="0.2">
      <c r="A79" s="8">
        <v>61</v>
      </c>
      <c r="B79" s="35">
        <v>2</v>
      </c>
      <c r="C79" s="13">
        <v>5</v>
      </c>
      <c r="D79" s="12">
        <v>7</v>
      </c>
    </row>
    <row r="80" spans="1:4" ht="18" customHeight="1" x14ac:dyDescent="0.2">
      <c r="A80" s="8">
        <v>62</v>
      </c>
      <c r="B80" s="35">
        <v>3</v>
      </c>
      <c r="C80" s="13">
        <v>2</v>
      </c>
      <c r="D80" s="12">
        <v>5</v>
      </c>
    </row>
    <row r="81" spans="1:4" ht="18" customHeight="1" x14ac:dyDescent="0.2">
      <c r="A81" s="8">
        <v>63</v>
      </c>
      <c r="B81" s="35">
        <v>7</v>
      </c>
      <c r="C81" s="13">
        <v>7</v>
      </c>
      <c r="D81" s="12">
        <v>14</v>
      </c>
    </row>
    <row r="82" spans="1:4" ht="18" customHeight="1" x14ac:dyDescent="0.2">
      <c r="A82" s="8">
        <v>64</v>
      </c>
      <c r="B82" s="35">
        <v>1</v>
      </c>
      <c r="C82" s="13">
        <v>8</v>
      </c>
      <c r="D82" s="12">
        <v>9</v>
      </c>
    </row>
    <row r="83" spans="1:4" ht="18" customHeight="1" x14ac:dyDescent="0.2">
      <c r="A83" s="8" t="s">
        <v>12</v>
      </c>
      <c r="B83" s="35">
        <v>19</v>
      </c>
      <c r="C83" s="13">
        <v>29</v>
      </c>
      <c r="D83" s="12">
        <v>48</v>
      </c>
    </row>
    <row r="84" spans="1:4" ht="18" customHeight="1" x14ac:dyDescent="0.2">
      <c r="A84" s="8" t="s">
        <v>11</v>
      </c>
      <c r="B84" s="35">
        <v>197</v>
      </c>
      <c r="C84" s="13">
        <v>201</v>
      </c>
      <c r="D84" s="12">
        <v>398</v>
      </c>
    </row>
    <row r="85" spans="1:4" ht="18" customHeight="1" x14ac:dyDescent="0.2">
      <c r="A85" s="8">
        <v>65</v>
      </c>
      <c r="B85" s="35">
        <v>5</v>
      </c>
      <c r="C85" s="13">
        <v>10</v>
      </c>
      <c r="D85" s="12">
        <v>15</v>
      </c>
    </row>
    <row r="86" spans="1:4" ht="18" customHeight="1" x14ac:dyDescent="0.2">
      <c r="A86" s="8">
        <v>66</v>
      </c>
      <c r="B86" s="35">
        <v>8</v>
      </c>
      <c r="C86" s="13">
        <v>8</v>
      </c>
      <c r="D86" s="12">
        <v>16</v>
      </c>
    </row>
    <row r="87" spans="1:4" ht="18" customHeight="1" x14ac:dyDescent="0.2">
      <c r="A87" s="8">
        <v>67</v>
      </c>
      <c r="B87" s="35">
        <v>12</v>
      </c>
      <c r="C87" s="13">
        <v>7</v>
      </c>
      <c r="D87" s="12">
        <v>19</v>
      </c>
    </row>
    <row r="88" spans="1:4" ht="18" customHeight="1" x14ac:dyDescent="0.2">
      <c r="A88" s="8">
        <v>68</v>
      </c>
      <c r="B88" s="35">
        <v>4</v>
      </c>
      <c r="C88" s="13">
        <v>5</v>
      </c>
      <c r="D88" s="12">
        <v>9</v>
      </c>
    </row>
    <row r="89" spans="1:4" ht="18" customHeight="1" x14ac:dyDescent="0.2">
      <c r="A89" s="8">
        <v>69</v>
      </c>
      <c r="B89" s="35">
        <v>12</v>
      </c>
      <c r="C89" s="13">
        <v>12</v>
      </c>
      <c r="D89" s="12">
        <v>24</v>
      </c>
    </row>
    <row r="90" spans="1:4" ht="18" customHeight="1" x14ac:dyDescent="0.2">
      <c r="A90" s="8" t="s">
        <v>10</v>
      </c>
      <c r="B90" s="35">
        <v>41</v>
      </c>
      <c r="C90" s="13">
        <v>42</v>
      </c>
      <c r="D90" s="12">
        <v>83</v>
      </c>
    </row>
    <row r="91" spans="1:4" ht="18" customHeight="1" x14ac:dyDescent="0.2">
      <c r="A91" s="8">
        <v>70</v>
      </c>
      <c r="B91" s="35">
        <v>14</v>
      </c>
      <c r="C91" s="13">
        <v>14</v>
      </c>
      <c r="D91" s="12">
        <v>28</v>
      </c>
    </row>
    <row r="92" spans="1:4" ht="18" customHeight="1" x14ac:dyDescent="0.2">
      <c r="A92" s="8">
        <v>71</v>
      </c>
      <c r="B92" s="35">
        <v>16</v>
      </c>
      <c r="C92" s="13">
        <v>11</v>
      </c>
      <c r="D92" s="12">
        <v>27</v>
      </c>
    </row>
    <row r="93" spans="1:4" ht="18" customHeight="1" x14ac:dyDescent="0.2">
      <c r="A93" s="8">
        <v>72</v>
      </c>
      <c r="B93" s="35">
        <v>4</v>
      </c>
      <c r="C93" s="13">
        <v>9</v>
      </c>
      <c r="D93" s="12">
        <v>13</v>
      </c>
    </row>
    <row r="94" spans="1:4" ht="18" customHeight="1" x14ac:dyDescent="0.2">
      <c r="A94" s="8">
        <v>73</v>
      </c>
      <c r="B94" s="35">
        <v>10</v>
      </c>
      <c r="C94" s="13">
        <v>8</v>
      </c>
      <c r="D94" s="12">
        <v>18</v>
      </c>
    </row>
    <row r="95" spans="1:4" ht="18" customHeight="1" x14ac:dyDescent="0.2">
      <c r="A95" s="8">
        <v>74</v>
      </c>
      <c r="B95" s="35">
        <v>7</v>
      </c>
      <c r="C95" s="13">
        <v>12</v>
      </c>
      <c r="D95" s="12">
        <v>19</v>
      </c>
    </row>
    <row r="96" spans="1:4" ht="18" customHeight="1" x14ac:dyDescent="0.2">
      <c r="A96" s="8" t="s">
        <v>9</v>
      </c>
      <c r="B96" s="35">
        <v>51</v>
      </c>
      <c r="C96" s="13">
        <v>54</v>
      </c>
      <c r="D96" s="12">
        <v>105</v>
      </c>
    </row>
    <row r="97" spans="1:4" ht="18" customHeight="1" x14ac:dyDescent="0.2">
      <c r="A97" s="8">
        <v>75</v>
      </c>
      <c r="B97" s="35">
        <v>9</v>
      </c>
      <c r="C97" s="13">
        <v>6</v>
      </c>
      <c r="D97" s="12">
        <v>15</v>
      </c>
    </row>
    <row r="98" spans="1:4" ht="18" customHeight="1" x14ac:dyDescent="0.2">
      <c r="A98" s="8">
        <v>76</v>
      </c>
      <c r="B98" s="35">
        <v>12</v>
      </c>
      <c r="C98" s="13">
        <v>6</v>
      </c>
      <c r="D98" s="12">
        <v>18</v>
      </c>
    </row>
    <row r="99" spans="1:4" ht="18" customHeight="1" x14ac:dyDescent="0.2">
      <c r="A99" s="8">
        <v>77</v>
      </c>
      <c r="B99" s="35">
        <v>6</v>
      </c>
      <c r="C99" s="13">
        <v>5</v>
      </c>
      <c r="D99" s="12">
        <v>11</v>
      </c>
    </row>
    <row r="100" spans="1:4" ht="18" customHeight="1" x14ac:dyDescent="0.2">
      <c r="A100" s="8">
        <v>78</v>
      </c>
      <c r="B100" s="35">
        <v>1</v>
      </c>
      <c r="C100" s="13">
        <v>4</v>
      </c>
      <c r="D100" s="12">
        <v>5</v>
      </c>
    </row>
    <row r="101" spans="1:4" ht="18" customHeight="1" x14ac:dyDescent="0.2">
      <c r="A101" s="8">
        <v>79</v>
      </c>
      <c r="B101" s="35">
        <v>4</v>
      </c>
      <c r="C101" s="13">
        <v>5</v>
      </c>
      <c r="D101" s="12">
        <v>9</v>
      </c>
    </row>
    <row r="102" spans="1:4" ht="18" customHeight="1" x14ac:dyDescent="0.2">
      <c r="A102" s="8" t="s">
        <v>8</v>
      </c>
      <c r="B102" s="35">
        <v>32</v>
      </c>
      <c r="C102" s="13">
        <v>26</v>
      </c>
      <c r="D102" s="12">
        <v>58</v>
      </c>
    </row>
    <row r="103" spans="1:4" ht="18" customHeight="1" x14ac:dyDescent="0.2">
      <c r="A103" s="8">
        <v>80</v>
      </c>
      <c r="B103" s="35">
        <v>8</v>
      </c>
      <c r="C103" s="13">
        <v>4</v>
      </c>
      <c r="D103" s="12">
        <v>12</v>
      </c>
    </row>
    <row r="104" spans="1:4" ht="18" customHeight="1" x14ac:dyDescent="0.2">
      <c r="A104" s="8">
        <v>81</v>
      </c>
      <c r="B104" s="35">
        <v>4</v>
      </c>
      <c r="C104" s="13">
        <v>10</v>
      </c>
      <c r="D104" s="12">
        <v>14</v>
      </c>
    </row>
    <row r="105" spans="1:4" ht="18" customHeight="1" x14ac:dyDescent="0.2">
      <c r="A105" s="8">
        <v>82</v>
      </c>
      <c r="B105" s="35">
        <v>3</v>
      </c>
      <c r="C105" s="13">
        <v>9</v>
      </c>
      <c r="D105" s="12">
        <v>12</v>
      </c>
    </row>
    <row r="106" spans="1:4" ht="18" customHeight="1" x14ac:dyDescent="0.2">
      <c r="A106" s="8">
        <v>83</v>
      </c>
      <c r="B106" s="35">
        <v>3</v>
      </c>
      <c r="C106" s="13">
        <v>3</v>
      </c>
      <c r="D106" s="12">
        <v>6</v>
      </c>
    </row>
    <row r="107" spans="1:4" ht="18" customHeight="1" x14ac:dyDescent="0.2">
      <c r="A107" s="8">
        <v>84</v>
      </c>
      <c r="B107" s="35">
        <v>3</v>
      </c>
      <c r="C107" s="13">
        <v>3</v>
      </c>
      <c r="D107" s="12">
        <v>6</v>
      </c>
    </row>
    <row r="108" spans="1:4" ht="18" customHeight="1" x14ac:dyDescent="0.2">
      <c r="A108" s="8" t="s">
        <v>7</v>
      </c>
      <c r="B108" s="35">
        <v>21</v>
      </c>
      <c r="C108" s="13">
        <v>29</v>
      </c>
      <c r="D108" s="12">
        <v>50</v>
      </c>
    </row>
    <row r="109" spans="1:4" ht="18" customHeight="1" x14ac:dyDescent="0.2">
      <c r="A109" s="8">
        <v>85</v>
      </c>
      <c r="B109" s="35">
        <v>4</v>
      </c>
      <c r="C109" s="13">
        <v>4</v>
      </c>
      <c r="D109" s="12">
        <v>8</v>
      </c>
    </row>
    <row r="110" spans="1:4" ht="18" customHeight="1" x14ac:dyDescent="0.2">
      <c r="A110" s="8">
        <v>86</v>
      </c>
      <c r="B110" s="35">
        <v>3</v>
      </c>
      <c r="C110" s="13">
        <v>5</v>
      </c>
      <c r="D110" s="12">
        <v>8</v>
      </c>
    </row>
    <row r="111" spans="1:4" ht="18" customHeight="1" x14ac:dyDescent="0.2">
      <c r="A111" s="8">
        <v>87</v>
      </c>
      <c r="B111" s="35">
        <v>2</v>
      </c>
      <c r="C111" s="13">
        <v>6</v>
      </c>
      <c r="D111" s="12">
        <v>8</v>
      </c>
    </row>
    <row r="112" spans="1:4" ht="18" customHeight="1" x14ac:dyDescent="0.2">
      <c r="A112" s="8">
        <v>88</v>
      </c>
      <c r="B112" s="35">
        <v>1</v>
      </c>
      <c r="C112" s="13">
        <v>4</v>
      </c>
      <c r="D112" s="12">
        <v>5</v>
      </c>
    </row>
    <row r="113" spans="1:4" ht="18" customHeight="1" x14ac:dyDescent="0.2">
      <c r="A113" s="8">
        <v>89</v>
      </c>
      <c r="B113" s="35">
        <v>3</v>
      </c>
      <c r="C113" s="13">
        <v>7</v>
      </c>
      <c r="D113" s="12">
        <v>10</v>
      </c>
    </row>
    <row r="114" spans="1:4" ht="18" customHeight="1" x14ac:dyDescent="0.2">
      <c r="A114" s="8" t="s">
        <v>6</v>
      </c>
      <c r="B114" s="35">
        <v>13</v>
      </c>
      <c r="C114" s="13">
        <v>26</v>
      </c>
      <c r="D114" s="12">
        <v>39</v>
      </c>
    </row>
    <row r="115" spans="1:4" ht="18" customHeight="1" x14ac:dyDescent="0.2">
      <c r="A115" s="8">
        <v>90</v>
      </c>
      <c r="B115" s="35">
        <v>1</v>
      </c>
      <c r="C115" s="13">
        <v>1</v>
      </c>
      <c r="D115" s="12">
        <v>2</v>
      </c>
    </row>
    <row r="116" spans="1:4" ht="18" customHeight="1" x14ac:dyDescent="0.2">
      <c r="A116" s="8">
        <v>91</v>
      </c>
      <c r="B116" s="35">
        <v>0</v>
      </c>
      <c r="C116" s="13">
        <v>7</v>
      </c>
      <c r="D116" s="12">
        <v>7</v>
      </c>
    </row>
    <row r="117" spans="1:4" ht="18" customHeight="1" x14ac:dyDescent="0.2">
      <c r="A117" s="8">
        <v>92</v>
      </c>
      <c r="B117" s="35">
        <v>3</v>
      </c>
      <c r="C117" s="13">
        <v>4</v>
      </c>
      <c r="D117" s="12">
        <v>7</v>
      </c>
    </row>
    <row r="118" spans="1:4" ht="18" customHeight="1" x14ac:dyDescent="0.2">
      <c r="A118" s="8">
        <v>93</v>
      </c>
      <c r="B118" s="35">
        <v>1</v>
      </c>
      <c r="C118" s="13">
        <v>2</v>
      </c>
      <c r="D118" s="12">
        <v>3</v>
      </c>
    </row>
    <row r="119" spans="1:4" ht="18" customHeight="1" x14ac:dyDescent="0.2">
      <c r="A119" s="8">
        <v>94</v>
      </c>
      <c r="B119" s="35">
        <v>1</v>
      </c>
      <c r="C119" s="13">
        <v>4</v>
      </c>
      <c r="D119" s="12">
        <v>5</v>
      </c>
    </row>
    <row r="120" spans="1:4" ht="18" customHeight="1" x14ac:dyDescent="0.2">
      <c r="A120" s="8" t="s">
        <v>5</v>
      </c>
      <c r="B120" s="35">
        <v>6</v>
      </c>
      <c r="C120" s="13">
        <v>18</v>
      </c>
      <c r="D120" s="12">
        <v>24</v>
      </c>
    </row>
    <row r="121" spans="1:4" ht="18" customHeight="1" x14ac:dyDescent="0.2">
      <c r="A121" s="8">
        <v>95</v>
      </c>
      <c r="B121" s="35">
        <v>0</v>
      </c>
      <c r="C121" s="13">
        <v>5</v>
      </c>
      <c r="D121" s="12">
        <v>5</v>
      </c>
    </row>
    <row r="122" spans="1:4" ht="18" customHeight="1" x14ac:dyDescent="0.2">
      <c r="A122" s="8">
        <v>96</v>
      </c>
      <c r="B122" s="35">
        <v>0</v>
      </c>
      <c r="C122" s="13">
        <v>1</v>
      </c>
      <c r="D122" s="12">
        <v>1</v>
      </c>
    </row>
    <row r="123" spans="1:4" ht="18" customHeight="1" x14ac:dyDescent="0.2">
      <c r="A123" s="8">
        <v>97</v>
      </c>
      <c r="B123" s="35">
        <v>0</v>
      </c>
      <c r="C123" s="13">
        <v>0</v>
      </c>
      <c r="D123" s="12">
        <v>0</v>
      </c>
    </row>
    <row r="124" spans="1:4" ht="18" customHeight="1" x14ac:dyDescent="0.2">
      <c r="A124" s="8">
        <v>98</v>
      </c>
      <c r="B124" s="35">
        <v>0</v>
      </c>
      <c r="C124" s="13">
        <v>0</v>
      </c>
      <c r="D124" s="12">
        <v>0</v>
      </c>
    </row>
    <row r="125" spans="1:4" ht="18" customHeight="1" x14ac:dyDescent="0.2">
      <c r="A125" s="8">
        <v>99</v>
      </c>
      <c r="B125" s="35">
        <v>0</v>
      </c>
      <c r="C125" s="13">
        <v>1</v>
      </c>
      <c r="D125" s="12">
        <v>1</v>
      </c>
    </row>
    <row r="126" spans="1:4" ht="18" customHeight="1" x14ac:dyDescent="0.2">
      <c r="A126" s="8" t="s">
        <v>4</v>
      </c>
      <c r="B126" s="35">
        <v>0</v>
      </c>
      <c r="C126" s="13">
        <v>7</v>
      </c>
      <c r="D126" s="12">
        <v>7</v>
      </c>
    </row>
    <row r="127" spans="1:4" ht="18" customHeight="1" x14ac:dyDescent="0.2">
      <c r="A127" s="8">
        <v>100</v>
      </c>
      <c r="B127" s="35">
        <v>0</v>
      </c>
      <c r="C127" s="13">
        <v>0</v>
      </c>
      <c r="D127" s="12">
        <v>0</v>
      </c>
    </row>
    <row r="128" spans="1:4" ht="18" customHeight="1" x14ac:dyDescent="0.2">
      <c r="A128" s="15" t="s">
        <v>3</v>
      </c>
      <c r="B128" s="35">
        <v>0</v>
      </c>
      <c r="C128" s="13">
        <v>1</v>
      </c>
      <c r="D128" s="12">
        <v>1</v>
      </c>
    </row>
    <row r="129" spans="1:4" ht="18" customHeight="1" x14ac:dyDescent="0.2">
      <c r="A129" s="8" t="s">
        <v>2</v>
      </c>
      <c r="B129" s="35">
        <v>0</v>
      </c>
      <c r="C129" s="13">
        <v>1</v>
      </c>
      <c r="D129" s="12">
        <v>1</v>
      </c>
    </row>
    <row r="130" spans="1:4" ht="18" customHeight="1" x14ac:dyDescent="0.2">
      <c r="A130" s="8" t="s">
        <v>1</v>
      </c>
      <c r="B130" s="28">
        <v>164</v>
      </c>
      <c r="C130" s="6">
        <v>203</v>
      </c>
      <c r="D130" s="5">
        <v>367</v>
      </c>
    </row>
    <row r="131" spans="1:4" ht="18" customHeight="1" x14ac:dyDescent="0.2">
      <c r="A131" s="4" t="s">
        <v>0</v>
      </c>
      <c r="B131" s="27">
        <v>406</v>
      </c>
      <c r="C131" s="2">
        <v>438</v>
      </c>
      <c r="D131" s="1">
        <v>844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806D0D0-79DF-4C43-8211-FCCD0B84F680}">
  <sheetPr codeName="Sheet9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114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53" t="s">
        <v>219</v>
      </c>
      <c r="C5" s="53" t="s">
        <v>219</v>
      </c>
      <c r="D5" s="62" t="s">
        <v>219</v>
      </c>
    </row>
    <row r="6" spans="1:4" ht="18" customHeight="1" x14ac:dyDescent="0.2">
      <c r="A6" s="8">
        <v>1</v>
      </c>
      <c r="B6" s="53" t="s">
        <v>219</v>
      </c>
      <c r="C6" s="53" t="s">
        <v>219</v>
      </c>
      <c r="D6" s="62" t="s">
        <v>219</v>
      </c>
    </row>
    <row r="7" spans="1:4" ht="18" customHeight="1" x14ac:dyDescent="0.2">
      <c r="A7" s="8">
        <v>2</v>
      </c>
      <c r="B7" s="53" t="s">
        <v>219</v>
      </c>
      <c r="C7" s="53" t="s">
        <v>219</v>
      </c>
      <c r="D7" s="62" t="s">
        <v>219</v>
      </c>
    </row>
    <row r="8" spans="1:4" ht="18" customHeight="1" x14ac:dyDescent="0.2">
      <c r="A8" s="8">
        <v>3</v>
      </c>
      <c r="B8" s="53" t="s">
        <v>219</v>
      </c>
      <c r="C8" s="53" t="s">
        <v>219</v>
      </c>
      <c r="D8" s="62" t="s">
        <v>219</v>
      </c>
    </row>
    <row r="9" spans="1:4" ht="18" customHeight="1" x14ac:dyDescent="0.2">
      <c r="A9" s="8">
        <v>4</v>
      </c>
      <c r="B9" s="53" t="s">
        <v>219</v>
      </c>
      <c r="C9" s="53" t="s">
        <v>219</v>
      </c>
      <c r="D9" s="62" t="s">
        <v>219</v>
      </c>
    </row>
    <row r="10" spans="1:4" ht="18" customHeight="1" x14ac:dyDescent="0.2">
      <c r="A10" s="8" t="s">
        <v>25</v>
      </c>
      <c r="B10" s="53" t="s">
        <v>219</v>
      </c>
      <c r="C10" s="53" t="s">
        <v>219</v>
      </c>
      <c r="D10" s="62" t="s">
        <v>219</v>
      </c>
    </row>
    <row r="11" spans="1:4" ht="18" customHeight="1" x14ac:dyDescent="0.2">
      <c r="A11" s="8">
        <v>5</v>
      </c>
      <c r="B11" s="53" t="s">
        <v>219</v>
      </c>
      <c r="C11" s="53" t="s">
        <v>219</v>
      </c>
      <c r="D11" s="62" t="s">
        <v>219</v>
      </c>
    </row>
    <row r="12" spans="1:4" ht="18" customHeight="1" x14ac:dyDescent="0.2">
      <c r="A12" s="8">
        <v>6</v>
      </c>
      <c r="B12" s="53" t="s">
        <v>219</v>
      </c>
      <c r="C12" s="53" t="s">
        <v>219</v>
      </c>
      <c r="D12" s="62" t="s">
        <v>219</v>
      </c>
    </row>
    <row r="13" spans="1:4" ht="18" customHeight="1" x14ac:dyDescent="0.2">
      <c r="A13" s="8">
        <v>7</v>
      </c>
      <c r="B13" s="53" t="s">
        <v>219</v>
      </c>
      <c r="C13" s="53" t="s">
        <v>219</v>
      </c>
      <c r="D13" s="62" t="s">
        <v>219</v>
      </c>
    </row>
    <row r="14" spans="1:4" ht="18" customHeight="1" x14ac:dyDescent="0.2">
      <c r="A14" s="8">
        <v>8</v>
      </c>
      <c r="B14" s="53" t="s">
        <v>219</v>
      </c>
      <c r="C14" s="53" t="s">
        <v>219</v>
      </c>
      <c r="D14" s="62" t="s">
        <v>219</v>
      </c>
    </row>
    <row r="15" spans="1:4" ht="18" customHeight="1" x14ac:dyDescent="0.2">
      <c r="A15" s="8">
        <v>9</v>
      </c>
      <c r="B15" s="53" t="s">
        <v>219</v>
      </c>
      <c r="C15" s="53" t="s">
        <v>219</v>
      </c>
      <c r="D15" s="62" t="s">
        <v>219</v>
      </c>
    </row>
    <row r="16" spans="1:4" ht="18" customHeight="1" x14ac:dyDescent="0.2">
      <c r="A16" s="8" t="s">
        <v>24</v>
      </c>
      <c r="B16" s="53" t="s">
        <v>219</v>
      </c>
      <c r="C16" s="53" t="s">
        <v>219</v>
      </c>
      <c r="D16" s="62" t="s">
        <v>219</v>
      </c>
    </row>
    <row r="17" spans="1:4" ht="18" customHeight="1" x14ac:dyDescent="0.2">
      <c r="A17" s="8">
        <v>10</v>
      </c>
      <c r="B17" s="53" t="s">
        <v>219</v>
      </c>
      <c r="C17" s="53" t="s">
        <v>219</v>
      </c>
      <c r="D17" s="62" t="s">
        <v>219</v>
      </c>
    </row>
    <row r="18" spans="1:4" ht="18" customHeight="1" x14ac:dyDescent="0.2">
      <c r="A18" s="8">
        <v>11</v>
      </c>
      <c r="B18" s="53" t="s">
        <v>219</v>
      </c>
      <c r="C18" s="53" t="s">
        <v>219</v>
      </c>
      <c r="D18" s="62" t="s">
        <v>219</v>
      </c>
    </row>
    <row r="19" spans="1:4" ht="18" customHeight="1" x14ac:dyDescent="0.2">
      <c r="A19" s="8">
        <v>12</v>
      </c>
      <c r="B19" s="53" t="s">
        <v>219</v>
      </c>
      <c r="C19" s="53" t="s">
        <v>219</v>
      </c>
      <c r="D19" s="62" t="s">
        <v>219</v>
      </c>
    </row>
    <row r="20" spans="1:4" ht="18" customHeight="1" x14ac:dyDescent="0.2">
      <c r="A20" s="8">
        <v>13</v>
      </c>
      <c r="B20" s="53" t="s">
        <v>219</v>
      </c>
      <c r="C20" s="53" t="s">
        <v>219</v>
      </c>
      <c r="D20" s="62" t="s">
        <v>219</v>
      </c>
    </row>
    <row r="21" spans="1:4" ht="18" customHeight="1" x14ac:dyDescent="0.2">
      <c r="A21" s="8">
        <v>14</v>
      </c>
      <c r="B21" s="53" t="s">
        <v>219</v>
      </c>
      <c r="C21" s="53" t="s">
        <v>219</v>
      </c>
      <c r="D21" s="62" t="s">
        <v>219</v>
      </c>
    </row>
    <row r="22" spans="1:4" ht="18" customHeight="1" x14ac:dyDescent="0.2">
      <c r="A22" s="8" t="s">
        <v>23</v>
      </c>
      <c r="B22" s="53" t="s">
        <v>219</v>
      </c>
      <c r="C22" s="53" t="s">
        <v>219</v>
      </c>
      <c r="D22" s="62" t="s">
        <v>219</v>
      </c>
    </row>
    <row r="23" spans="1:4" ht="18" customHeight="1" x14ac:dyDescent="0.2">
      <c r="A23" s="8" t="s">
        <v>22</v>
      </c>
      <c r="B23" s="35">
        <v>6</v>
      </c>
      <c r="C23" s="13">
        <v>9</v>
      </c>
      <c r="D23" s="12">
        <v>15</v>
      </c>
    </row>
    <row r="24" spans="1:4" ht="18" customHeight="1" x14ac:dyDescent="0.2">
      <c r="A24" s="8">
        <v>15</v>
      </c>
      <c r="B24" s="53" t="s">
        <v>219</v>
      </c>
      <c r="C24" s="53" t="s">
        <v>219</v>
      </c>
      <c r="D24" s="62" t="s">
        <v>219</v>
      </c>
    </row>
    <row r="25" spans="1:4" ht="18" customHeight="1" x14ac:dyDescent="0.2">
      <c r="A25" s="8">
        <v>16</v>
      </c>
      <c r="B25" s="53" t="s">
        <v>219</v>
      </c>
      <c r="C25" s="53" t="s">
        <v>219</v>
      </c>
      <c r="D25" s="62" t="s">
        <v>219</v>
      </c>
    </row>
    <row r="26" spans="1:4" ht="18" customHeight="1" x14ac:dyDescent="0.2">
      <c r="A26" s="8">
        <v>17</v>
      </c>
      <c r="B26" s="53" t="s">
        <v>219</v>
      </c>
      <c r="C26" s="53" t="s">
        <v>219</v>
      </c>
      <c r="D26" s="62" t="s">
        <v>219</v>
      </c>
    </row>
    <row r="27" spans="1:4" ht="18" customHeight="1" x14ac:dyDescent="0.2">
      <c r="A27" s="8">
        <v>18</v>
      </c>
      <c r="B27" s="53" t="s">
        <v>219</v>
      </c>
      <c r="C27" s="53" t="s">
        <v>219</v>
      </c>
      <c r="D27" s="62" t="s">
        <v>219</v>
      </c>
    </row>
    <row r="28" spans="1:4" ht="18" customHeight="1" x14ac:dyDescent="0.2">
      <c r="A28" s="8">
        <v>19</v>
      </c>
      <c r="B28" s="53" t="s">
        <v>219</v>
      </c>
      <c r="C28" s="53" t="s">
        <v>219</v>
      </c>
      <c r="D28" s="62" t="s">
        <v>219</v>
      </c>
    </row>
    <row r="29" spans="1:4" ht="18" customHeight="1" x14ac:dyDescent="0.2">
      <c r="A29" s="8" t="s">
        <v>21</v>
      </c>
      <c r="B29" s="53" t="s">
        <v>219</v>
      </c>
      <c r="C29" s="53" t="s">
        <v>219</v>
      </c>
      <c r="D29" s="62" t="s">
        <v>219</v>
      </c>
    </row>
    <row r="30" spans="1:4" ht="18" customHeight="1" x14ac:dyDescent="0.2">
      <c r="A30" s="8">
        <v>20</v>
      </c>
      <c r="B30" s="53" t="s">
        <v>219</v>
      </c>
      <c r="C30" s="53" t="s">
        <v>219</v>
      </c>
      <c r="D30" s="62" t="s">
        <v>219</v>
      </c>
    </row>
    <row r="31" spans="1:4" ht="18" customHeight="1" x14ac:dyDescent="0.2">
      <c r="A31" s="8">
        <v>21</v>
      </c>
      <c r="B31" s="53" t="s">
        <v>219</v>
      </c>
      <c r="C31" s="53" t="s">
        <v>219</v>
      </c>
      <c r="D31" s="62" t="s">
        <v>219</v>
      </c>
    </row>
    <row r="32" spans="1:4" ht="18" customHeight="1" x14ac:dyDescent="0.2">
      <c r="A32" s="8">
        <v>22</v>
      </c>
      <c r="B32" s="53" t="s">
        <v>219</v>
      </c>
      <c r="C32" s="53" t="s">
        <v>219</v>
      </c>
      <c r="D32" s="62" t="s">
        <v>219</v>
      </c>
    </row>
    <row r="33" spans="1:4" ht="18" customHeight="1" x14ac:dyDescent="0.2">
      <c r="A33" s="8">
        <v>23</v>
      </c>
      <c r="B33" s="53" t="s">
        <v>219</v>
      </c>
      <c r="C33" s="53" t="s">
        <v>219</v>
      </c>
      <c r="D33" s="62" t="s">
        <v>219</v>
      </c>
    </row>
    <row r="34" spans="1:4" ht="18" customHeight="1" x14ac:dyDescent="0.2">
      <c r="A34" s="8">
        <v>24</v>
      </c>
      <c r="B34" s="53" t="s">
        <v>219</v>
      </c>
      <c r="C34" s="53" t="s">
        <v>219</v>
      </c>
      <c r="D34" s="62" t="s">
        <v>219</v>
      </c>
    </row>
    <row r="35" spans="1:4" ht="18" customHeight="1" x14ac:dyDescent="0.2">
      <c r="A35" s="8" t="s">
        <v>20</v>
      </c>
      <c r="B35" s="53" t="s">
        <v>219</v>
      </c>
      <c r="C35" s="53" t="s">
        <v>219</v>
      </c>
      <c r="D35" s="62" t="s">
        <v>219</v>
      </c>
    </row>
    <row r="36" spans="1:4" ht="18" customHeight="1" x14ac:dyDescent="0.2">
      <c r="A36" s="8">
        <v>25</v>
      </c>
      <c r="B36" s="53" t="s">
        <v>219</v>
      </c>
      <c r="C36" s="53" t="s">
        <v>219</v>
      </c>
      <c r="D36" s="62" t="s">
        <v>219</v>
      </c>
    </row>
    <row r="37" spans="1:4" ht="18" customHeight="1" x14ac:dyDescent="0.2">
      <c r="A37" s="8">
        <v>26</v>
      </c>
      <c r="B37" s="53" t="s">
        <v>219</v>
      </c>
      <c r="C37" s="53" t="s">
        <v>219</v>
      </c>
      <c r="D37" s="62" t="s">
        <v>219</v>
      </c>
    </row>
    <row r="38" spans="1:4" ht="18" customHeight="1" x14ac:dyDescent="0.2">
      <c r="A38" s="8">
        <v>27</v>
      </c>
      <c r="B38" s="53" t="s">
        <v>219</v>
      </c>
      <c r="C38" s="53" t="s">
        <v>219</v>
      </c>
      <c r="D38" s="62" t="s">
        <v>219</v>
      </c>
    </row>
    <row r="39" spans="1:4" ht="18" customHeight="1" x14ac:dyDescent="0.2">
      <c r="A39" s="8">
        <v>28</v>
      </c>
      <c r="B39" s="53" t="s">
        <v>219</v>
      </c>
      <c r="C39" s="53" t="s">
        <v>219</v>
      </c>
      <c r="D39" s="62" t="s">
        <v>219</v>
      </c>
    </row>
    <row r="40" spans="1:4" ht="18" customHeight="1" x14ac:dyDescent="0.2">
      <c r="A40" s="8">
        <v>29</v>
      </c>
      <c r="B40" s="53" t="s">
        <v>219</v>
      </c>
      <c r="C40" s="53" t="s">
        <v>219</v>
      </c>
      <c r="D40" s="62" t="s">
        <v>219</v>
      </c>
    </row>
    <row r="41" spans="1:4" ht="18" customHeight="1" x14ac:dyDescent="0.2">
      <c r="A41" s="8" t="s">
        <v>19</v>
      </c>
      <c r="B41" s="53" t="s">
        <v>219</v>
      </c>
      <c r="C41" s="53" t="s">
        <v>219</v>
      </c>
      <c r="D41" s="62" t="s">
        <v>219</v>
      </c>
    </row>
    <row r="42" spans="1:4" ht="18" customHeight="1" x14ac:dyDescent="0.2">
      <c r="A42" s="8">
        <v>30</v>
      </c>
      <c r="B42" s="53" t="s">
        <v>219</v>
      </c>
      <c r="C42" s="53" t="s">
        <v>219</v>
      </c>
      <c r="D42" s="62" t="s">
        <v>219</v>
      </c>
    </row>
    <row r="43" spans="1:4" ht="18" customHeight="1" x14ac:dyDescent="0.2">
      <c r="A43" s="8">
        <v>31</v>
      </c>
      <c r="B43" s="53" t="s">
        <v>219</v>
      </c>
      <c r="C43" s="53" t="s">
        <v>219</v>
      </c>
      <c r="D43" s="62" t="s">
        <v>219</v>
      </c>
    </row>
    <row r="44" spans="1:4" ht="18" customHeight="1" x14ac:dyDescent="0.2">
      <c r="A44" s="8">
        <v>32</v>
      </c>
      <c r="B44" s="53" t="s">
        <v>219</v>
      </c>
      <c r="C44" s="53" t="s">
        <v>219</v>
      </c>
      <c r="D44" s="62" t="s">
        <v>219</v>
      </c>
    </row>
    <row r="45" spans="1:4" ht="18" customHeight="1" x14ac:dyDescent="0.2">
      <c r="A45" s="8">
        <v>33</v>
      </c>
      <c r="B45" s="53" t="s">
        <v>219</v>
      </c>
      <c r="C45" s="53" t="s">
        <v>219</v>
      </c>
      <c r="D45" s="62" t="s">
        <v>219</v>
      </c>
    </row>
    <row r="46" spans="1:4" ht="18" customHeight="1" x14ac:dyDescent="0.2">
      <c r="A46" s="8">
        <v>34</v>
      </c>
      <c r="B46" s="53" t="s">
        <v>219</v>
      </c>
      <c r="C46" s="53" t="s">
        <v>219</v>
      </c>
      <c r="D46" s="62" t="s">
        <v>219</v>
      </c>
    </row>
    <row r="47" spans="1:4" ht="18" customHeight="1" x14ac:dyDescent="0.2">
      <c r="A47" s="8" t="s">
        <v>18</v>
      </c>
      <c r="B47" s="53" t="s">
        <v>219</v>
      </c>
      <c r="C47" s="53" t="s">
        <v>219</v>
      </c>
      <c r="D47" s="62" t="s">
        <v>219</v>
      </c>
    </row>
    <row r="48" spans="1:4" ht="18" customHeight="1" x14ac:dyDescent="0.2">
      <c r="A48" s="8">
        <v>35</v>
      </c>
      <c r="B48" s="53" t="s">
        <v>219</v>
      </c>
      <c r="C48" s="53" t="s">
        <v>219</v>
      </c>
      <c r="D48" s="62" t="s">
        <v>219</v>
      </c>
    </row>
    <row r="49" spans="1:4" ht="18" customHeight="1" x14ac:dyDescent="0.2">
      <c r="A49" s="8">
        <v>36</v>
      </c>
      <c r="B49" s="53" t="s">
        <v>219</v>
      </c>
      <c r="C49" s="53" t="s">
        <v>219</v>
      </c>
      <c r="D49" s="62" t="s">
        <v>219</v>
      </c>
    </row>
    <row r="50" spans="1:4" ht="18" customHeight="1" x14ac:dyDescent="0.2">
      <c r="A50" s="8">
        <v>37</v>
      </c>
      <c r="B50" s="53" t="s">
        <v>219</v>
      </c>
      <c r="C50" s="53" t="s">
        <v>219</v>
      </c>
      <c r="D50" s="62" t="s">
        <v>219</v>
      </c>
    </row>
    <row r="51" spans="1:4" ht="18" customHeight="1" x14ac:dyDescent="0.2">
      <c r="A51" s="8">
        <v>38</v>
      </c>
      <c r="B51" s="53" t="s">
        <v>219</v>
      </c>
      <c r="C51" s="53" t="s">
        <v>219</v>
      </c>
      <c r="D51" s="62" t="s">
        <v>219</v>
      </c>
    </row>
    <row r="52" spans="1:4" ht="18" customHeight="1" x14ac:dyDescent="0.2">
      <c r="A52" s="8">
        <v>39</v>
      </c>
      <c r="B52" s="53" t="s">
        <v>219</v>
      </c>
      <c r="C52" s="53" t="s">
        <v>219</v>
      </c>
      <c r="D52" s="62" t="s">
        <v>219</v>
      </c>
    </row>
    <row r="53" spans="1:4" ht="18" customHeight="1" x14ac:dyDescent="0.2">
      <c r="A53" s="8" t="s">
        <v>17</v>
      </c>
      <c r="B53" s="53" t="s">
        <v>219</v>
      </c>
      <c r="C53" s="53" t="s">
        <v>219</v>
      </c>
      <c r="D53" s="62" t="s">
        <v>219</v>
      </c>
    </row>
    <row r="54" spans="1:4" ht="18" customHeight="1" x14ac:dyDescent="0.2">
      <c r="A54" s="8">
        <v>40</v>
      </c>
      <c r="B54" s="53" t="s">
        <v>219</v>
      </c>
      <c r="C54" s="53" t="s">
        <v>219</v>
      </c>
      <c r="D54" s="62" t="s">
        <v>219</v>
      </c>
    </row>
    <row r="55" spans="1:4" ht="18" customHeight="1" x14ac:dyDescent="0.2">
      <c r="A55" s="8">
        <v>41</v>
      </c>
      <c r="B55" s="53" t="s">
        <v>219</v>
      </c>
      <c r="C55" s="53" t="s">
        <v>219</v>
      </c>
      <c r="D55" s="62" t="s">
        <v>219</v>
      </c>
    </row>
    <row r="56" spans="1:4" ht="18" customHeight="1" x14ac:dyDescent="0.2">
      <c r="A56" s="8">
        <v>42</v>
      </c>
      <c r="B56" s="53" t="s">
        <v>219</v>
      </c>
      <c r="C56" s="53" t="s">
        <v>219</v>
      </c>
      <c r="D56" s="62" t="s">
        <v>219</v>
      </c>
    </row>
    <row r="57" spans="1:4" ht="18" customHeight="1" x14ac:dyDescent="0.2">
      <c r="A57" s="8">
        <v>43</v>
      </c>
      <c r="B57" s="53" t="s">
        <v>219</v>
      </c>
      <c r="C57" s="53" t="s">
        <v>219</v>
      </c>
      <c r="D57" s="62" t="s">
        <v>219</v>
      </c>
    </row>
    <row r="58" spans="1:4" ht="18" customHeight="1" x14ac:dyDescent="0.2">
      <c r="A58" s="8">
        <v>44</v>
      </c>
      <c r="B58" s="53" t="s">
        <v>219</v>
      </c>
      <c r="C58" s="53" t="s">
        <v>219</v>
      </c>
      <c r="D58" s="62" t="s">
        <v>219</v>
      </c>
    </row>
    <row r="59" spans="1:4" ht="18" customHeight="1" x14ac:dyDescent="0.2">
      <c r="A59" s="8" t="s">
        <v>16</v>
      </c>
      <c r="B59" s="53" t="s">
        <v>219</v>
      </c>
      <c r="C59" s="53" t="s">
        <v>219</v>
      </c>
      <c r="D59" s="62" t="s">
        <v>219</v>
      </c>
    </row>
    <row r="60" spans="1:4" ht="18" customHeight="1" x14ac:dyDescent="0.2">
      <c r="A60" s="8">
        <v>45</v>
      </c>
      <c r="B60" s="53" t="s">
        <v>219</v>
      </c>
      <c r="C60" s="53" t="s">
        <v>219</v>
      </c>
      <c r="D60" s="62" t="s">
        <v>219</v>
      </c>
    </row>
    <row r="61" spans="1:4" ht="18" customHeight="1" x14ac:dyDescent="0.2">
      <c r="A61" s="8">
        <v>46</v>
      </c>
      <c r="B61" s="53" t="s">
        <v>219</v>
      </c>
      <c r="C61" s="53" t="s">
        <v>219</v>
      </c>
      <c r="D61" s="62" t="s">
        <v>219</v>
      </c>
    </row>
    <row r="62" spans="1:4" ht="18" customHeight="1" x14ac:dyDescent="0.2">
      <c r="A62" s="8">
        <v>47</v>
      </c>
      <c r="B62" s="53" t="s">
        <v>219</v>
      </c>
      <c r="C62" s="53" t="s">
        <v>219</v>
      </c>
      <c r="D62" s="62" t="s">
        <v>219</v>
      </c>
    </row>
    <row r="63" spans="1:4" ht="18" customHeight="1" x14ac:dyDescent="0.2">
      <c r="A63" s="8">
        <v>48</v>
      </c>
      <c r="B63" s="53" t="s">
        <v>219</v>
      </c>
      <c r="C63" s="53" t="s">
        <v>219</v>
      </c>
      <c r="D63" s="62" t="s">
        <v>219</v>
      </c>
    </row>
    <row r="64" spans="1:4" ht="18" customHeight="1" x14ac:dyDescent="0.2">
      <c r="A64" s="8">
        <v>49</v>
      </c>
      <c r="B64" s="53" t="s">
        <v>219</v>
      </c>
      <c r="C64" s="53" t="s">
        <v>219</v>
      </c>
      <c r="D64" s="62" t="s">
        <v>219</v>
      </c>
    </row>
    <row r="65" spans="1:4" ht="18" customHeight="1" x14ac:dyDescent="0.2">
      <c r="A65" s="8" t="s">
        <v>15</v>
      </c>
      <c r="B65" s="53" t="s">
        <v>219</v>
      </c>
      <c r="C65" s="53" t="s">
        <v>219</v>
      </c>
      <c r="D65" s="62" t="s">
        <v>219</v>
      </c>
    </row>
    <row r="66" spans="1:4" ht="18" customHeight="1" x14ac:dyDescent="0.2">
      <c r="A66" s="8">
        <v>50</v>
      </c>
      <c r="B66" s="53" t="s">
        <v>219</v>
      </c>
      <c r="C66" s="53" t="s">
        <v>219</v>
      </c>
      <c r="D66" s="62" t="s">
        <v>219</v>
      </c>
    </row>
    <row r="67" spans="1:4" ht="18" customHeight="1" x14ac:dyDescent="0.2">
      <c r="A67" s="8">
        <v>51</v>
      </c>
      <c r="B67" s="53" t="s">
        <v>219</v>
      </c>
      <c r="C67" s="53" t="s">
        <v>219</v>
      </c>
      <c r="D67" s="62" t="s">
        <v>219</v>
      </c>
    </row>
    <row r="68" spans="1:4" ht="18" customHeight="1" x14ac:dyDescent="0.2">
      <c r="A68" s="8">
        <v>52</v>
      </c>
      <c r="B68" s="53" t="s">
        <v>219</v>
      </c>
      <c r="C68" s="53" t="s">
        <v>219</v>
      </c>
      <c r="D68" s="62" t="s">
        <v>219</v>
      </c>
    </row>
    <row r="69" spans="1:4" ht="18" customHeight="1" x14ac:dyDescent="0.2">
      <c r="A69" s="8">
        <v>53</v>
      </c>
      <c r="B69" s="53" t="s">
        <v>219</v>
      </c>
      <c r="C69" s="53" t="s">
        <v>219</v>
      </c>
      <c r="D69" s="62" t="s">
        <v>219</v>
      </c>
    </row>
    <row r="70" spans="1:4" ht="18" customHeight="1" x14ac:dyDescent="0.2">
      <c r="A70" s="8">
        <v>54</v>
      </c>
      <c r="B70" s="53" t="s">
        <v>219</v>
      </c>
      <c r="C70" s="53" t="s">
        <v>219</v>
      </c>
      <c r="D70" s="62" t="s">
        <v>219</v>
      </c>
    </row>
    <row r="71" spans="1:4" ht="18" customHeight="1" x14ac:dyDescent="0.2">
      <c r="A71" s="8" t="s">
        <v>14</v>
      </c>
      <c r="B71" s="53" t="s">
        <v>219</v>
      </c>
      <c r="C71" s="53" t="s">
        <v>219</v>
      </c>
      <c r="D71" s="62" t="s">
        <v>219</v>
      </c>
    </row>
    <row r="72" spans="1:4" ht="18" customHeight="1" x14ac:dyDescent="0.2">
      <c r="A72" s="8">
        <v>55</v>
      </c>
      <c r="B72" s="53" t="s">
        <v>219</v>
      </c>
      <c r="C72" s="53" t="s">
        <v>219</v>
      </c>
      <c r="D72" s="62" t="s">
        <v>219</v>
      </c>
    </row>
    <row r="73" spans="1:4" ht="18" customHeight="1" x14ac:dyDescent="0.2">
      <c r="A73" s="8">
        <v>56</v>
      </c>
      <c r="B73" s="53" t="s">
        <v>219</v>
      </c>
      <c r="C73" s="53" t="s">
        <v>219</v>
      </c>
      <c r="D73" s="62" t="s">
        <v>219</v>
      </c>
    </row>
    <row r="74" spans="1:4" ht="18" customHeight="1" x14ac:dyDescent="0.2">
      <c r="A74" s="8">
        <v>57</v>
      </c>
      <c r="B74" s="53" t="s">
        <v>219</v>
      </c>
      <c r="C74" s="53" t="s">
        <v>219</v>
      </c>
      <c r="D74" s="62" t="s">
        <v>219</v>
      </c>
    </row>
    <row r="75" spans="1:4" ht="18" customHeight="1" x14ac:dyDescent="0.2">
      <c r="A75" s="8">
        <v>58</v>
      </c>
      <c r="B75" s="53" t="s">
        <v>219</v>
      </c>
      <c r="C75" s="53" t="s">
        <v>219</v>
      </c>
      <c r="D75" s="62" t="s">
        <v>219</v>
      </c>
    </row>
    <row r="76" spans="1:4" ht="18" customHeight="1" x14ac:dyDescent="0.2">
      <c r="A76" s="8">
        <v>59</v>
      </c>
      <c r="B76" s="53" t="s">
        <v>219</v>
      </c>
      <c r="C76" s="53" t="s">
        <v>219</v>
      </c>
      <c r="D76" s="62" t="s">
        <v>219</v>
      </c>
    </row>
    <row r="77" spans="1:4" ht="18" customHeight="1" x14ac:dyDescent="0.2">
      <c r="A77" s="8" t="s">
        <v>13</v>
      </c>
      <c r="B77" s="53" t="s">
        <v>219</v>
      </c>
      <c r="C77" s="53" t="s">
        <v>219</v>
      </c>
      <c r="D77" s="62" t="s">
        <v>219</v>
      </c>
    </row>
    <row r="78" spans="1:4" ht="18" customHeight="1" x14ac:dyDescent="0.2">
      <c r="A78" s="8">
        <v>60</v>
      </c>
      <c r="B78" s="53" t="s">
        <v>219</v>
      </c>
      <c r="C78" s="53" t="s">
        <v>219</v>
      </c>
      <c r="D78" s="62" t="s">
        <v>219</v>
      </c>
    </row>
    <row r="79" spans="1:4" ht="18" customHeight="1" x14ac:dyDescent="0.2">
      <c r="A79" s="8">
        <v>61</v>
      </c>
      <c r="B79" s="53" t="s">
        <v>219</v>
      </c>
      <c r="C79" s="53" t="s">
        <v>219</v>
      </c>
      <c r="D79" s="62" t="s">
        <v>219</v>
      </c>
    </row>
    <row r="80" spans="1:4" ht="18" customHeight="1" x14ac:dyDescent="0.2">
      <c r="A80" s="8">
        <v>62</v>
      </c>
      <c r="B80" s="53" t="s">
        <v>219</v>
      </c>
      <c r="C80" s="53" t="s">
        <v>219</v>
      </c>
      <c r="D80" s="62" t="s">
        <v>219</v>
      </c>
    </row>
    <row r="81" spans="1:4" ht="18" customHeight="1" x14ac:dyDescent="0.2">
      <c r="A81" s="8">
        <v>63</v>
      </c>
      <c r="B81" s="53" t="s">
        <v>219</v>
      </c>
      <c r="C81" s="53" t="s">
        <v>219</v>
      </c>
      <c r="D81" s="62" t="s">
        <v>219</v>
      </c>
    </row>
    <row r="82" spans="1:4" ht="18" customHeight="1" x14ac:dyDescent="0.2">
      <c r="A82" s="8">
        <v>64</v>
      </c>
      <c r="B82" s="53" t="s">
        <v>219</v>
      </c>
      <c r="C82" s="53" t="s">
        <v>219</v>
      </c>
      <c r="D82" s="62" t="s">
        <v>219</v>
      </c>
    </row>
    <row r="83" spans="1:4" ht="18" customHeight="1" x14ac:dyDescent="0.2">
      <c r="A83" s="8" t="s">
        <v>12</v>
      </c>
      <c r="B83" s="53" t="s">
        <v>219</v>
      </c>
      <c r="C83" s="53" t="s">
        <v>219</v>
      </c>
      <c r="D83" s="62" t="s">
        <v>219</v>
      </c>
    </row>
    <row r="84" spans="1:4" ht="18" customHeight="1" x14ac:dyDescent="0.2">
      <c r="A84" s="8" t="s">
        <v>11</v>
      </c>
      <c r="B84" s="35">
        <v>35</v>
      </c>
      <c r="C84" s="13">
        <v>32</v>
      </c>
      <c r="D84" s="12">
        <v>67</v>
      </c>
    </row>
    <row r="85" spans="1:4" ht="18" customHeight="1" x14ac:dyDescent="0.2">
      <c r="A85" s="8">
        <v>65</v>
      </c>
      <c r="B85" s="53" t="s">
        <v>219</v>
      </c>
      <c r="C85" s="53" t="s">
        <v>219</v>
      </c>
      <c r="D85" s="62" t="s">
        <v>219</v>
      </c>
    </row>
    <row r="86" spans="1:4" ht="18" customHeight="1" x14ac:dyDescent="0.2">
      <c r="A86" s="8">
        <v>66</v>
      </c>
      <c r="B86" s="53" t="s">
        <v>219</v>
      </c>
      <c r="C86" s="53" t="s">
        <v>219</v>
      </c>
      <c r="D86" s="62" t="s">
        <v>219</v>
      </c>
    </row>
    <row r="87" spans="1:4" ht="18" customHeight="1" x14ac:dyDescent="0.2">
      <c r="A87" s="8">
        <v>67</v>
      </c>
      <c r="B87" s="53" t="s">
        <v>219</v>
      </c>
      <c r="C87" s="53" t="s">
        <v>219</v>
      </c>
      <c r="D87" s="62" t="s">
        <v>219</v>
      </c>
    </row>
    <row r="88" spans="1:4" ht="18" customHeight="1" x14ac:dyDescent="0.2">
      <c r="A88" s="8">
        <v>68</v>
      </c>
      <c r="B88" s="53" t="s">
        <v>219</v>
      </c>
      <c r="C88" s="53" t="s">
        <v>219</v>
      </c>
      <c r="D88" s="62" t="s">
        <v>219</v>
      </c>
    </row>
    <row r="89" spans="1:4" ht="18" customHeight="1" x14ac:dyDescent="0.2">
      <c r="A89" s="8">
        <v>69</v>
      </c>
      <c r="B89" s="53" t="s">
        <v>219</v>
      </c>
      <c r="C89" s="53" t="s">
        <v>219</v>
      </c>
      <c r="D89" s="62" t="s">
        <v>219</v>
      </c>
    </row>
    <row r="90" spans="1:4" ht="18" customHeight="1" x14ac:dyDescent="0.2">
      <c r="A90" s="8" t="s">
        <v>10</v>
      </c>
      <c r="B90" s="53" t="s">
        <v>219</v>
      </c>
      <c r="C90" s="53" t="s">
        <v>219</v>
      </c>
      <c r="D90" s="62" t="s">
        <v>219</v>
      </c>
    </row>
    <row r="91" spans="1:4" ht="18" customHeight="1" x14ac:dyDescent="0.2">
      <c r="A91" s="8">
        <v>70</v>
      </c>
      <c r="B91" s="53" t="s">
        <v>219</v>
      </c>
      <c r="C91" s="53" t="s">
        <v>219</v>
      </c>
      <c r="D91" s="62" t="s">
        <v>219</v>
      </c>
    </row>
    <row r="92" spans="1:4" ht="18" customHeight="1" x14ac:dyDescent="0.2">
      <c r="A92" s="8">
        <v>71</v>
      </c>
      <c r="B92" s="53" t="s">
        <v>219</v>
      </c>
      <c r="C92" s="53" t="s">
        <v>219</v>
      </c>
      <c r="D92" s="62" t="s">
        <v>219</v>
      </c>
    </row>
    <row r="93" spans="1:4" ht="18" customHeight="1" x14ac:dyDescent="0.2">
      <c r="A93" s="8">
        <v>72</v>
      </c>
      <c r="B93" s="53" t="s">
        <v>219</v>
      </c>
      <c r="C93" s="53" t="s">
        <v>219</v>
      </c>
      <c r="D93" s="62" t="s">
        <v>219</v>
      </c>
    </row>
    <row r="94" spans="1:4" ht="18" customHeight="1" x14ac:dyDescent="0.2">
      <c r="A94" s="8">
        <v>73</v>
      </c>
      <c r="B94" s="53" t="s">
        <v>219</v>
      </c>
      <c r="C94" s="53" t="s">
        <v>219</v>
      </c>
      <c r="D94" s="62" t="s">
        <v>219</v>
      </c>
    </row>
    <row r="95" spans="1:4" ht="18" customHeight="1" x14ac:dyDescent="0.2">
      <c r="A95" s="8">
        <v>74</v>
      </c>
      <c r="B95" s="53" t="s">
        <v>219</v>
      </c>
      <c r="C95" s="53" t="s">
        <v>219</v>
      </c>
      <c r="D95" s="62" t="s">
        <v>219</v>
      </c>
    </row>
    <row r="96" spans="1:4" ht="18" customHeight="1" x14ac:dyDescent="0.2">
      <c r="A96" s="8" t="s">
        <v>9</v>
      </c>
      <c r="B96" s="53" t="s">
        <v>219</v>
      </c>
      <c r="C96" s="53" t="s">
        <v>219</v>
      </c>
      <c r="D96" s="62" t="s">
        <v>219</v>
      </c>
    </row>
    <row r="97" spans="1:4" ht="18" customHeight="1" x14ac:dyDescent="0.2">
      <c r="A97" s="8">
        <v>75</v>
      </c>
      <c r="B97" s="53" t="s">
        <v>219</v>
      </c>
      <c r="C97" s="53" t="s">
        <v>219</v>
      </c>
      <c r="D97" s="62" t="s">
        <v>219</v>
      </c>
    </row>
    <row r="98" spans="1:4" ht="18" customHeight="1" x14ac:dyDescent="0.2">
      <c r="A98" s="8">
        <v>76</v>
      </c>
      <c r="B98" s="53" t="s">
        <v>219</v>
      </c>
      <c r="C98" s="53" t="s">
        <v>219</v>
      </c>
      <c r="D98" s="62" t="s">
        <v>219</v>
      </c>
    </row>
    <row r="99" spans="1:4" ht="18" customHeight="1" x14ac:dyDescent="0.2">
      <c r="A99" s="8">
        <v>77</v>
      </c>
      <c r="B99" s="53" t="s">
        <v>219</v>
      </c>
      <c r="C99" s="53" t="s">
        <v>219</v>
      </c>
      <c r="D99" s="62" t="s">
        <v>219</v>
      </c>
    </row>
    <row r="100" spans="1:4" ht="18" customHeight="1" x14ac:dyDescent="0.2">
      <c r="A100" s="8">
        <v>78</v>
      </c>
      <c r="B100" s="53" t="s">
        <v>219</v>
      </c>
      <c r="C100" s="53" t="s">
        <v>219</v>
      </c>
      <c r="D100" s="62" t="s">
        <v>219</v>
      </c>
    </row>
    <row r="101" spans="1:4" ht="18" customHeight="1" x14ac:dyDescent="0.2">
      <c r="A101" s="8">
        <v>79</v>
      </c>
      <c r="B101" s="53" t="s">
        <v>219</v>
      </c>
      <c r="C101" s="53" t="s">
        <v>219</v>
      </c>
      <c r="D101" s="62" t="s">
        <v>219</v>
      </c>
    </row>
    <row r="102" spans="1:4" ht="18" customHeight="1" x14ac:dyDescent="0.2">
      <c r="A102" s="8" t="s">
        <v>8</v>
      </c>
      <c r="B102" s="53" t="s">
        <v>219</v>
      </c>
      <c r="C102" s="53" t="s">
        <v>219</v>
      </c>
      <c r="D102" s="62" t="s">
        <v>219</v>
      </c>
    </row>
    <row r="103" spans="1:4" ht="18" customHeight="1" x14ac:dyDescent="0.2">
      <c r="A103" s="8">
        <v>80</v>
      </c>
      <c r="B103" s="53" t="s">
        <v>219</v>
      </c>
      <c r="C103" s="53" t="s">
        <v>219</v>
      </c>
      <c r="D103" s="62" t="s">
        <v>219</v>
      </c>
    </row>
    <row r="104" spans="1:4" ht="18" customHeight="1" x14ac:dyDescent="0.2">
      <c r="A104" s="8">
        <v>81</v>
      </c>
      <c r="B104" s="53" t="s">
        <v>219</v>
      </c>
      <c r="C104" s="53" t="s">
        <v>219</v>
      </c>
      <c r="D104" s="62" t="s">
        <v>219</v>
      </c>
    </row>
    <row r="105" spans="1:4" ht="18" customHeight="1" x14ac:dyDescent="0.2">
      <c r="A105" s="8">
        <v>82</v>
      </c>
      <c r="B105" s="53" t="s">
        <v>219</v>
      </c>
      <c r="C105" s="53" t="s">
        <v>219</v>
      </c>
      <c r="D105" s="62" t="s">
        <v>219</v>
      </c>
    </row>
    <row r="106" spans="1:4" ht="18" customHeight="1" x14ac:dyDescent="0.2">
      <c r="A106" s="8">
        <v>83</v>
      </c>
      <c r="B106" s="53" t="s">
        <v>219</v>
      </c>
      <c r="C106" s="53" t="s">
        <v>219</v>
      </c>
      <c r="D106" s="62" t="s">
        <v>219</v>
      </c>
    </row>
    <row r="107" spans="1:4" ht="18" customHeight="1" x14ac:dyDescent="0.2">
      <c r="A107" s="8">
        <v>84</v>
      </c>
      <c r="B107" s="53" t="s">
        <v>219</v>
      </c>
      <c r="C107" s="53" t="s">
        <v>219</v>
      </c>
      <c r="D107" s="62" t="s">
        <v>219</v>
      </c>
    </row>
    <row r="108" spans="1:4" ht="18" customHeight="1" x14ac:dyDescent="0.2">
      <c r="A108" s="8" t="s">
        <v>7</v>
      </c>
      <c r="B108" s="53" t="s">
        <v>219</v>
      </c>
      <c r="C108" s="53" t="s">
        <v>219</v>
      </c>
      <c r="D108" s="62" t="s">
        <v>219</v>
      </c>
    </row>
    <row r="109" spans="1:4" ht="18" customHeight="1" x14ac:dyDescent="0.2">
      <c r="A109" s="8">
        <v>85</v>
      </c>
      <c r="B109" s="53" t="s">
        <v>219</v>
      </c>
      <c r="C109" s="53" t="s">
        <v>219</v>
      </c>
      <c r="D109" s="62" t="s">
        <v>219</v>
      </c>
    </row>
    <row r="110" spans="1:4" ht="18" customHeight="1" x14ac:dyDescent="0.2">
      <c r="A110" s="8">
        <v>86</v>
      </c>
      <c r="B110" s="53" t="s">
        <v>219</v>
      </c>
      <c r="C110" s="53" t="s">
        <v>219</v>
      </c>
      <c r="D110" s="62" t="s">
        <v>219</v>
      </c>
    </row>
    <row r="111" spans="1:4" ht="18" customHeight="1" x14ac:dyDescent="0.2">
      <c r="A111" s="8">
        <v>87</v>
      </c>
      <c r="B111" s="53" t="s">
        <v>219</v>
      </c>
      <c r="C111" s="53" t="s">
        <v>219</v>
      </c>
      <c r="D111" s="62" t="s">
        <v>219</v>
      </c>
    </row>
    <row r="112" spans="1:4" ht="18" customHeight="1" x14ac:dyDescent="0.2">
      <c r="A112" s="8">
        <v>88</v>
      </c>
      <c r="B112" s="53" t="s">
        <v>219</v>
      </c>
      <c r="C112" s="53" t="s">
        <v>219</v>
      </c>
      <c r="D112" s="62" t="s">
        <v>219</v>
      </c>
    </row>
    <row r="113" spans="1:4" ht="18" customHeight="1" x14ac:dyDescent="0.2">
      <c r="A113" s="8">
        <v>89</v>
      </c>
      <c r="B113" s="53" t="s">
        <v>219</v>
      </c>
      <c r="C113" s="53" t="s">
        <v>219</v>
      </c>
      <c r="D113" s="62" t="s">
        <v>219</v>
      </c>
    </row>
    <row r="114" spans="1:4" ht="18" customHeight="1" x14ac:dyDescent="0.2">
      <c r="A114" s="8" t="s">
        <v>6</v>
      </c>
      <c r="B114" s="53" t="s">
        <v>219</v>
      </c>
      <c r="C114" s="53" t="s">
        <v>219</v>
      </c>
      <c r="D114" s="62" t="s">
        <v>219</v>
      </c>
    </row>
    <row r="115" spans="1:4" ht="18" customHeight="1" x14ac:dyDescent="0.2">
      <c r="A115" s="8">
        <v>90</v>
      </c>
      <c r="B115" s="53" t="s">
        <v>219</v>
      </c>
      <c r="C115" s="53" t="s">
        <v>219</v>
      </c>
      <c r="D115" s="62" t="s">
        <v>219</v>
      </c>
    </row>
    <row r="116" spans="1:4" ht="18" customHeight="1" x14ac:dyDescent="0.2">
      <c r="A116" s="8">
        <v>91</v>
      </c>
      <c r="B116" s="53" t="s">
        <v>219</v>
      </c>
      <c r="C116" s="53" t="s">
        <v>219</v>
      </c>
      <c r="D116" s="62" t="s">
        <v>219</v>
      </c>
    </row>
    <row r="117" spans="1:4" ht="18" customHeight="1" x14ac:dyDescent="0.2">
      <c r="A117" s="8">
        <v>92</v>
      </c>
      <c r="B117" s="53" t="s">
        <v>219</v>
      </c>
      <c r="C117" s="53" t="s">
        <v>219</v>
      </c>
      <c r="D117" s="62" t="s">
        <v>219</v>
      </c>
    </row>
    <row r="118" spans="1:4" ht="18" customHeight="1" x14ac:dyDescent="0.2">
      <c r="A118" s="8">
        <v>93</v>
      </c>
      <c r="B118" s="53" t="s">
        <v>219</v>
      </c>
      <c r="C118" s="53" t="s">
        <v>219</v>
      </c>
      <c r="D118" s="62" t="s">
        <v>219</v>
      </c>
    </row>
    <row r="119" spans="1:4" ht="18" customHeight="1" x14ac:dyDescent="0.2">
      <c r="A119" s="8">
        <v>94</v>
      </c>
      <c r="B119" s="53" t="s">
        <v>219</v>
      </c>
      <c r="C119" s="53" t="s">
        <v>219</v>
      </c>
      <c r="D119" s="62" t="s">
        <v>219</v>
      </c>
    </row>
    <row r="120" spans="1:4" ht="18" customHeight="1" x14ac:dyDescent="0.2">
      <c r="A120" s="8" t="s">
        <v>5</v>
      </c>
      <c r="B120" s="53" t="s">
        <v>219</v>
      </c>
      <c r="C120" s="53" t="s">
        <v>219</v>
      </c>
      <c r="D120" s="62" t="s">
        <v>219</v>
      </c>
    </row>
    <row r="121" spans="1:4" ht="18" customHeight="1" x14ac:dyDescent="0.2">
      <c r="A121" s="8">
        <v>95</v>
      </c>
      <c r="B121" s="53" t="s">
        <v>219</v>
      </c>
      <c r="C121" s="53" t="s">
        <v>219</v>
      </c>
      <c r="D121" s="62" t="s">
        <v>219</v>
      </c>
    </row>
    <row r="122" spans="1:4" ht="18" customHeight="1" x14ac:dyDescent="0.2">
      <c r="A122" s="8">
        <v>96</v>
      </c>
      <c r="B122" s="53" t="s">
        <v>219</v>
      </c>
      <c r="C122" s="53" t="s">
        <v>219</v>
      </c>
      <c r="D122" s="62" t="s">
        <v>219</v>
      </c>
    </row>
    <row r="123" spans="1:4" ht="18" customHeight="1" x14ac:dyDescent="0.2">
      <c r="A123" s="8">
        <v>97</v>
      </c>
      <c r="B123" s="53" t="s">
        <v>219</v>
      </c>
      <c r="C123" s="53" t="s">
        <v>219</v>
      </c>
      <c r="D123" s="62" t="s">
        <v>219</v>
      </c>
    </row>
    <row r="124" spans="1:4" ht="18" customHeight="1" x14ac:dyDescent="0.2">
      <c r="A124" s="8">
        <v>98</v>
      </c>
      <c r="B124" s="53" t="s">
        <v>219</v>
      </c>
      <c r="C124" s="53" t="s">
        <v>219</v>
      </c>
      <c r="D124" s="62" t="s">
        <v>219</v>
      </c>
    </row>
    <row r="125" spans="1:4" ht="18" customHeight="1" x14ac:dyDescent="0.2">
      <c r="A125" s="8">
        <v>99</v>
      </c>
      <c r="B125" s="53" t="s">
        <v>219</v>
      </c>
      <c r="C125" s="53" t="s">
        <v>219</v>
      </c>
      <c r="D125" s="62" t="s">
        <v>219</v>
      </c>
    </row>
    <row r="126" spans="1:4" ht="18" customHeight="1" x14ac:dyDescent="0.2">
      <c r="A126" s="8" t="s">
        <v>4</v>
      </c>
      <c r="B126" s="53" t="s">
        <v>219</v>
      </c>
      <c r="C126" s="53" t="s">
        <v>219</v>
      </c>
      <c r="D126" s="62" t="s">
        <v>219</v>
      </c>
    </row>
    <row r="127" spans="1:4" ht="18" customHeight="1" x14ac:dyDescent="0.2">
      <c r="A127" s="8">
        <v>100</v>
      </c>
      <c r="B127" s="53" t="s">
        <v>219</v>
      </c>
      <c r="C127" s="53" t="s">
        <v>219</v>
      </c>
      <c r="D127" s="62" t="s">
        <v>219</v>
      </c>
    </row>
    <row r="128" spans="1:4" ht="18" customHeight="1" x14ac:dyDescent="0.2">
      <c r="A128" s="15" t="s">
        <v>3</v>
      </c>
      <c r="B128" s="53" t="s">
        <v>219</v>
      </c>
      <c r="C128" s="53" t="s">
        <v>219</v>
      </c>
      <c r="D128" s="62" t="s">
        <v>219</v>
      </c>
    </row>
    <row r="129" spans="1:4" ht="18" customHeight="1" x14ac:dyDescent="0.2">
      <c r="A129" s="8" t="s">
        <v>2</v>
      </c>
      <c r="B129" s="53" t="s">
        <v>219</v>
      </c>
      <c r="C129" s="53" t="s">
        <v>219</v>
      </c>
      <c r="D129" s="62" t="s">
        <v>219</v>
      </c>
    </row>
    <row r="130" spans="1:4" ht="18" customHeight="1" x14ac:dyDescent="0.2">
      <c r="A130" s="8" t="s">
        <v>1</v>
      </c>
      <c r="B130" s="28">
        <v>41</v>
      </c>
      <c r="C130" s="6">
        <v>37</v>
      </c>
      <c r="D130" s="5">
        <v>78</v>
      </c>
    </row>
    <row r="131" spans="1:4" ht="18" customHeight="1" x14ac:dyDescent="0.2">
      <c r="A131" s="4" t="s">
        <v>0</v>
      </c>
      <c r="B131" s="27">
        <v>82</v>
      </c>
      <c r="C131" s="2">
        <v>78</v>
      </c>
      <c r="D131" s="1">
        <v>16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F96440A-7954-4813-A7CF-C96D97B88130}">
  <sheetPr codeName="Sheet9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115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0</v>
      </c>
      <c r="C5" s="45">
        <v>1</v>
      </c>
      <c r="D5" s="44">
        <v>1</v>
      </c>
    </row>
    <row r="6" spans="1:4" ht="18" customHeight="1" x14ac:dyDescent="0.2">
      <c r="A6" s="8">
        <v>1</v>
      </c>
      <c r="B6" s="40">
        <v>0</v>
      </c>
      <c r="C6" s="13">
        <v>0</v>
      </c>
      <c r="D6" s="12">
        <v>0</v>
      </c>
    </row>
    <row r="7" spans="1:4" ht="18" customHeight="1" x14ac:dyDescent="0.2">
      <c r="A7" s="8">
        <v>2</v>
      </c>
      <c r="B7" s="40">
        <v>0</v>
      </c>
      <c r="C7" s="13">
        <v>0</v>
      </c>
      <c r="D7" s="12">
        <v>0</v>
      </c>
    </row>
    <row r="8" spans="1:4" ht="18" customHeight="1" x14ac:dyDescent="0.2">
      <c r="A8" s="8">
        <v>3</v>
      </c>
      <c r="B8" s="40">
        <v>1</v>
      </c>
      <c r="C8" s="13">
        <v>1</v>
      </c>
      <c r="D8" s="12">
        <v>2</v>
      </c>
    </row>
    <row r="9" spans="1:4" ht="18" customHeight="1" x14ac:dyDescent="0.2">
      <c r="A9" s="8">
        <v>4</v>
      </c>
      <c r="B9" s="43">
        <v>0</v>
      </c>
      <c r="C9" s="42">
        <v>0</v>
      </c>
      <c r="D9" s="41">
        <v>0</v>
      </c>
    </row>
    <row r="10" spans="1:4" ht="18" customHeight="1" x14ac:dyDescent="0.2">
      <c r="A10" s="8" t="s">
        <v>25</v>
      </c>
      <c r="B10" s="35">
        <v>1</v>
      </c>
      <c r="C10" s="13">
        <v>2</v>
      </c>
      <c r="D10" s="12">
        <v>3</v>
      </c>
    </row>
    <row r="11" spans="1:4" ht="18" customHeight="1" x14ac:dyDescent="0.2">
      <c r="A11" s="8">
        <v>5</v>
      </c>
      <c r="B11" s="40">
        <v>0</v>
      </c>
      <c r="C11" s="13">
        <v>1</v>
      </c>
      <c r="D11" s="12">
        <v>1</v>
      </c>
    </row>
    <row r="12" spans="1:4" ht="18" customHeight="1" x14ac:dyDescent="0.2">
      <c r="A12" s="8">
        <v>6</v>
      </c>
      <c r="B12" s="40">
        <v>2</v>
      </c>
      <c r="C12" s="13">
        <v>0</v>
      </c>
      <c r="D12" s="12">
        <v>2</v>
      </c>
    </row>
    <row r="13" spans="1:4" ht="18" customHeight="1" x14ac:dyDescent="0.2">
      <c r="A13" s="8">
        <v>7</v>
      </c>
      <c r="B13" s="40">
        <v>0</v>
      </c>
      <c r="C13" s="13">
        <v>0</v>
      </c>
      <c r="D13" s="12">
        <v>0</v>
      </c>
    </row>
    <row r="14" spans="1:4" ht="18" customHeight="1" x14ac:dyDescent="0.2">
      <c r="A14" s="8">
        <v>8</v>
      </c>
      <c r="B14" s="40">
        <v>2</v>
      </c>
      <c r="C14" s="13">
        <v>1</v>
      </c>
      <c r="D14" s="12">
        <v>3</v>
      </c>
    </row>
    <row r="15" spans="1:4" ht="18" customHeight="1" x14ac:dyDescent="0.2">
      <c r="A15" s="8">
        <v>9</v>
      </c>
      <c r="B15" s="40">
        <v>0</v>
      </c>
      <c r="C15" s="13">
        <v>0</v>
      </c>
      <c r="D15" s="12">
        <v>0</v>
      </c>
    </row>
    <row r="16" spans="1:4" ht="18" customHeight="1" x14ac:dyDescent="0.2">
      <c r="A16" s="8" t="s">
        <v>24</v>
      </c>
      <c r="B16" s="35">
        <v>4</v>
      </c>
      <c r="C16" s="13">
        <v>2</v>
      </c>
      <c r="D16" s="12">
        <v>6</v>
      </c>
    </row>
    <row r="17" spans="1:4" ht="18" customHeight="1" x14ac:dyDescent="0.2">
      <c r="A17" s="8">
        <v>10</v>
      </c>
      <c r="B17" s="35">
        <v>1</v>
      </c>
      <c r="C17" s="13">
        <v>0</v>
      </c>
      <c r="D17" s="12">
        <v>1</v>
      </c>
    </row>
    <row r="18" spans="1:4" ht="18" customHeight="1" x14ac:dyDescent="0.2">
      <c r="A18" s="8">
        <v>11</v>
      </c>
      <c r="B18" s="35">
        <v>2</v>
      </c>
      <c r="C18" s="13">
        <v>1</v>
      </c>
      <c r="D18" s="12">
        <v>3</v>
      </c>
    </row>
    <row r="19" spans="1:4" ht="18" customHeight="1" x14ac:dyDescent="0.2">
      <c r="A19" s="8">
        <v>12</v>
      </c>
      <c r="B19" s="35">
        <v>2</v>
      </c>
      <c r="C19" s="13">
        <v>0</v>
      </c>
      <c r="D19" s="12">
        <v>2</v>
      </c>
    </row>
    <row r="20" spans="1:4" ht="18" customHeight="1" x14ac:dyDescent="0.2">
      <c r="A20" s="8">
        <v>13</v>
      </c>
      <c r="B20" s="35">
        <v>0</v>
      </c>
      <c r="C20" s="13">
        <v>0</v>
      </c>
      <c r="D20" s="12">
        <v>0</v>
      </c>
    </row>
    <row r="21" spans="1:4" ht="18" customHeight="1" x14ac:dyDescent="0.2">
      <c r="A21" s="8">
        <v>14</v>
      </c>
      <c r="B21" s="35">
        <v>1</v>
      </c>
      <c r="C21" s="13">
        <v>1</v>
      </c>
      <c r="D21" s="12">
        <v>2</v>
      </c>
    </row>
    <row r="22" spans="1:4" ht="18" customHeight="1" x14ac:dyDescent="0.2">
      <c r="A22" s="8" t="s">
        <v>23</v>
      </c>
      <c r="B22" s="35">
        <v>6</v>
      </c>
      <c r="C22" s="13">
        <v>2</v>
      </c>
      <c r="D22" s="12">
        <v>8</v>
      </c>
    </row>
    <row r="23" spans="1:4" ht="18" customHeight="1" x14ac:dyDescent="0.2">
      <c r="A23" s="8" t="s">
        <v>22</v>
      </c>
      <c r="B23" s="35">
        <v>11</v>
      </c>
      <c r="C23" s="13">
        <v>6</v>
      </c>
      <c r="D23" s="12">
        <v>17</v>
      </c>
    </row>
    <row r="24" spans="1:4" ht="18" customHeight="1" x14ac:dyDescent="0.2">
      <c r="A24" s="8">
        <v>15</v>
      </c>
      <c r="B24" s="35">
        <v>3</v>
      </c>
      <c r="C24" s="13">
        <v>1</v>
      </c>
      <c r="D24" s="12">
        <v>4</v>
      </c>
    </row>
    <row r="25" spans="1:4" ht="18" customHeight="1" x14ac:dyDescent="0.2">
      <c r="A25" s="8">
        <v>16</v>
      </c>
      <c r="B25" s="35">
        <v>1</v>
      </c>
      <c r="C25" s="13">
        <v>1</v>
      </c>
      <c r="D25" s="12">
        <v>2</v>
      </c>
    </row>
    <row r="26" spans="1:4" ht="18" customHeight="1" x14ac:dyDescent="0.2">
      <c r="A26" s="8">
        <v>17</v>
      </c>
      <c r="B26" s="35">
        <v>0</v>
      </c>
      <c r="C26" s="13">
        <v>1</v>
      </c>
      <c r="D26" s="12">
        <v>1</v>
      </c>
    </row>
    <row r="27" spans="1:4" ht="18" customHeight="1" x14ac:dyDescent="0.2">
      <c r="A27" s="8">
        <v>18</v>
      </c>
      <c r="B27" s="35">
        <v>1</v>
      </c>
      <c r="C27" s="13">
        <v>2</v>
      </c>
      <c r="D27" s="12">
        <v>3</v>
      </c>
    </row>
    <row r="28" spans="1:4" ht="18" customHeight="1" x14ac:dyDescent="0.2">
      <c r="A28" s="8">
        <v>19</v>
      </c>
      <c r="B28" s="35">
        <v>2</v>
      </c>
      <c r="C28" s="13">
        <v>1</v>
      </c>
      <c r="D28" s="12">
        <v>3</v>
      </c>
    </row>
    <row r="29" spans="1:4" ht="18" customHeight="1" x14ac:dyDescent="0.2">
      <c r="A29" s="8" t="s">
        <v>21</v>
      </c>
      <c r="B29" s="35">
        <v>7</v>
      </c>
      <c r="C29" s="13">
        <v>6</v>
      </c>
      <c r="D29" s="12">
        <v>13</v>
      </c>
    </row>
    <row r="30" spans="1:4" ht="18" customHeight="1" x14ac:dyDescent="0.2">
      <c r="A30" s="8">
        <v>20</v>
      </c>
      <c r="B30" s="35">
        <v>2</v>
      </c>
      <c r="C30" s="13">
        <v>1</v>
      </c>
      <c r="D30" s="12">
        <v>3</v>
      </c>
    </row>
    <row r="31" spans="1:4" ht="18" customHeight="1" x14ac:dyDescent="0.2">
      <c r="A31" s="8">
        <v>21</v>
      </c>
      <c r="B31" s="35">
        <v>2</v>
      </c>
      <c r="C31" s="13">
        <v>1</v>
      </c>
      <c r="D31" s="12">
        <v>3</v>
      </c>
    </row>
    <row r="32" spans="1:4" ht="18" customHeight="1" x14ac:dyDescent="0.2">
      <c r="A32" s="8">
        <v>22</v>
      </c>
      <c r="B32" s="35">
        <v>1</v>
      </c>
      <c r="C32" s="13">
        <v>0</v>
      </c>
      <c r="D32" s="12">
        <v>1</v>
      </c>
    </row>
    <row r="33" spans="1:4" ht="18" customHeight="1" x14ac:dyDescent="0.2">
      <c r="A33" s="8">
        <v>23</v>
      </c>
      <c r="B33" s="35">
        <v>0</v>
      </c>
      <c r="C33" s="13">
        <v>0</v>
      </c>
      <c r="D33" s="12">
        <v>0</v>
      </c>
    </row>
    <row r="34" spans="1:4" ht="18" customHeight="1" x14ac:dyDescent="0.2">
      <c r="A34" s="8">
        <v>24</v>
      </c>
      <c r="B34" s="35">
        <v>2</v>
      </c>
      <c r="C34" s="13">
        <v>1</v>
      </c>
      <c r="D34" s="12">
        <v>3</v>
      </c>
    </row>
    <row r="35" spans="1:4" ht="18" customHeight="1" x14ac:dyDescent="0.2">
      <c r="A35" s="8" t="s">
        <v>20</v>
      </c>
      <c r="B35" s="35">
        <v>7</v>
      </c>
      <c r="C35" s="13">
        <v>3</v>
      </c>
      <c r="D35" s="12">
        <v>10</v>
      </c>
    </row>
    <row r="36" spans="1:4" ht="18" customHeight="1" x14ac:dyDescent="0.2">
      <c r="A36" s="8">
        <v>25</v>
      </c>
      <c r="B36" s="35">
        <v>0</v>
      </c>
      <c r="C36" s="13">
        <v>0</v>
      </c>
      <c r="D36" s="12">
        <v>0</v>
      </c>
    </row>
    <row r="37" spans="1:4" ht="18" customHeight="1" x14ac:dyDescent="0.2">
      <c r="A37" s="8">
        <v>26</v>
      </c>
      <c r="B37" s="35">
        <v>0</v>
      </c>
      <c r="C37" s="13">
        <v>0</v>
      </c>
      <c r="D37" s="12">
        <v>0</v>
      </c>
    </row>
    <row r="38" spans="1:4" ht="18" customHeight="1" x14ac:dyDescent="0.2">
      <c r="A38" s="8">
        <v>27</v>
      </c>
      <c r="B38" s="35">
        <v>0</v>
      </c>
      <c r="C38" s="13">
        <v>0</v>
      </c>
      <c r="D38" s="12">
        <v>0</v>
      </c>
    </row>
    <row r="39" spans="1:4" ht="18" customHeight="1" x14ac:dyDescent="0.2">
      <c r="A39" s="8">
        <v>28</v>
      </c>
      <c r="B39" s="35">
        <v>0</v>
      </c>
      <c r="C39" s="13">
        <v>1</v>
      </c>
      <c r="D39" s="12">
        <v>1</v>
      </c>
    </row>
    <row r="40" spans="1:4" ht="18" customHeight="1" x14ac:dyDescent="0.2">
      <c r="A40" s="8">
        <v>29</v>
      </c>
      <c r="B40" s="35">
        <v>1</v>
      </c>
      <c r="C40" s="13">
        <v>0</v>
      </c>
      <c r="D40" s="12">
        <v>1</v>
      </c>
    </row>
    <row r="41" spans="1:4" ht="18" customHeight="1" x14ac:dyDescent="0.2">
      <c r="A41" s="8" t="s">
        <v>19</v>
      </c>
      <c r="B41" s="35">
        <v>1</v>
      </c>
      <c r="C41" s="13">
        <v>1</v>
      </c>
      <c r="D41" s="12">
        <v>2</v>
      </c>
    </row>
    <row r="42" spans="1:4" ht="18" customHeight="1" x14ac:dyDescent="0.2">
      <c r="A42" s="8">
        <v>30</v>
      </c>
      <c r="B42" s="35">
        <v>0</v>
      </c>
      <c r="C42" s="13">
        <v>1</v>
      </c>
      <c r="D42" s="12">
        <v>1</v>
      </c>
    </row>
    <row r="43" spans="1:4" ht="18" customHeight="1" x14ac:dyDescent="0.2">
      <c r="A43" s="8">
        <v>31</v>
      </c>
      <c r="B43" s="35">
        <v>1</v>
      </c>
      <c r="C43" s="13">
        <v>0</v>
      </c>
      <c r="D43" s="12">
        <v>1</v>
      </c>
    </row>
    <row r="44" spans="1:4" ht="18" customHeight="1" x14ac:dyDescent="0.2">
      <c r="A44" s="8">
        <v>32</v>
      </c>
      <c r="B44" s="35">
        <v>4</v>
      </c>
      <c r="C44" s="13">
        <v>1</v>
      </c>
      <c r="D44" s="12">
        <v>5</v>
      </c>
    </row>
    <row r="45" spans="1:4" ht="18" customHeight="1" x14ac:dyDescent="0.2">
      <c r="A45" s="8">
        <v>33</v>
      </c>
      <c r="B45" s="35">
        <v>0</v>
      </c>
      <c r="C45" s="13">
        <v>0</v>
      </c>
      <c r="D45" s="12">
        <v>0</v>
      </c>
    </row>
    <row r="46" spans="1:4" ht="18" customHeight="1" x14ac:dyDescent="0.2">
      <c r="A46" s="8">
        <v>34</v>
      </c>
      <c r="B46" s="35">
        <v>0</v>
      </c>
      <c r="C46" s="13">
        <v>1</v>
      </c>
      <c r="D46" s="12">
        <v>1</v>
      </c>
    </row>
    <row r="47" spans="1:4" ht="18" customHeight="1" x14ac:dyDescent="0.2">
      <c r="A47" s="8" t="s">
        <v>18</v>
      </c>
      <c r="B47" s="35">
        <v>5</v>
      </c>
      <c r="C47" s="13">
        <v>3</v>
      </c>
      <c r="D47" s="12">
        <v>8</v>
      </c>
    </row>
    <row r="48" spans="1:4" ht="18" customHeight="1" x14ac:dyDescent="0.2">
      <c r="A48" s="8">
        <v>35</v>
      </c>
      <c r="B48" s="35">
        <v>2</v>
      </c>
      <c r="C48" s="13">
        <v>1</v>
      </c>
      <c r="D48" s="12">
        <v>3</v>
      </c>
    </row>
    <row r="49" spans="1:4" ht="18" customHeight="1" x14ac:dyDescent="0.2">
      <c r="A49" s="8">
        <v>36</v>
      </c>
      <c r="B49" s="35">
        <v>1</v>
      </c>
      <c r="C49" s="13">
        <v>0</v>
      </c>
      <c r="D49" s="12">
        <v>1</v>
      </c>
    </row>
    <row r="50" spans="1:4" ht="18" customHeight="1" x14ac:dyDescent="0.2">
      <c r="A50" s="8">
        <v>37</v>
      </c>
      <c r="B50" s="35">
        <v>1</v>
      </c>
      <c r="C50" s="13">
        <v>1</v>
      </c>
      <c r="D50" s="12">
        <v>2</v>
      </c>
    </row>
    <row r="51" spans="1:4" ht="18" customHeight="1" x14ac:dyDescent="0.2">
      <c r="A51" s="8">
        <v>38</v>
      </c>
      <c r="B51" s="35">
        <v>1</v>
      </c>
      <c r="C51" s="13">
        <v>0</v>
      </c>
      <c r="D51" s="12">
        <v>1</v>
      </c>
    </row>
    <row r="52" spans="1:4" ht="18" customHeight="1" x14ac:dyDescent="0.2">
      <c r="A52" s="8">
        <v>39</v>
      </c>
      <c r="B52" s="35">
        <v>1</v>
      </c>
      <c r="C52" s="13">
        <v>2</v>
      </c>
      <c r="D52" s="12">
        <v>3</v>
      </c>
    </row>
    <row r="53" spans="1:4" ht="18" customHeight="1" x14ac:dyDescent="0.2">
      <c r="A53" s="8" t="s">
        <v>17</v>
      </c>
      <c r="B53" s="35">
        <v>6</v>
      </c>
      <c r="C53" s="13">
        <v>4</v>
      </c>
      <c r="D53" s="12">
        <v>10</v>
      </c>
    </row>
    <row r="54" spans="1:4" ht="18" customHeight="1" x14ac:dyDescent="0.2">
      <c r="A54" s="8">
        <v>40</v>
      </c>
      <c r="B54" s="35">
        <v>1</v>
      </c>
      <c r="C54" s="13">
        <v>0</v>
      </c>
      <c r="D54" s="12">
        <v>1</v>
      </c>
    </row>
    <row r="55" spans="1:4" ht="18" customHeight="1" x14ac:dyDescent="0.2">
      <c r="A55" s="8">
        <v>41</v>
      </c>
      <c r="B55" s="35">
        <v>0</v>
      </c>
      <c r="C55" s="13">
        <v>1</v>
      </c>
      <c r="D55" s="12">
        <v>1</v>
      </c>
    </row>
    <row r="56" spans="1:4" ht="18" customHeight="1" x14ac:dyDescent="0.2">
      <c r="A56" s="8">
        <v>42</v>
      </c>
      <c r="B56" s="35">
        <v>4</v>
      </c>
      <c r="C56" s="13">
        <v>3</v>
      </c>
      <c r="D56" s="12">
        <v>7</v>
      </c>
    </row>
    <row r="57" spans="1:4" ht="18" customHeight="1" x14ac:dyDescent="0.2">
      <c r="A57" s="8">
        <v>43</v>
      </c>
      <c r="B57" s="35">
        <v>1</v>
      </c>
      <c r="C57" s="13">
        <v>2</v>
      </c>
      <c r="D57" s="12">
        <v>3</v>
      </c>
    </row>
    <row r="58" spans="1:4" ht="18" customHeight="1" x14ac:dyDescent="0.2">
      <c r="A58" s="8">
        <v>44</v>
      </c>
      <c r="B58" s="35">
        <v>1</v>
      </c>
      <c r="C58" s="13">
        <v>1</v>
      </c>
      <c r="D58" s="12">
        <v>2</v>
      </c>
    </row>
    <row r="59" spans="1:4" ht="18" customHeight="1" x14ac:dyDescent="0.2">
      <c r="A59" s="8" t="s">
        <v>16</v>
      </c>
      <c r="B59" s="35">
        <v>7</v>
      </c>
      <c r="C59" s="13">
        <v>7</v>
      </c>
      <c r="D59" s="12">
        <v>14</v>
      </c>
    </row>
    <row r="60" spans="1:4" ht="18" customHeight="1" x14ac:dyDescent="0.2">
      <c r="A60" s="8">
        <v>45</v>
      </c>
      <c r="B60" s="35">
        <v>2</v>
      </c>
      <c r="C60" s="13">
        <v>1</v>
      </c>
      <c r="D60" s="12">
        <v>3</v>
      </c>
    </row>
    <row r="61" spans="1:4" ht="18" customHeight="1" x14ac:dyDescent="0.2">
      <c r="A61" s="8">
        <v>46</v>
      </c>
      <c r="B61" s="35">
        <v>5</v>
      </c>
      <c r="C61" s="13">
        <v>1</v>
      </c>
      <c r="D61" s="12">
        <v>6</v>
      </c>
    </row>
    <row r="62" spans="1:4" ht="18" customHeight="1" x14ac:dyDescent="0.2">
      <c r="A62" s="8">
        <v>47</v>
      </c>
      <c r="B62" s="35">
        <v>1</v>
      </c>
      <c r="C62" s="13">
        <v>4</v>
      </c>
      <c r="D62" s="12">
        <v>5</v>
      </c>
    </row>
    <row r="63" spans="1:4" ht="18" customHeight="1" x14ac:dyDescent="0.2">
      <c r="A63" s="8">
        <v>48</v>
      </c>
      <c r="B63" s="35">
        <v>4</v>
      </c>
      <c r="C63" s="13">
        <v>3</v>
      </c>
      <c r="D63" s="12">
        <v>7</v>
      </c>
    </row>
    <row r="64" spans="1:4" ht="18" customHeight="1" x14ac:dyDescent="0.2">
      <c r="A64" s="8">
        <v>49</v>
      </c>
      <c r="B64" s="35">
        <v>4</v>
      </c>
      <c r="C64" s="13">
        <v>4</v>
      </c>
      <c r="D64" s="12">
        <v>8</v>
      </c>
    </row>
    <row r="65" spans="1:4" ht="18" customHeight="1" x14ac:dyDescent="0.2">
      <c r="A65" s="8" t="s">
        <v>15</v>
      </c>
      <c r="B65" s="35">
        <v>16</v>
      </c>
      <c r="C65" s="13">
        <v>13</v>
      </c>
      <c r="D65" s="12">
        <v>29</v>
      </c>
    </row>
    <row r="66" spans="1:4" ht="18" customHeight="1" x14ac:dyDescent="0.2">
      <c r="A66" s="8">
        <v>50</v>
      </c>
      <c r="B66" s="35">
        <v>0</v>
      </c>
      <c r="C66" s="13">
        <v>2</v>
      </c>
      <c r="D66" s="12">
        <v>2</v>
      </c>
    </row>
    <row r="67" spans="1:4" ht="18" customHeight="1" x14ac:dyDescent="0.2">
      <c r="A67" s="8">
        <v>51</v>
      </c>
      <c r="B67" s="35">
        <v>6</v>
      </c>
      <c r="C67" s="13">
        <v>3</v>
      </c>
      <c r="D67" s="12">
        <v>9</v>
      </c>
    </row>
    <row r="68" spans="1:4" ht="18" customHeight="1" x14ac:dyDescent="0.2">
      <c r="A68" s="8">
        <v>52</v>
      </c>
      <c r="B68" s="35">
        <v>6</v>
      </c>
      <c r="C68" s="13">
        <v>1</v>
      </c>
      <c r="D68" s="12">
        <v>7</v>
      </c>
    </row>
    <row r="69" spans="1:4" ht="18" customHeight="1" x14ac:dyDescent="0.2">
      <c r="A69" s="8">
        <v>53</v>
      </c>
      <c r="B69" s="35">
        <v>4</v>
      </c>
      <c r="C69" s="13">
        <v>2</v>
      </c>
      <c r="D69" s="12">
        <v>6</v>
      </c>
    </row>
    <row r="70" spans="1:4" ht="18" customHeight="1" x14ac:dyDescent="0.2">
      <c r="A70" s="8">
        <v>54</v>
      </c>
      <c r="B70" s="35">
        <v>1</v>
      </c>
      <c r="C70" s="13">
        <v>5</v>
      </c>
      <c r="D70" s="12">
        <v>6</v>
      </c>
    </row>
    <row r="71" spans="1:4" ht="18" customHeight="1" x14ac:dyDescent="0.2">
      <c r="A71" s="8" t="s">
        <v>14</v>
      </c>
      <c r="B71" s="35">
        <v>17</v>
      </c>
      <c r="C71" s="13">
        <v>13</v>
      </c>
      <c r="D71" s="12">
        <v>30</v>
      </c>
    </row>
    <row r="72" spans="1:4" ht="18" customHeight="1" x14ac:dyDescent="0.2">
      <c r="A72" s="8">
        <v>55</v>
      </c>
      <c r="B72" s="35">
        <v>3</v>
      </c>
      <c r="C72" s="13">
        <v>3</v>
      </c>
      <c r="D72" s="12">
        <v>6</v>
      </c>
    </row>
    <row r="73" spans="1:4" ht="18" customHeight="1" x14ac:dyDescent="0.2">
      <c r="A73" s="8">
        <v>56</v>
      </c>
      <c r="B73" s="35">
        <v>2</v>
      </c>
      <c r="C73" s="13">
        <v>0</v>
      </c>
      <c r="D73" s="12">
        <v>2</v>
      </c>
    </row>
    <row r="74" spans="1:4" ht="18" customHeight="1" x14ac:dyDescent="0.2">
      <c r="A74" s="8">
        <v>57</v>
      </c>
      <c r="B74" s="35">
        <v>2</v>
      </c>
      <c r="C74" s="13">
        <v>2</v>
      </c>
      <c r="D74" s="12">
        <v>4</v>
      </c>
    </row>
    <row r="75" spans="1:4" ht="18" customHeight="1" x14ac:dyDescent="0.2">
      <c r="A75" s="8">
        <v>58</v>
      </c>
      <c r="B75" s="35">
        <v>1</v>
      </c>
      <c r="C75" s="13">
        <v>2</v>
      </c>
      <c r="D75" s="12">
        <v>3</v>
      </c>
    </row>
    <row r="76" spans="1:4" ht="18" customHeight="1" x14ac:dyDescent="0.2">
      <c r="A76" s="8">
        <v>59</v>
      </c>
      <c r="B76" s="35">
        <v>1</v>
      </c>
      <c r="C76" s="13">
        <v>2</v>
      </c>
      <c r="D76" s="12">
        <v>3</v>
      </c>
    </row>
    <row r="77" spans="1:4" ht="18" customHeight="1" x14ac:dyDescent="0.2">
      <c r="A77" s="8" t="s">
        <v>13</v>
      </c>
      <c r="B77" s="35">
        <v>9</v>
      </c>
      <c r="C77" s="13">
        <v>9</v>
      </c>
      <c r="D77" s="12">
        <v>18</v>
      </c>
    </row>
    <row r="78" spans="1:4" ht="18" customHeight="1" x14ac:dyDescent="0.2">
      <c r="A78" s="8">
        <v>60</v>
      </c>
      <c r="B78" s="35">
        <v>0</v>
      </c>
      <c r="C78" s="13">
        <v>1</v>
      </c>
      <c r="D78" s="12">
        <v>1</v>
      </c>
    </row>
    <row r="79" spans="1:4" ht="18" customHeight="1" x14ac:dyDescent="0.2">
      <c r="A79" s="8">
        <v>61</v>
      </c>
      <c r="B79" s="35">
        <v>0</v>
      </c>
      <c r="C79" s="13">
        <v>3</v>
      </c>
      <c r="D79" s="12">
        <v>3</v>
      </c>
    </row>
    <row r="80" spans="1:4" ht="18" customHeight="1" x14ac:dyDescent="0.2">
      <c r="A80" s="8">
        <v>62</v>
      </c>
      <c r="B80" s="35">
        <v>0</v>
      </c>
      <c r="C80" s="13">
        <v>2</v>
      </c>
      <c r="D80" s="12">
        <v>2</v>
      </c>
    </row>
    <row r="81" spans="1:4" ht="18" customHeight="1" x14ac:dyDescent="0.2">
      <c r="A81" s="8">
        <v>63</v>
      </c>
      <c r="B81" s="35">
        <v>0</v>
      </c>
      <c r="C81" s="13">
        <v>1</v>
      </c>
      <c r="D81" s="12">
        <v>1</v>
      </c>
    </row>
    <row r="82" spans="1:4" ht="18" customHeight="1" x14ac:dyDescent="0.2">
      <c r="A82" s="8">
        <v>64</v>
      </c>
      <c r="B82" s="35">
        <v>2</v>
      </c>
      <c r="C82" s="13">
        <v>1</v>
      </c>
      <c r="D82" s="12">
        <v>3</v>
      </c>
    </row>
    <row r="83" spans="1:4" ht="18" customHeight="1" x14ac:dyDescent="0.2">
      <c r="A83" s="8" t="s">
        <v>12</v>
      </c>
      <c r="B83" s="35">
        <v>2</v>
      </c>
      <c r="C83" s="13">
        <v>8</v>
      </c>
      <c r="D83" s="12">
        <v>10</v>
      </c>
    </row>
    <row r="84" spans="1:4" ht="18" customHeight="1" x14ac:dyDescent="0.2">
      <c r="A84" s="8" t="s">
        <v>11</v>
      </c>
      <c r="B84" s="35">
        <v>77</v>
      </c>
      <c r="C84" s="13">
        <v>67</v>
      </c>
      <c r="D84" s="12">
        <v>144</v>
      </c>
    </row>
    <row r="85" spans="1:4" ht="18" customHeight="1" x14ac:dyDescent="0.2">
      <c r="A85" s="8">
        <v>65</v>
      </c>
      <c r="B85" s="35">
        <v>4</v>
      </c>
      <c r="C85" s="13">
        <v>1</v>
      </c>
      <c r="D85" s="12">
        <v>5</v>
      </c>
    </row>
    <row r="86" spans="1:4" ht="18" customHeight="1" x14ac:dyDescent="0.2">
      <c r="A86" s="8">
        <v>66</v>
      </c>
      <c r="B86" s="35">
        <v>0</v>
      </c>
      <c r="C86" s="13">
        <v>2</v>
      </c>
      <c r="D86" s="12">
        <v>2</v>
      </c>
    </row>
    <row r="87" spans="1:4" ht="18" customHeight="1" x14ac:dyDescent="0.2">
      <c r="A87" s="8">
        <v>67</v>
      </c>
      <c r="B87" s="35">
        <v>4</v>
      </c>
      <c r="C87" s="13">
        <v>2</v>
      </c>
      <c r="D87" s="12">
        <v>6</v>
      </c>
    </row>
    <row r="88" spans="1:4" ht="18" customHeight="1" x14ac:dyDescent="0.2">
      <c r="A88" s="8">
        <v>68</v>
      </c>
      <c r="B88" s="35">
        <v>3</v>
      </c>
      <c r="C88" s="13">
        <v>4</v>
      </c>
      <c r="D88" s="12">
        <v>7</v>
      </c>
    </row>
    <row r="89" spans="1:4" ht="18" customHeight="1" x14ac:dyDescent="0.2">
      <c r="A89" s="8">
        <v>69</v>
      </c>
      <c r="B89" s="35">
        <v>4</v>
      </c>
      <c r="C89" s="13">
        <v>2</v>
      </c>
      <c r="D89" s="12">
        <v>6</v>
      </c>
    </row>
    <row r="90" spans="1:4" ht="18" customHeight="1" x14ac:dyDescent="0.2">
      <c r="A90" s="8" t="s">
        <v>10</v>
      </c>
      <c r="B90" s="35">
        <v>15</v>
      </c>
      <c r="C90" s="13">
        <v>11</v>
      </c>
      <c r="D90" s="12">
        <v>26</v>
      </c>
    </row>
    <row r="91" spans="1:4" ht="18" customHeight="1" x14ac:dyDescent="0.2">
      <c r="A91" s="8">
        <v>70</v>
      </c>
      <c r="B91" s="35">
        <v>3</v>
      </c>
      <c r="C91" s="13">
        <v>2</v>
      </c>
      <c r="D91" s="12">
        <v>5</v>
      </c>
    </row>
    <row r="92" spans="1:4" ht="18" customHeight="1" x14ac:dyDescent="0.2">
      <c r="A92" s="8">
        <v>71</v>
      </c>
      <c r="B92" s="35">
        <v>1</v>
      </c>
      <c r="C92" s="13">
        <v>3</v>
      </c>
      <c r="D92" s="12">
        <v>4</v>
      </c>
    </row>
    <row r="93" spans="1:4" ht="18" customHeight="1" x14ac:dyDescent="0.2">
      <c r="A93" s="8">
        <v>72</v>
      </c>
      <c r="B93" s="35">
        <v>2</v>
      </c>
      <c r="C93" s="13">
        <v>2</v>
      </c>
      <c r="D93" s="12">
        <v>4</v>
      </c>
    </row>
    <row r="94" spans="1:4" ht="18" customHeight="1" x14ac:dyDescent="0.2">
      <c r="A94" s="8">
        <v>73</v>
      </c>
      <c r="B94" s="35">
        <v>5</v>
      </c>
      <c r="C94" s="13">
        <v>4</v>
      </c>
      <c r="D94" s="12">
        <v>9</v>
      </c>
    </row>
    <row r="95" spans="1:4" ht="18" customHeight="1" x14ac:dyDescent="0.2">
      <c r="A95" s="8">
        <v>74</v>
      </c>
      <c r="B95" s="35">
        <v>2</v>
      </c>
      <c r="C95" s="13">
        <v>3</v>
      </c>
      <c r="D95" s="12">
        <v>5</v>
      </c>
    </row>
    <row r="96" spans="1:4" ht="18" customHeight="1" x14ac:dyDescent="0.2">
      <c r="A96" s="8" t="s">
        <v>9</v>
      </c>
      <c r="B96" s="35">
        <v>13</v>
      </c>
      <c r="C96" s="13">
        <v>14</v>
      </c>
      <c r="D96" s="12">
        <v>27</v>
      </c>
    </row>
    <row r="97" spans="1:4" ht="18" customHeight="1" x14ac:dyDescent="0.2">
      <c r="A97" s="8">
        <v>75</v>
      </c>
      <c r="B97" s="35">
        <v>1</v>
      </c>
      <c r="C97" s="13">
        <v>2</v>
      </c>
      <c r="D97" s="12">
        <v>3</v>
      </c>
    </row>
    <row r="98" spans="1:4" ht="18" customHeight="1" x14ac:dyDescent="0.2">
      <c r="A98" s="8">
        <v>76</v>
      </c>
      <c r="B98" s="35">
        <v>3</v>
      </c>
      <c r="C98" s="13">
        <v>4</v>
      </c>
      <c r="D98" s="12">
        <v>7</v>
      </c>
    </row>
    <row r="99" spans="1:4" ht="18" customHeight="1" x14ac:dyDescent="0.2">
      <c r="A99" s="8">
        <v>77</v>
      </c>
      <c r="B99" s="35">
        <v>1</v>
      </c>
      <c r="C99" s="13">
        <v>0</v>
      </c>
      <c r="D99" s="12">
        <v>1</v>
      </c>
    </row>
    <row r="100" spans="1:4" ht="18" customHeight="1" x14ac:dyDescent="0.2">
      <c r="A100" s="8">
        <v>78</v>
      </c>
      <c r="B100" s="35">
        <v>0</v>
      </c>
      <c r="C100" s="13">
        <v>1</v>
      </c>
      <c r="D100" s="12">
        <v>1</v>
      </c>
    </row>
    <row r="101" spans="1:4" ht="18" customHeight="1" x14ac:dyDescent="0.2">
      <c r="A101" s="8">
        <v>79</v>
      </c>
      <c r="B101" s="35">
        <v>1</v>
      </c>
      <c r="C101" s="13">
        <v>1</v>
      </c>
      <c r="D101" s="12">
        <v>2</v>
      </c>
    </row>
    <row r="102" spans="1:4" ht="18" customHeight="1" x14ac:dyDescent="0.2">
      <c r="A102" s="8" t="s">
        <v>8</v>
      </c>
      <c r="B102" s="35">
        <v>6</v>
      </c>
      <c r="C102" s="13">
        <v>8</v>
      </c>
      <c r="D102" s="12">
        <v>14</v>
      </c>
    </row>
    <row r="103" spans="1:4" ht="18" customHeight="1" x14ac:dyDescent="0.2">
      <c r="A103" s="8">
        <v>80</v>
      </c>
      <c r="B103" s="35">
        <v>2</v>
      </c>
      <c r="C103" s="13">
        <v>2</v>
      </c>
      <c r="D103" s="12">
        <v>4</v>
      </c>
    </row>
    <row r="104" spans="1:4" ht="18" customHeight="1" x14ac:dyDescent="0.2">
      <c r="A104" s="8">
        <v>81</v>
      </c>
      <c r="B104" s="35">
        <v>1</v>
      </c>
      <c r="C104" s="13">
        <v>3</v>
      </c>
      <c r="D104" s="12">
        <v>4</v>
      </c>
    </row>
    <row r="105" spans="1:4" ht="18" customHeight="1" x14ac:dyDescent="0.2">
      <c r="A105" s="8">
        <v>82</v>
      </c>
      <c r="B105" s="35">
        <v>2</v>
      </c>
      <c r="C105" s="13">
        <v>3</v>
      </c>
      <c r="D105" s="12">
        <v>5</v>
      </c>
    </row>
    <row r="106" spans="1:4" ht="18" customHeight="1" x14ac:dyDescent="0.2">
      <c r="A106" s="8">
        <v>83</v>
      </c>
      <c r="B106" s="35">
        <v>1</v>
      </c>
      <c r="C106" s="13">
        <v>0</v>
      </c>
      <c r="D106" s="12">
        <v>1</v>
      </c>
    </row>
    <row r="107" spans="1:4" ht="18" customHeight="1" x14ac:dyDescent="0.2">
      <c r="A107" s="8">
        <v>84</v>
      </c>
      <c r="B107" s="35">
        <v>0</v>
      </c>
      <c r="C107" s="13">
        <v>1</v>
      </c>
      <c r="D107" s="12">
        <v>1</v>
      </c>
    </row>
    <row r="108" spans="1:4" ht="18" customHeight="1" x14ac:dyDescent="0.2">
      <c r="A108" s="8" t="s">
        <v>7</v>
      </c>
      <c r="B108" s="35">
        <v>6</v>
      </c>
      <c r="C108" s="13">
        <v>9</v>
      </c>
      <c r="D108" s="12">
        <v>15</v>
      </c>
    </row>
    <row r="109" spans="1:4" ht="18" customHeight="1" x14ac:dyDescent="0.2">
      <c r="A109" s="8">
        <v>85</v>
      </c>
      <c r="B109" s="35">
        <v>0</v>
      </c>
      <c r="C109" s="13">
        <v>1</v>
      </c>
      <c r="D109" s="12">
        <v>1</v>
      </c>
    </row>
    <row r="110" spans="1:4" ht="18" customHeight="1" x14ac:dyDescent="0.2">
      <c r="A110" s="8">
        <v>86</v>
      </c>
      <c r="B110" s="35">
        <v>1</v>
      </c>
      <c r="C110" s="13">
        <v>1</v>
      </c>
      <c r="D110" s="12">
        <v>2</v>
      </c>
    </row>
    <row r="111" spans="1:4" ht="18" customHeight="1" x14ac:dyDescent="0.2">
      <c r="A111" s="8">
        <v>87</v>
      </c>
      <c r="B111" s="35">
        <v>1</v>
      </c>
      <c r="C111" s="13">
        <v>2</v>
      </c>
      <c r="D111" s="12">
        <v>3</v>
      </c>
    </row>
    <row r="112" spans="1:4" ht="18" customHeight="1" x14ac:dyDescent="0.2">
      <c r="A112" s="8">
        <v>88</v>
      </c>
      <c r="B112" s="35">
        <v>0</v>
      </c>
      <c r="C112" s="13">
        <v>2</v>
      </c>
      <c r="D112" s="12">
        <v>2</v>
      </c>
    </row>
    <row r="113" spans="1:4" ht="18" customHeight="1" x14ac:dyDescent="0.2">
      <c r="A113" s="8">
        <v>89</v>
      </c>
      <c r="B113" s="35">
        <v>0</v>
      </c>
      <c r="C113" s="13">
        <v>1</v>
      </c>
      <c r="D113" s="12">
        <v>1</v>
      </c>
    </row>
    <row r="114" spans="1:4" ht="18" customHeight="1" x14ac:dyDescent="0.2">
      <c r="A114" s="8" t="s">
        <v>6</v>
      </c>
      <c r="B114" s="35">
        <v>2</v>
      </c>
      <c r="C114" s="13">
        <v>7</v>
      </c>
      <c r="D114" s="12">
        <v>9</v>
      </c>
    </row>
    <row r="115" spans="1:4" ht="18" customHeight="1" x14ac:dyDescent="0.2">
      <c r="A115" s="8">
        <v>90</v>
      </c>
      <c r="B115" s="35">
        <v>1</v>
      </c>
      <c r="C115" s="13">
        <v>0</v>
      </c>
      <c r="D115" s="12">
        <v>1</v>
      </c>
    </row>
    <row r="116" spans="1:4" ht="18" customHeight="1" x14ac:dyDescent="0.2">
      <c r="A116" s="8">
        <v>91</v>
      </c>
      <c r="B116" s="35">
        <v>1</v>
      </c>
      <c r="C116" s="13">
        <v>0</v>
      </c>
      <c r="D116" s="12">
        <v>1</v>
      </c>
    </row>
    <row r="117" spans="1:4" ht="18" customHeight="1" x14ac:dyDescent="0.2">
      <c r="A117" s="8">
        <v>92</v>
      </c>
      <c r="B117" s="35">
        <v>0</v>
      </c>
      <c r="C117" s="13">
        <v>0</v>
      </c>
      <c r="D117" s="12">
        <v>0</v>
      </c>
    </row>
    <row r="118" spans="1:4" ht="18" customHeight="1" x14ac:dyDescent="0.2">
      <c r="A118" s="8">
        <v>93</v>
      </c>
      <c r="B118" s="35">
        <v>0</v>
      </c>
      <c r="C118" s="13">
        <v>1</v>
      </c>
      <c r="D118" s="12">
        <v>1</v>
      </c>
    </row>
    <row r="119" spans="1:4" ht="18" customHeight="1" x14ac:dyDescent="0.2">
      <c r="A119" s="8">
        <v>94</v>
      </c>
      <c r="B119" s="35">
        <v>1</v>
      </c>
      <c r="C119" s="13">
        <v>3</v>
      </c>
      <c r="D119" s="12">
        <v>4</v>
      </c>
    </row>
    <row r="120" spans="1:4" ht="18" customHeight="1" x14ac:dyDescent="0.2">
      <c r="A120" s="8" t="s">
        <v>5</v>
      </c>
      <c r="B120" s="35">
        <v>3</v>
      </c>
      <c r="C120" s="13">
        <v>4</v>
      </c>
      <c r="D120" s="12">
        <v>7</v>
      </c>
    </row>
    <row r="121" spans="1:4" ht="18" customHeight="1" x14ac:dyDescent="0.2">
      <c r="A121" s="8">
        <v>95</v>
      </c>
      <c r="B121" s="35">
        <v>1</v>
      </c>
      <c r="C121" s="13">
        <v>1</v>
      </c>
      <c r="D121" s="12">
        <v>2</v>
      </c>
    </row>
    <row r="122" spans="1:4" ht="18" customHeight="1" x14ac:dyDescent="0.2">
      <c r="A122" s="8">
        <v>96</v>
      </c>
      <c r="B122" s="35">
        <v>0</v>
      </c>
      <c r="C122" s="13">
        <v>1</v>
      </c>
      <c r="D122" s="12">
        <v>1</v>
      </c>
    </row>
    <row r="123" spans="1:4" ht="18" customHeight="1" x14ac:dyDescent="0.2">
      <c r="A123" s="8">
        <v>97</v>
      </c>
      <c r="B123" s="35">
        <v>0</v>
      </c>
      <c r="C123" s="13">
        <v>1</v>
      </c>
      <c r="D123" s="12">
        <v>1</v>
      </c>
    </row>
    <row r="124" spans="1:4" ht="18" customHeight="1" x14ac:dyDescent="0.2">
      <c r="A124" s="8">
        <v>98</v>
      </c>
      <c r="B124" s="35">
        <v>0</v>
      </c>
      <c r="C124" s="13">
        <v>0</v>
      </c>
      <c r="D124" s="12">
        <v>0</v>
      </c>
    </row>
    <row r="125" spans="1:4" ht="18" customHeight="1" x14ac:dyDescent="0.2">
      <c r="A125" s="8">
        <v>99</v>
      </c>
      <c r="B125" s="35">
        <v>1</v>
      </c>
      <c r="C125" s="13">
        <v>1</v>
      </c>
      <c r="D125" s="12">
        <v>2</v>
      </c>
    </row>
    <row r="126" spans="1:4" ht="18" customHeight="1" x14ac:dyDescent="0.2">
      <c r="A126" s="8" t="s">
        <v>4</v>
      </c>
      <c r="B126" s="35">
        <v>2</v>
      </c>
      <c r="C126" s="13">
        <v>4</v>
      </c>
      <c r="D126" s="12">
        <v>6</v>
      </c>
    </row>
    <row r="127" spans="1:4" ht="18" customHeight="1" x14ac:dyDescent="0.2">
      <c r="A127" s="8">
        <v>100</v>
      </c>
      <c r="B127" s="35">
        <v>0</v>
      </c>
      <c r="C127" s="13">
        <v>0</v>
      </c>
      <c r="D127" s="12">
        <v>0</v>
      </c>
    </row>
    <row r="128" spans="1:4" ht="18" customHeight="1" x14ac:dyDescent="0.2">
      <c r="A128" s="15" t="s">
        <v>3</v>
      </c>
      <c r="B128" s="35">
        <v>0</v>
      </c>
      <c r="C128" s="13">
        <v>0</v>
      </c>
      <c r="D128" s="12">
        <v>0</v>
      </c>
    </row>
    <row r="129" spans="1:4" ht="18" customHeight="1" x14ac:dyDescent="0.2">
      <c r="A129" s="8" t="s">
        <v>2</v>
      </c>
      <c r="B129" s="35">
        <v>0</v>
      </c>
      <c r="C129" s="13">
        <v>0</v>
      </c>
      <c r="D129" s="12">
        <v>0</v>
      </c>
    </row>
    <row r="130" spans="1:4" ht="18" customHeight="1" x14ac:dyDescent="0.2">
      <c r="A130" s="8" t="s">
        <v>1</v>
      </c>
      <c r="B130" s="28">
        <v>47</v>
      </c>
      <c r="C130" s="6">
        <v>57</v>
      </c>
      <c r="D130" s="5">
        <v>104</v>
      </c>
    </row>
    <row r="131" spans="1:4" ht="18" customHeight="1" x14ac:dyDescent="0.2">
      <c r="A131" s="4" t="s">
        <v>0</v>
      </c>
      <c r="B131" s="27">
        <v>135</v>
      </c>
      <c r="C131" s="2">
        <v>130</v>
      </c>
      <c r="D131" s="1">
        <v>265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5A514AC-5AFE-4250-87B1-522A7ACB9E9B}">
  <sheetPr codeName="Sheet9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116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0</v>
      </c>
      <c r="C5" s="45">
        <v>4</v>
      </c>
      <c r="D5" s="44">
        <v>4</v>
      </c>
    </row>
    <row r="6" spans="1:4" ht="18" customHeight="1" x14ac:dyDescent="0.2">
      <c r="A6" s="8">
        <v>1</v>
      </c>
      <c r="B6" s="40">
        <v>4</v>
      </c>
      <c r="C6" s="13">
        <v>0</v>
      </c>
      <c r="D6" s="12">
        <v>4</v>
      </c>
    </row>
    <row r="7" spans="1:4" ht="18" customHeight="1" x14ac:dyDescent="0.2">
      <c r="A7" s="8">
        <v>2</v>
      </c>
      <c r="B7" s="40">
        <v>0</v>
      </c>
      <c r="C7" s="13">
        <v>1</v>
      </c>
      <c r="D7" s="12">
        <v>1</v>
      </c>
    </row>
    <row r="8" spans="1:4" ht="18" customHeight="1" x14ac:dyDescent="0.2">
      <c r="A8" s="8">
        <v>3</v>
      </c>
      <c r="B8" s="40">
        <v>3</v>
      </c>
      <c r="C8" s="13">
        <v>3</v>
      </c>
      <c r="D8" s="12">
        <v>6</v>
      </c>
    </row>
    <row r="9" spans="1:4" ht="18" customHeight="1" x14ac:dyDescent="0.2">
      <c r="A9" s="8">
        <v>4</v>
      </c>
      <c r="B9" s="43">
        <v>1</v>
      </c>
      <c r="C9" s="42">
        <v>6</v>
      </c>
      <c r="D9" s="41">
        <v>7</v>
      </c>
    </row>
    <row r="10" spans="1:4" ht="18" customHeight="1" x14ac:dyDescent="0.2">
      <c r="A10" s="8" t="s">
        <v>25</v>
      </c>
      <c r="B10" s="35">
        <v>8</v>
      </c>
      <c r="C10" s="13">
        <v>14</v>
      </c>
      <c r="D10" s="12">
        <v>22</v>
      </c>
    </row>
    <row r="11" spans="1:4" ht="18" customHeight="1" x14ac:dyDescent="0.2">
      <c r="A11" s="8">
        <v>5</v>
      </c>
      <c r="B11" s="40">
        <v>4</v>
      </c>
      <c r="C11" s="13">
        <v>2</v>
      </c>
      <c r="D11" s="12">
        <v>6</v>
      </c>
    </row>
    <row r="12" spans="1:4" ht="18" customHeight="1" x14ac:dyDescent="0.2">
      <c r="A12" s="8">
        <v>6</v>
      </c>
      <c r="B12" s="40">
        <v>6</v>
      </c>
      <c r="C12" s="13">
        <v>1</v>
      </c>
      <c r="D12" s="12">
        <v>7</v>
      </c>
    </row>
    <row r="13" spans="1:4" ht="18" customHeight="1" x14ac:dyDescent="0.2">
      <c r="A13" s="8">
        <v>7</v>
      </c>
      <c r="B13" s="40">
        <v>3</v>
      </c>
      <c r="C13" s="13">
        <v>2</v>
      </c>
      <c r="D13" s="12">
        <v>5</v>
      </c>
    </row>
    <row r="14" spans="1:4" ht="18" customHeight="1" x14ac:dyDescent="0.2">
      <c r="A14" s="8">
        <v>8</v>
      </c>
      <c r="B14" s="40">
        <v>8</v>
      </c>
      <c r="C14" s="13">
        <v>5</v>
      </c>
      <c r="D14" s="12">
        <v>13</v>
      </c>
    </row>
    <row r="15" spans="1:4" ht="18" customHeight="1" x14ac:dyDescent="0.2">
      <c r="A15" s="8">
        <v>9</v>
      </c>
      <c r="B15" s="40">
        <v>2</v>
      </c>
      <c r="C15" s="13">
        <v>3</v>
      </c>
      <c r="D15" s="12">
        <v>5</v>
      </c>
    </row>
    <row r="16" spans="1:4" ht="18" customHeight="1" x14ac:dyDescent="0.2">
      <c r="A16" s="8" t="s">
        <v>24</v>
      </c>
      <c r="B16" s="35">
        <v>23</v>
      </c>
      <c r="C16" s="13">
        <v>13</v>
      </c>
      <c r="D16" s="12">
        <v>36</v>
      </c>
    </row>
    <row r="17" spans="1:4" ht="18" customHeight="1" x14ac:dyDescent="0.2">
      <c r="A17" s="8">
        <v>10</v>
      </c>
      <c r="B17" s="35">
        <v>1</v>
      </c>
      <c r="C17" s="13">
        <v>5</v>
      </c>
      <c r="D17" s="12">
        <v>6</v>
      </c>
    </row>
    <row r="18" spans="1:4" ht="18" customHeight="1" x14ac:dyDescent="0.2">
      <c r="A18" s="8">
        <v>11</v>
      </c>
      <c r="B18" s="35">
        <v>9</v>
      </c>
      <c r="C18" s="13">
        <v>4</v>
      </c>
      <c r="D18" s="12">
        <v>13</v>
      </c>
    </row>
    <row r="19" spans="1:4" ht="18" customHeight="1" x14ac:dyDescent="0.2">
      <c r="A19" s="8">
        <v>12</v>
      </c>
      <c r="B19" s="35">
        <v>8</v>
      </c>
      <c r="C19" s="13">
        <v>1</v>
      </c>
      <c r="D19" s="12">
        <v>9</v>
      </c>
    </row>
    <row r="20" spans="1:4" ht="18" customHeight="1" x14ac:dyDescent="0.2">
      <c r="A20" s="8">
        <v>13</v>
      </c>
      <c r="B20" s="35">
        <v>5</v>
      </c>
      <c r="C20" s="13">
        <v>4</v>
      </c>
      <c r="D20" s="12">
        <v>9</v>
      </c>
    </row>
    <row r="21" spans="1:4" ht="18" customHeight="1" x14ac:dyDescent="0.2">
      <c r="A21" s="8">
        <v>14</v>
      </c>
      <c r="B21" s="35">
        <v>8</v>
      </c>
      <c r="C21" s="13">
        <v>8</v>
      </c>
      <c r="D21" s="12">
        <v>16</v>
      </c>
    </row>
    <row r="22" spans="1:4" ht="18" customHeight="1" x14ac:dyDescent="0.2">
      <c r="A22" s="8" t="s">
        <v>23</v>
      </c>
      <c r="B22" s="35">
        <v>31</v>
      </c>
      <c r="C22" s="13">
        <v>22</v>
      </c>
      <c r="D22" s="12">
        <v>53</v>
      </c>
    </row>
    <row r="23" spans="1:4" ht="18" customHeight="1" x14ac:dyDescent="0.2">
      <c r="A23" s="8" t="s">
        <v>22</v>
      </c>
      <c r="B23" s="35">
        <v>62</v>
      </c>
      <c r="C23" s="13">
        <v>49</v>
      </c>
      <c r="D23" s="12">
        <v>111</v>
      </c>
    </row>
    <row r="24" spans="1:4" ht="18" customHeight="1" x14ac:dyDescent="0.2">
      <c r="A24" s="8">
        <v>15</v>
      </c>
      <c r="B24" s="35">
        <v>6</v>
      </c>
      <c r="C24" s="13">
        <v>2</v>
      </c>
      <c r="D24" s="12">
        <v>8</v>
      </c>
    </row>
    <row r="25" spans="1:4" ht="18" customHeight="1" x14ac:dyDescent="0.2">
      <c r="A25" s="8">
        <v>16</v>
      </c>
      <c r="B25" s="35">
        <v>7</v>
      </c>
      <c r="C25" s="13">
        <v>3</v>
      </c>
      <c r="D25" s="12">
        <v>10</v>
      </c>
    </row>
    <row r="26" spans="1:4" ht="18" customHeight="1" x14ac:dyDescent="0.2">
      <c r="A26" s="8">
        <v>17</v>
      </c>
      <c r="B26" s="35">
        <v>5</v>
      </c>
      <c r="C26" s="13">
        <v>8</v>
      </c>
      <c r="D26" s="12">
        <v>13</v>
      </c>
    </row>
    <row r="27" spans="1:4" ht="18" customHeight="1" x14ac:dyDescent="0.2">
      <c r="A27" s="8">
        <v>18</v>
      </c>
      <c r="B27" s="35">
        <v>6</v>
      </c>
      <c r="C27" s="13">
        <v>5</v>
      </c>
      <c r="D27" s="12">
        <v>11</v>
      </c>
    </row>
    <row r="28" spans="1:4" ht="18" customHeight="1" x14ac:dyDescent="0.2">
      <c r="A28" s="8">
        <v>19</v>
      </c>
      <c r="B28" s="35">
        <v>7</v>
      </c>
      <c r="C28" s="13">
        <v>8</v>
      </c>
      <c r="D28" s="12">
        <v>15</v>
      </c>
    </row>
    <row r="29" spans="1:4" ht="18" customHeight="1" x14ac:dyDescent="0.2">
      <c r="A29" s="8" t="s">
        <v>21</v>
      </c>
      <c r="B29" s="35">
        <v>31</v>
      </c>
      <c r="C29" s="13">
        <v>26</v>
      </c>
      <c r="D29" s="12">
        <v>57</v>
      </c>
    </row>
    <row r="30" spans="1:4" ht="18" customHeight="1" x14ac:dyDescent="0.2">
      <c r="A30" s="8">
        <v>20</v>
      </c>
      <c r="B30" s="35">
        <v>7</v>
      </c>
      <c r="C30" s="13">
        <v>2</v>
      </c>
      <c r="D30" s="12">
        <v>9</v>
      </c>
    </row>
    <row r="31" spans="1:4" ht="18" customHeight="1" x14ac:dyDescent="0.2">
      <c r="A31" s="8">
        <v>21</v>
      </c>
      <c r="B31" s="35">
        <v>6</v>
      </c>
      <c r="C31" s="13">
        <v>8</v>
      </c>
      <c r="D31" s="12">
        <v>14</v>
      </c>
    </row>
    <row r="32" spans="1:4" ht="18" customHeight="1" x14ac:dyDescent="0.2">
      <c r="A32" s="8">
        <v>22</v>
      </c>
      <c r="B32" s="35">
        <v>3</v>
      </c>
      <c r="C32" s="13">
        <v>2</v>
      </c>
      <c r="D32" s="12">
        <v>5</v>
      </c>
    </row>
    <row r="33" spans="1:4" ht="18" customHeight="1" x14ac:dyDescent="0.2">
      <c r="A33" s="8">
        <v>23</v>
      </c>
      <c r="B33" s="35">
        <v>2</v>
      </c>
      <c r="C33" s="13">
        <v>2</v>
      </c>
      <c r="D33" s="12">
        <v>4</v>
      </c>
    </row>
    <row r="34" spans="1:4" ht="18" customHeight="1" x14ac:dyDescent="0.2">
      <c r="A34" s="8">
        <v>24</v>
      </c>
      <c r="B34" s="35">
        <v>4</v>
      </c>
      <c r="C34" s="13">
        <v>2</v>
      </c>
      <c r="D34" s="12">
        <v>6</v>
      </c>
    </row>
    <row r="35" spans="1:4" ht="18" customHeight="1" x14ac:dyDescent="0.2">
      <c r="A35" s="8" t="s">
        <v>20</v>
      </c>
      <c r="B35" s="35">
        <v>22</v>
      </c>
      <c r="C35" s="13">
        <v>16</v>
      </c>
      <c r="D35" s="12">
        <v>38</v>
      </c>
    </row>
    <row r="36" spans="1:4" ht="18" customHeight="1" x14ac:dyDescent="0.2">
      <c r="A36" s="8">
        <v>25</v>
      </c>
      <c r="B36" s="35">
        <v>3</v>
      </c>
      <c r="C36" s="13">
        <v>4</v>
      </c>
      <c r="D36" s="12">
        <v>7</v>
      </c>
    </row>
    <row r="37" spans="1:4" ht="18" customHeight="1" x14ac:dyDescent="0.2">
      <c r="A37" s="8">
        <v>26</v>
      </c>
      <c r="B37" s="35">
        <v>4</v>
      </c>
      <c r="C37" s="13">
        <v>0</v>
      </c>
      <c r="D37" s="12">
        <v>4</v>
      </c>
    </row>
    <row r="38" spans="1:4" ht="18" customHeight="1" x14ac:dyDescent="0.2">
      <c r="A38" s="8">
        <v>27</v>
      </c>
      <c r="B38" s="35">
        <v>7</v>
      </c>
      <c r="C38" s="13">
        <v>2</v>
      </c>
      <c r="D38" s="12">
        <v>9</v>
      </c>
    </row>
    <row r="39" spans="1:4" ht="18" customHeight="1" x14ac:dyDescent="0.2">
      <c r="A39" s="8">
        <v>28</v>
      </c>
      <c r="B39" s="35">
        <v>0</v>
      </c>
      <c r="C39" s="13">
        <v>1</v>
      </c>
      <c r="D39" s="12">
        <v>1</v>
      </c>
    </row>
    <row r="40" spans="1:4" ht="18" customHeight="1" x14ac:dyDescent="0.2">
      <c r="A40" s="8">
        <v>29</v>
      </c>
      <c r="B40" s="35">
        <v>3</v>
      </c>
      <c r="C40" s="13">
        <v>3</v>
      </c>
      <c r="D40" s="12">
        <v>6</v>
      </c>
    </row>
    <row r="41" spans="1:4" ht="18" customHeight="1" x14ac:dyDescent="0.2">
      <c r="A41" s="8" t="s">
        <v>19</v>
      </c>
      <c r="B41" s="35">
        <v>17</v>
      </c>
      <c r="C41" s="13">
        <v>10</v>
      </c>
      <c r="D41" s="12">
        <v>27</v>
      </c>
    </row>
    <row r="42" spans="1:4" ht="18" customHeight="1" x14ac:dyDescent="0.2">
      <c r="A42" s="8">
        <v>30</v>
      </c>
      <c r="B42" s="35">
        <v>4</v>
      </c>
      <c r="C42" s="13">
        <v>4</v>
      </c>
      <c r="D42" s="12">
        <v>8</v>
      </c>
    </row>
    <row r="43" spans="1:4" ht="18" customHeight="1" x14ac:dyDescent="0.2">
      <c r="A43" s="8">
        <v>31</v>
      </c>
      <c r="B43" s="35">
        <v>4</v>
      </c>
      <c r="C43" s="13">
        <v>4</v>
      </c>
      <c r="D43" s="12">
        <v>8</v>
      </c>
    </row>
    <row r="44" spans="1:4" ht="18" customHeight="1" x14ac:dyDescent="0.2">
      <c r="A44" s="8">
        <v>32</v>
      </c>
      <c r="B44" s="35">
        <v>8</v>
      </c>
      <c r="C44" s="13">
        <v>4</v>
      </c>
      <c r="D44" s="12">
        <v>12</v>
      </c>
    </row>
    <row r="45" spans="1:4" ht="18" customHeight="1" x14ac:dyDescent="0.2">
      <c r="A45" s="8">
        <v>33</v>
      </c>
      <c r="B45" s="35">
        <v>3</v>
      </c>
      <c r="C45" s="13">
        <v>3</v>
      </c>
      <c r="D45" s="12">
        <v>6</v>
      </c>
    </row>
    <row r="46" spans="1:4" ht="18" customHeight="1" x14ac:dyDescent="0.2">
      <c r="A46" s="8">
        <v>34</v>
      </c>
      <c r="B46" s="35">
        <v>7</v>
      </c>
      <c r="C46" s="13">
        <v>5</v>
      </c>
      <c r="D46" s="12">
        <v>12</v>
      </c>
    </row>
    <row r="47" spans="1:4" ht="18" customHeight="1" x14ac:dyDescent="0.2">
      <c r="A47" s="8" t="s">
        <v>18</v>
      </c>
      <c r="B47" s="35">
        <v>26</v>
      </c>
      <c r="C47" s="13">
        <v>20</v>
      </c>
      <c r="D47" s="12">
        <v>46</v>
      </c>
    </row>
    <row r="48" spans="1:4" ht="18" customHeight="1" x14ac:dyDescent="0.2">
      <c r="A48" s="8">
        <v>35</v>
      </c>
      <c r="B48" s="35">
        <v>3</v>
      </c>
      <c r="C48" s="13">
        <v>7</v>
      </c>
      <c r="D48" s="12">
        <v>10</v>
      </c>
    </row>
    <row r="49" spans="1:4" ht="18" customHeight="1" x14ac:dyDescent="0.2">
      <c r="A49" s="8">
        <v>36</v>
      </c>
      <c r="B49" s="35">
        <v>6</v>
      </c>
      <c r="C49" s="13">
        <v>5</v>
      </c>
      <c r="D49" s="12">
        <v>11</v>
      </c>
    </row>
    <row r="50" spans="1:4" ht="18" customHeight="1" x14ac:dyDescent="0.2">
      <c r="A50" s="8">
        <v>37</v>
      </c>
      <c r="B50" s="35">
        <v>6</v>
      </c>
      <c r="C50" s="13">
        <v>6</v>
      </c>
      <c r="D50" s="12">
        <v>12</v>
      </c>
    </row>
    <row r="51" spans="1:4" ht="18" customHeight="1" x14ac:dyDescent="0.2">
      <c r="A51" s="8">
        <v>38</v>
      </c>
      <c r="B51" s="35">
        <v>6</v>
      </c>
      <c r="C51" s="13">
        <v>6</v>
      </c>
      <c r="D51" s="12">
        <v>12</v>
      </c>
    </row>
    <row r="52" spans="1:4" ht="18" customHeight="1" x14ac:dyDescent="0.2">
      <c r="A52" s="8">
        <v>39</v>
      </c>
      <c r="B52" s="35">
        <v>5</v>
      </c>
      <c r="C52" s="13">
        <v>6</v>
      </c>
      <c r="D52" s="12">
        <v>11</v>
      </c>
    </row>
    <row r="53" spans="1:4" ht="18" customHeight="1" x14ac:dyDescent="0.2">
      <c r="A53" s="8" t="s">
        <v>17</v>
      </c>
      <c r="B53" s="35">
        <v>26</v>
      </c>
      <c r="C53" s="13">
        <v>30</v>
      </c>
      <c r="D53" s="12">
        <v>56</v>
      </c>
    </row>
    <row r="54" spans="1:4" ht="18" customHeight="1" x14ac:dyDescent="0.2">
      <c r="A54" s="8">
        <v>40</v>
      </c>
      <c r="B54" s="35">
        <v>7</v>
      </c>
      <c r="C54" s="13">
        <v>3</v>
      </c>
      <c r="D54" s="12">
        <v>10</v>
      </c>
    </row>
    <row r="55" spans="1:4" ht="18" customHeight="1" x14ac:dyDescent="0.2">
      <c r="A55" s="8">
        <v>41</v>
      </c>
      <c r="B55" s="35">
        <v>6</v>
      </c>
      <c r="C55" s="13">
        <v>8</v>
      </c>
      <c r="D55" s="12">
        <v>14</v>
      </c>
    </row>
    <row r="56" spans="1:4" ht="18" customHeight="1" x14ac:dyDescent="0.2">
      <c r="A56" s="8">
        <v>42</v>
      </c>
      <c r="B56" s="35">
        <v>10</v>
      </c>
      <c r="C56" s="13">
        <v>10</v>
      </c>
      <c r="D56" s="12">
        <v>20</v>
      </c>
    </row>
    <row r="57" spans="1:4" ht="18" customHeight="1" x14ac:dyDescent="0.2">
      <c r="A57" s="8">
        <v>43</v>
      </c>
      <c r="B57" s="35">
        <v>8</v>
      </c>
      <c r="C57" s="13">
        <v>5</v>
      </c>
      <c r="D57" s="12">
        <v>13</v>
      </c>
    </row>
    <row r="58" spans="1:4" ht="18" customHeight="1" x14ac:dyDescent="0.2">
      <c r="A58" s="8">
        <v>44</v>
      </c>
      <c r="B58" s="35">
        <v>3</v>
      </c>
      <c r="C58" s="13">
        <v>4</v>
      </c>
      <c r="D58" s="12">
        <v>7</v>
      </c>
    </row>
    <row r="59" spans="1:4" ht="18" customHeight="1" x14ac:dyDescent="0.2">
      <c r="A59" s="8" t="s">
        <v>16</v>
      </c>
      <c r="B59" s="35">
        <v>34</v>
      </c>
      <c r="C59" s="13">
        <v>30</v>
      </c>
      <c r="D59" s="12">
        <v>64</v>
      </c>
    </row>
    <row r="60" spans="1:4" ht="18" customHeight="1" x14ac:dyDescent="0.2">
      <c r="A60" s="8">
        <v>45</v>
      </c>
      <c r="B60" s="35">
        <v>6</v>
      </c>
      <c r="C60" s="13">
        <v>7</v>
      </c>
      <c r="D60" s="12">
        <v>13</v>
      </c>
    </row>
    <row r="61" spans="1:4" ht="18" customHeight="1" x14ac:dyDescent="0.2">
      <c r="A61" s="8">
        <v>46</v>
      </c>
      <c r="B61" s="35">
        <v>11</v>
      </c>
      <c r="C61" s="13">
        <v>7</v>
      </c>
      <c r="D61" s="12">
        <v>18</v>
      </c>
    </row>
    <row r="62" spans="1:4" ht="18" customHeight="1" x14ac:dyDescent="0.2">
      <c r="A62" s="8">
        <v>47</v>
      </c>
      <c r="B62" s="35">
        <v>4</v>
      </c>
      <c r="C62" s="13">
        <v>8</v>
      </c>
      <c r="D62" s="12">
        <v>12</v>
      </c>
    </row>
    <row r="63" spans="1:4" ht="18" customHeight="1" x14ac:dyDescent="0.2">
      <c r="A63" s="8">
        <v>48</v>
      </c>
      <c r="B63" s="35">
        <v>14</v>
      </c>
      <c r="C63" s="13">
        <v>14</v>
      </c>
      <c r="D63" s="12">
        <v>28</v>
      </c>
    </row>
    <row r="64" spans="1:4" ht="18" customHeight="1" x14ac:dyDescent="0.2">
      <c r="A64" s="8">
        <v>49</v>
      </c>
      <c r="B64" s="35">
        <v>13</v>
      </c>
      <c r="C64" s="13">
        <v>9</v>
      </c>
      <c r="D64" s="12">
        <v>22</v>
      </c>
    </row>
    <row r="65" spans="1:4" ht="18" customHeight="1" x14ac:dyDescent="0.2">
      <c r="A65" s="8" t="s">
        <v>15</v>
      </c>
      <c r="B65" s="35">
        <v>48</v>
      </c>
      <c r="C65" s="13">
        <v>45</v>
      </c>
      <c r="D65" s="12">
        <v>93</v>
      </c>
    </row>
    <row r="66" spans="1:4" ht="18" customHeight="1" x14ac:dyDescent="0.2">
      <c r="A66" s="8">
        <v>50</v>
      </c>
      <c r="B66" s="35">
        <v>9</v>
      </c>
      <c r="C66" s="13">
        <v>10</v>
      </c>
      <c r="D66" s="12">
        <v>19</v>
      </c>
    </row>
    <row r="67" spans="1:4" ht="18" customHeight="1" x14ac:dyDescent="0.2">
      <c r="A67" s="8">
        <v>51</v>
      </c>
      <c r="B67" s="35">
        <v>15</v>
      </c>
      <c r="C67" s="13">
        <v>6</v>
      </c>
      <c r="D67" s="12">
        <v>21</v>
      </c>
    </row>
    <row r="68" spans="1:4" ht="18" customHeight="1" x14ac:dyDescent="0.2">
      <c r="A68" s="8">
        <v>52</v>
      </c>
      <c r="B68" s="35">
        <v>8</v>
      </c>
      <c r="C68" s="13">
        <v>7</v>
      </c>
      <c r="D68" s="12">
        <v>15</v>
      </c>
    </row>
    <row r="69" spans="1:4" ht="18" customHeight="1" x14ac:dyDescent="0.2">
      <c r="A69" s="8">
        <v>53</v>
      </c>
      <c r="B69" s="35">
        <v>12</v>
      </c>
      <c r="C69" s="13">
        <v>7</v>
      </c>
      <c r="D69" s="12">
        <v>19</v>
      </c>
    </row>
    <row r="70" spans="1:4" ht="18" customHeight="1" x14ac:dyDescent="0.2">
      <c r="A70" s="8">
        <v>54</v>
      </c>
      <c r="B70" s="35">
        <v>4</v>
      </c>
      <c r="C70" s="13">
        <v>10</v>
      </c>
      <c r="D70" s="12">
        <v>14</v>
      </c>
    </row>
    <row r="71" spans="1:4" ht="18" customHeight="1" x14ac:dyDescent="0.2">
      <c r="A71" s="8" t="s">
        <v>14</v>
      </c>
      <c r="B71" s="35">
        <v>48</v>
      </c>
      <c r="C71" s="13">
        <v>40</v>
      </c>
      <c r="D71" s="12">
        <v>88</v>
      </c>
    </row>
    <row r="72" spans="1:4" ht="18" customHeight="1" x14ac:dyDescent="0.2">
      <c r="A72" s="8">
        <v>55</v>
      </c>
      <c r="B72" s="35">
        <v>4</v>
      </c>
      <c r="C72" s="13">
        <v>12</v>
      </c>
      <c r="D72" s="12">
        <v>16</v>
      </c>
    </row>
    <row r="73" spans="1:4" ht="18" customHeight="1" x14ac:dyDescent="0.2">
      <c r="A73" s="8">
        <v>56</v>
      </c>
      <c r="B73" s="35">
        <v>8</v>
      </c>
      <c r="C73" s="13">
        <v>10</v>
      </c>
      <c r="D73" s="12">
        <v>18</v>
      </c>
    </row>
    <row r="74" spans="1:4" ht="18" customHeight="1" x14ac:dyDescent="0.2">
      <c r="A74" s="8">
        <v>57</v>
      </c>
      <c r="B74" s="35">
        <v>8</v>
      </c>
      <c r="C74" s="13">
        <v>7</v>
      </c>
      <c r="D74" s="12">
        <v>15</v>
      </c>
    </row>
    <row r="75" spans="1:4" ht="18" customHeight="1" x14ac:dyDescent="0.2">
      <c r="A75" s="8">
        <v>58</v>
      </c>
      <c r="B75" s="35">
        <v>5</v>
      </c>
      <c r="C75" s="13">
        <v>7</v>
      </c>
      <c r="D75" s="12">
        <v>12</v>
      </c>
    </row>
    <row r="76" spans="1:4" ht="18" customHeight="1" x14ac:dyDescent="0.2">
      <c r="A76" s="8">
        <v>59</v>
      </c>
      <c r="B76" s="35">
        <v>9</v>
      </c>
      <c r="C76" s="13">
        <v>8</v>
      </c>
      <c r="D76" s="12">
        <v>17</v>
      </c>
    </row>
    <row r="77" spans="1:4" ht="18" customHeight="1" x14ac:dyDescent="0.2">
      <c r="A77" s="8" t="s">
        <v>13</v>
      </c>
      <c r="B77" s="35">
        <v>34</v>
      </c>
      <c r="C77" s="13">
        <v>44</v>
      </c>
      <c r="D77" s="12">
        <v>78</v>
      </c>
    </row>
    <row r="78" spans="1:4" ht="18" customHeight="1" x14ac:dyDescent="0.2">
      <c r="A78" s="8">
        <v>60</v>
      </c>
      <c r="B78" s="35">
        <v>6</v>
      </c>
      <c r="C78" s="13">
        <v>8</v>
      </c>
      <c r="D78" s="12">
        <v>14</v>
      </c>
    </row>
    <row r="79" spans="1:4" ht="18" customHeight="1" x14ac:dyDescent="0.2">
      <c r="A79" s="8">
        <v>61</v>
      </c>
      <c r="B79" s="35">
        <v>2</v>
      </c>
      <c r="C79" s="13">
        <v>11</v>
      </c>
      <c r="D79" s="12">
        <v>13</v>
      </c>
    </row>
    <row r="80" spans="1:4" ht="18" customHeight="1" x14ac:dyDescent="0.2">
      <c r="A80" s="8">
        <v>62</v>
      </c>
      <c r="B80" s="35">
        <v>5</v>
      </c>
      <c r="C80" s="13">
        <v>4</v>
      </c>
      <c r="D80" s="12">
        <v>9</v>
      </c>
    </row>
    <row r="81" spans="1:4" ht="18" customHeight="1" x14ac:dyDescent="0.2">
      <c r="A81" s="8">
        <v>63</v>
      </c>
      <c r="B81" s="35">
        <v>7</v>
      </c>
      <c r="C81" s="13">
        <v>10</v>
      </c>
      <c r="D81" s="12">
        <v>17</v>
      </c>
    </row>
    <row r="82" spans="1:4" ht="18" customHeight="1" x14ac:dyDescent="0.2">
      <c r="A82" s="8">
        <v>64</v>
      </c>
      <c r="B82" s="35">
        <v>5</v>
      </c>
      <c r="C82" s="13">
        <v>9</v>
      </c>
      <c r="D82" s="12">
        <v>14</v>
      </c>
    </row>
    <row r="83" spans="1:4" ht="18" customHeight="1" x14ac:dyDescent="0.2">
      <c r="A83" s="8" t="s">
        <v>12</v>
      </c>
      <c r="B83" s="35">
        <v>25</v>
      </c>
      <c r="C83" s="13">
        <v>42</v>
      </c>
      <c r="D83" s="12">
        <v>67</v>
      </c>
    </row>
    <row r="84" spans="1:4" ht="18" customHeight="1" x14ac:dyDescent="0.2">
      <c r="A84" s="8" t="s">
        <v>11</v>
      </c>
      <c r="B84" s="35">
        <v>311</v>
      </c>
      <c r="C84" s="13">
        <v>303</v>
      </c>
      <c r="D84" s="12">
        <v>614</v>
      </c>
    </row>
    <row r="85" spans="1:4" ht="18" customHeight="1" x14ac:dyDescent="0.2">
      <c r="A85" s="8">
        <v>65</v>
      </c>
      <c r="B85" s="35">
        <v>13</v>
      </c>
      <c r="C85" s="13">
        <v>12</v>
      </c>
      <c r="D85" s="12">
        <v>25</v>
      </c>
    </row>
    <row r="86" spans="1:4" ht="18" customHeight="1" x14ac:dyDescent="0.2">
      <c r="A86" s="8">
        <v>66</v>
      </c>
      <c r="B86" s="35">
        <v>12</v>
      </c>
      <c r="C86" s="13">
        <v>10</v>
      </c>
      <c r="D86" s="12">
        <v>22</v>
      </c>
    </row>
    <row r="87" spans="1:4" ht="18" customHeight="1" x14ac:dyDescent="0.2">
      <c r="A87" s="8">
        <v>67</v>
      </c>
      <c r="B87" s="35">
        <v>17</v>
      </c>
      <c r="C87" s="13">
        <v>11</v>
      </c>
      <c r="D87" s="12">
        <v>28</v>
      </c>
    </row>
    <row r="88" spans="1:4" ht="18" customHeight="1" x14ac:dyDescent="0.2">
      <c r="A88" s="8">
        <v>68</v>
      </c>
      <c r="B88" s="35">
        <v>9</v>
      </c>
      <c r="C88" s="13">
        <v>10</v>
      </c>
      <c r="D88" s="12">
        <v>19</v>
      </c>
    </row>
    <row r="89" spans="1:4" ht="18" customHeight="1" x14ac:dyDescent="0.2">
      <c r="A89" s="8">
        <v>69</v>
      </c>
      <c r="B89" s="35">
        <v>19</v>
      </c>
      <c r="C89" s="13">
        <v>17</v>
      </c>
      <c r="D89" s="12">
        <v>36</v>
      </c>
    </row>
    <row r="90" spans="1:4" ht="18" customHeight="1" x14ac:dyDescent="0.2">
      <c r="A90" s="8" t="s">
        <v>10</v>
      </c>
      <c r="B90" s="35">
        <v>70</v>
      </c>
      <c r="C90" s="13">
        <v>60</v>
      </c>
      <c r="D90" s="12">
        <v>130</v>
      </c>
    </row>
    <row r="91" spans="1:4" ht="18" customHeight="1" x14ac:dyDescent="0.2">
      <c r="A91" s="8">
        <v>70</v>
      </c>
      <c r="B91" s="35">
        <v>17</v>
      </c>
      <c r="C91" s="13">
        <v>16</v>
      </c>
      <c r="D91" s="12">
        <v>33</v>
      </c>
    </row>
    <row r="92" spans="1:4" ht="18" customHeight="1" x14ac:dyDescent="0.2">
      <c r="A92" s="8">
        <v>71</v>
      </c>
      <c r="B92" s="35">
        <v>20</v>
      </c>
      <c r="C92" s="13">
        <v>14</v>
      </c>
      <c r="D92" s="12">
        <v>34</v>
      </c>
    </row>
    <row r="93" spans="1:4" ht="18" customHeight="1" x14ac:dyDescent="0.2">
      <c r="A93" s="8">
        <v>72</v>
      </c>
      <c r="B93" s="35">
        <v>8</v>
      </c>
      <c r="C93" s="13">
        <v>12</v>
      </c>
      <c r="D93" s="12">
        <v>20</v>
      </c>
    </row>
    <row r="94" spans="1:4" ht="18" customHeight="1" x14ac:dyDescent="0.2">
      <c r="A94" s="8">
        <v>73</v>
      </c>
      <c r="B94" s="35">
        <v>15</v>
      </c>
      <c r="C94" s="13">
        <v>16</v>
      </c>
      <c r="D94" s="12">
        <v>31</v>
      </c>
    </row>
    <row r="95" spans="1:4" ht="18" customHeight="1" x14ac:dyDescent="0.2">
      <c r="A95" s="8">
        <v>74</v>
      </c>
      <c r="B95" s="35">
        <v>11</v>
      </c>
      <c r="C95" s="13">
        <v>17</v>
      </c>
      <c r="D95" s="12">
        <v>28</v>
      </c>
    </row>
    <row r="96" spans="1:4" ht="18" customHeight="1" x14ac:dyDescent="0.2">
      <c r="A96" s="8" t="s">
        <v>9</v>
      </c>
      <c r="B96" s="35">
        <v>71</v>
      </c>
      <c r="C96" s="13">
        <v>75</v>
      </c>
      <c r="D96" s="12">
        <v>146</v>
      </c>
    </row>
    <row r="97" spans="1:4" ht="18" customHeight="1" x14ac:dyDescent="0.2">
      <c r="A97" s="8">
        <v>75</v>
      </c>
      <c r="B97" s="35">
        <v>13</v>
      </c>
      <c r="C97" s="13">
        <v>10</v>
      </c>
      <c r="D97" s="12">
        <v>23</v>
      </c>
    </row>
    <row r="98" spans="1:4" ht="18" customHeight="1" x14ac:dyDescent="0.2">
      <c r="A98" s="8">
        <v>76</v>
      </c>
      <c r="B98" s="35">
        <v>17</v>
      </c>
      <c r="C98" s="13">
        <v>10</v>
      </c>
      <c r="D98" s="12">
        <v>27</v>
      </c>
    </row>
    <row r="99" spans="1:4" ht="18" customHeight="1" x14ac:dyDescent="0.2">
      <c r="A99" s="8">
        <v>77</v>
      </c>
      <c r="B99" s="35">
        <v>7</v>
      </c>
      <c r="C99" s="13">
        <v>7</v>
      </c>
      <c r="D99" s="12">
        <v>14</v>
      </c>
    </row>
    <row r="100" spans="1:4" ht="18" customHeight="1" x14ac:dyDescent="0.2">
      <c r="A100" s="8">
        <v>78</v>
      </c>
      <c r="B100" s="35">
        <v>4</v>
      </c>
      <c r="C100" s="13">
        <v>5</v>
      </c>
      <c r="D100" s="12">
        <v>9</v>
      </c>
    </row>
    <row r="101" spans="1:4" ht="18" customHeight="1" x14ac:dyDescent="0.2">
      <c r="A101" s="8">
        <v>79</v>
      </c>
      <c r="B101" s="35">
        <v>7</v>
      </c>
      <c r="C101" s="13">
        <v>7</v>
      </c>
      <c r="D101" s="12">
        <v>14</v>
      </c>
    </row>
    <row r="102" spans="1:4" ht="18" customHeight="1" x14ac:dyDescent="0.2">
      <c r="A102" s="8" t="s">
        <v>8</v>
      </c>
      <c r="B102" s="35">
        <v>48</v>
      </c>
      <c r="C102" s="13">
        <v>39</v>
      </c>
      <c r="D102" s="12">
        <v>87</v>
      </c>
    </row>
    <row r="103" spans="1:4" ht="18" customHeight="1" x14ac:dyDescent="0.2">
      <c r="A103" s="8">
        <v>80</v>
      </c>
      <c r="B103" s="35">
        <v>10</v>
      </c>
      <c r="C103" s="13">
        <v>7</v>
      </c>
      <c r="D103" s="12">
        <v>17</v>
      </c>
    </row>
    <row r="104" spans="1:4" ht="18" customHeight="1" x14ac:dyDescent="0.2">
      <c r="A104" s="8">
        <v>81</v>
      </c>
      <c r="B104" s="35">
        <v>6</v>
      </c>
      <c r="C104" s="13">
        <v>15</v>
      </c>
      <c r="D104" s="12">
        <v>21</v>
      </c>
    </row>
    <row r="105" spans="1:4" ht="18" customHeight="1" x14ac:dyDescent="0.2">
      <c r="A105" s="8">
        <v>82</v>
      </c>
      <c r="B105" s="35">
        <v>6</v>
      </c>
      <c r="C105" s="13">
        <v>12</v>
      </c>
      <c r="D105" s="12">
        <v>18</v>
      </c>
    </row>
    <row r="106" spans="1:4" ht="18" customHeight="1" x14ac:dyDescent="0.2">
      <c r="A106" s="8">
        <v>83</v>
      </c>
      <c r="B106" s="35">
        <v>4</v>
      </c>
      <c r="C106" s="13">
        <v>5</v>
      </c>
      <c r="D106" s="12">
        <v>9</v>
      </c>
    </row>
    <row r="107" spans="1:4" ht="18" customHeight="1" x14ac:dyDescent="0.2">
      <c r="A107" s="8">
        <v>84</v>
      </c>
      <c r="B107" s="35">
        <v>6</v>
      </c>
      <c r="C107" s="13">
        <v>6</v>
      </c>
      <c r="D107" s="12">
        <v>12</v>
      </c>
    </row>
    <row r="108" spans="1:4" ht="18" customHeight="1" x14ac:dyDescent="0.2">
      <c r="A108" s="8" t="s">
        <v>7</v>
      </c>
      <c r="B108" s="35">
        <v>32</v>
      </c>
      <c r="C108" s="13">
        <v>45</v>
      </c>
      <c r="D108" s="12">
        <v>77</v>
      </c>
    </row>
    <row r="109" spans="1:4" ht="18" customHeight="1" x14ac:dyDescent="0.2">
      <c r="A109" s="8">
        <v>85</v>
      </c>
      <c r="B109" s="35">
        <v>4</v>
      </c>
      <c r="C109" s="13">
        <v>5</v>
      </c>
      <c r="D109" s="12">
        <v>9</v>
      </c>
    </row>
    <row r="110" spans="1:4" ht="18" customHeight="1" x14ac:dyDescent="0.2">
      <c r="A110" s="8">
        <v>86</v>
      </c>
      <c r="B110" s="35">
        <v>5</v>
      </c>
      <c r="C110" s="13">
        <v>8</v>
      </c>
      <c r="D110" s="12">
        <v>13</v>
      </c>
    </row>
    <row r="111" spans="1:4" ht="18" customHeight="1" x14ac:dyDescent="0.2">
      <c r="A111" s="8">
        <v>87</v>
      </c>
      <c r="B111" s="35">
        <v>3</v>
      </c>
      <c r="C111" s="13">
        <v>8</v>
      </c>
      <c r="D111" s="12">
        <v>11</v>
      </c>
    </row>
    <row r="112" spans="1:4" ht="18" customHeight="1" x14ac:dyDescent="0.2">
      <c r="A112" s="8">
        <v>88</v>
      </c>
      <c r="B112" s="35">
        <v>3</v>
      </c>
      <c r="C112" s="13">
        <v>8</v>
      </c>
      <c r="D112" s="12">
        <v>11</v>
      </c>
    </row>
    <row r="113" spans="1:4" ht="18" customHeight="1" x14ac:dyDescent="0.2">
      <c r="A113" s="8">
        <v>89</v>
      </c>
      <c r="B113" s="35">
        <v>3</v>
      </c>
      <c r="C113" s="13">
        <v>9</v>
      </c>
      <c r="D113" s="12">
        <v>12</v>
      </c>
    </row>
    <row r="114" spans="1:4" ht="18" customHeight="1" x14ac:dyDescent="0.2">
      <c r="A114" s="8" t="s">
        <v>6</v>
      </c>
      <c r="B114" s="35">
        <v>18</v>
      </c>
      <c r="C114" s="13">
        <v>38</v>
      </c>
      <c r="D114" s="12">
        <v>56</v>
      </c>
    </row>
    <row r="115" spans="1:4" ht="18" customHeight="1" x14ac:dyDescent="0.2">
      <c r="A115" s="8">
        <v>90</v>
      </c>
      <c r="B115" s="35">
        <v>2</v>
      </c>
      <c r="C115" s="13">
        <v>5</v>
      </c>
      <c r="D115" s="12">
        <v>7</v>
      </c>
    </row>
    <row r="116" spans="1:4" ht="18" customHeight="1" x14ac:dyDescent="0.2">
      <c r="A116" s="8">
        <v>91</v>
      </c>
      <c r="B116" s="35">
        <v>3</v>
      </c>
      <c r="C116" s="13">
        <v>8</v>
      </c>
      <c r="D116" s="12">
        <v>11</v>
      </c>
    </row>
    <row r="117" spans="1:4" ht="18" customHeight="1" x14ac:dyDescent="0.2">
      <c r="A117" s="8">
        <v>92</v>
      </c>
      <c r="B117" s="35">
        <v>3</v>
      </c>
      <c r="C117" s="13">
        <v>4</v>
      </c>
      <c r="D117" s="12">
        <v>7</v>
      </c>
    </row>
    <row r="118" spans="1:4" ht="18" customHeight="1" x14ac:dyDescent="0.2">
      <c r="A118" s="8">
        <v>93</v>
      </c>
      <c r="B118" s="35">
        <v>1</v>
      </c>
      <c r="C118" s="13">
        <v>3</v>
      </c>
      <c r="D118" s="12">
        <v>4</v>
      </c>
    </row>
    <row r="119" spans="1:4" ht="18" customHeight="1" x14ac:dyDescent="0.2">
      <c r="A119" s="8">
        <v>94</v>
      </c>
      <c r="B119" s="35">
        <v>2</v>
      </c>
      <c r="C119" s="13">
        <v>8</v>
      </c>
      <c r="D119" s="12">
        <v>10</v>
      </c>
    </row>
    <row r="120" spans="1:4" ht="18" customHeight="1" x14ac:dyDescent="0.2">
      <c r="A120" s="8" t="s">
        <v>5</v>
      </c>
      <c r="B120" s="35">
        <v>11</v>
      </c>
      <c r="C120" s="13">
        <v>28</v>
      </c>
      <c r="D120" s="12">
        <v>39</v>
      </c>
    </row>
    <row r="121" spans="1:4" ht="18" customHeight="1" x14ac:dyDescent="0.2">
      <c r="A121" s="8">
        <v>95</v>
      </c>
      <c r="B121" s="35">
        <v>2</v>
      </c>
      <c r="C121" s="13">
        <v>7</v>
      </c>
      <c r="D121" s="12">
        <v>9</v>
      </c>
    </row>
    <row r="122" spans="1:4" ht="18" customHeight="1" x14ac:dyDescent="0.2">
      <c r="A122" s="8">
        <v>96</v>
      </c>
      <c r="B122" s="35">
        <v>0</v>
      </c>
      <c r="C122" s="13">
        <v>3</v>
      </c>
      <c r="D122" s="12">
        <v>3</v>
      </c>
    </row>
    <row r="123" spans="1:4" ht="18" customHeight="1" x14ac:dyDescent="0.2">
      <c r="A123" s="8">
        <v>97</v>
      </c>
      <c r="B123" s="35">
        <v>0</v>
      </c>
      <c r="C123" s="13">
        <v>1</v>
      </c>
      <c r="D123" s="12">
        <v>1</v>
      </c>
    </row>
    <row r="124" spans="1:4" ht="18" customHeight="1" x14ac:dyDescent="0.2">
      <c r="A124" s="8">
        <v>98</v>
      </c>
      <c r="B124" s="35">
        <v>0</v>
      </c>
      <c r="C124" s="13">
        <v>0</v>
      </c>
      <c r="D124" s="12">
        <v>0</v>
      </c>
    </row>
    <row r="125" spans="1:4" ht="18" customHeight="1" x14ac:dyDescent="0.2">
      <c r="A125" s="8">
        <v>99</v>
      </c>
      <c r="B125" s="35">
        <v>1</v>
      </c>
      <c r="C125" s="13">
        <v>2</v>
      </c>
      <c r="D125" s="12">
        <v>3</v>
      </c>
    </row>
    <row r="126" spans="1:4" ht="18" customHeight="1" x14ac:dyDescent="0.2">
      <c r="A126" s="8" t="s">
        <v>4</v>
      </c>
      <c r="B126" s="35">
        <v>3</v>
      </c>
      <c r="C126" s="13">
        <v>13</v>
      </c>
      <c r="D126" s="12">
        <v>16</v>
      </c>
    </row>
    <row r="127" spans="1:4" ht="18" customHeight="1" x14ac:dyDescent="0.2">
      <c r="A127" s="8">
        <v>100</v>
      </c>
      <c r="B127" s="35">
        <v>0</v>
      </c>
      <c r="C127" s="13">
        <v>2</v>
      </c>
      <c r="D127" s="12">
        <v>2</v>
      </c>
    </row>
    <row r="128" spans="1:4" ht="18" customHeight="1" x14ac:dyDescent="0.2">
      <c r="A128" s="15" t="s">
        <v>3</v>
      </c>
      <c r="B128" s="35">
        <v>0</v>
      </c>
      <c r="C128" s="13">
        <v>1</v>
      </c>
      <c r="D128" s="12">
        <v>1</v>
      </c>
    </row>
    <row r="129" spans="1:4" ht="18" customHeight="1" x14ac:dyDescent="0.2">
      <c r="A129" s="8" t="s">
        <v>2</v>
      </c>
      <c r="B129" s="35">
        <v>0</v>
      </c>
      <c r="C129" s="13">
        <v>3</v>
      </c>
      <c r="D129" s="12">
        <v>3</v>
      </c>
    </row>
    <row r="130" spans="1:4" ht="18" customHeight="1" x14ac:dyDescent="0.2">
      <c r="A130" s="8" t="s">
        <v>1</v>
      </c>
      <c r="B130" s="28">
        <v>253</v>
      </c>
      <c r="C130" s="6">
        <v>301</v>
      </c>
      <c r="D130" s="5">
        <v>554</v>
      </c>
    </row>
    <row r="131" spans="1:4" ht="18" customHeight="1" x14ac:dyDescent="0.2">
      <c r="A131" s="4" t="s">
        <v>0</v>
      </c>
      <c r="B131" s="27">
        <v>626</v>
      </c>
      <c r="C131" s="2">
        <v>653</v>
      </c>
      <c r="D131" s="1">
        <v>1279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DD653F3-BFC5-4D48-832F-4C22569A873B}">
  <sheetPr codeName="Sheet9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117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0</v>
      </c>
      <c r="C5" s="45">
        <v>3</v>
      </c>
      <c r="D5" s="44">
        <v>3</v>
      </c>
    </row>
    <row r="6" spans="1:4" ht="18" customHeight="1" x14ac:dyDescent="0.2">
      <c r="A6" s="8">
        <v>1</v>
      </c>
      <c r="B6" s="40">
        <v>0</v>
      </c>
      <c r="C6" s="13">
        <v>0</v>
      </c>
      <c r="D6" s="12">
        <v>0</v>
      </c>
    </row>
    <row r="7" spans="1:4" ht="18" customHeight="1" x14ac:dyDescent="0.2">
      <c r="A7" s="8">
        <v>2</v>
      </c>
      <c r="B7" s="40">
        <v>3</v>
      </c>
      <c r="C7" s="13">
        <v>1</v>
      </c>
      <c r="D7" s="12">
        <v>4</v>
      </c>
    </row>
    <row r="8" spans="1:4" ht="18" customHeight="1" x14ac:dyDescent="0.2">
      <c r="A8" s="8">
        <v>3</v>
      </c>
      <c r="B8" s="40">
        <v>0</v>
      </c>
      <c r="C8" s="13">
        <v>3</v>
      </c>
      <c r="D8" s="12">
        <v>3</v>
      </c>
    </row>
    <row r="9" spans="1:4" ht="18" customHeight="1" x14ac:dyDescent="0.2">
      <c r="A9" s="8">
        <v>4</v>
      </c>
      <c r="B9" s="43">
        <v>2</v>
      </c>
      <c r="C9" s="42">
        <v>3</v>
      </c>
      <c r="D9" s="41">
        <v>5</v>
      </c>
    </row>
    <row r="10" spans="1:4" ht="18" customHeight="1" x14ac:dyDescent="0.2">
      <c r="A10" s="8" t="s">
        <v>25</v>
      </c>
      <c r="B10" s="35">
        <v>5</v>
      </c>
      <c r="C10" s="13">
        <v>10</v>
      </c>
      <c r="D10" s="12">
        <v>15</v>
      </c>
    </row>
    <row r="11" spans="1:4" ht="18" customHeight="1" x14ac:dyDescent="0.2">
      <c r="A11" s="8">
        <v>5</v>
      </c>
      <c r="B11" s="40">
        <v>1</v>
      </c>
      <c r="C11" s="13">
        <v>2</v>
      </c>
      <c r="D11" s="12">
        <v>3</v>
      </c>
    </row>
    <row r="12" spans="1:4" ht="18" customHeight="1" x14ac:dyDescent="0.2">
      <c r="A12" s="8">
        <v>6</v>
      </c>
      <c r="B12" s="40">
        <v>2</v>
      </c>
      <c r="C12" s="13">
        <v>0</v>
      </c>
      <c r="D12" s="12">
        <v>2</v>
      </c>
    </row>
    <row r="13" spans="1:4" ht="18" customHeight="1" x14ac:dyDescent="0.2">
      <c r="A13" s="8">
        <v>7</v>
      </c>
      <c r="B13" s="40">
        <v>0</v>
      </c>
      <c r="C13" s="13">
        <v>1</v>
      </c>
      <c r="D13" s="12">
        <v>1</v>
      </c>
    </row>
    <row r="14" spans="1:4" ht="18" customHeight="1" x14ac:dyDescent="0.2">
      <c r="A14" s="8">
        <v>8</v>
      </c>
      <c r="B14" s="40">
        <v>2</v>
      </c>
      <c r="C14" s="13">
        <v>3</v>
      </c>
      <c r="D14" s="12">
        <v>5</v>
      </c>
    </row>
    <row r="15" spans="1:4" ht="18" customHeight="1" x14ac:dyDescent="0.2">
      <c r="A15" s="8">
        <v>9</v>
      </c>
      <c r="B15" s="40">
        <v>2</v>
      </c>
      <c r="C15" s="13">
        <v>0</v>
      </c>
      <c r="D15" s="12">
        <v>2</v>
      </c>
    </row>
    <row r="16" spans="1:4" ht="18" customHeight="1" x14ac:dyDescent="0.2">
      <c r="A16" s="8" t="s">
        <v>24</v>
      </c>
      <c r="B16" s="35">
        <v>7</v>
      </c>
      <c r="C16" s="13">
        <v>6</v>
      </c>
      <c r="D16" s="12">
        <v>13</v>
      </c>
    </row>
    <row r="17" spans="1:4" ht="18" customHeight="1" x14ac:dyDescent="0.2">
      <c r="A17" s="8">
        <v>10</v>
      </c>
      <c r="B17" s="35">
        <v>2</v>
      </c>
      <c r="C17" s="13">
        <v>2</v>
      </c>
      <c r="D17" s="12">
        <v>4</v>
      </c>
    </row>
    <row r="18" spans="1:4" ht="18" customHeight="1" x14ac:dyDescent="0.2">
      <c r="A18" s="8">
        <v>11</v>
      </c>
      <c r="B18" s="35">
        <v>5</v>
      </c>
      <c r="C18" s="13">
        <v>3</v>
      </c>
      <c r="D18" s="12">
        <v>8</v>
      </c>
    </row>
    <row r="19" spans="1:4" ht="18" customHeight="1" x14ac:dyDescent="0.2">
      <c r="A19" s="8">
        <v>12</v>
      </c>
      <c r="B19" s="35">
        <v>7</v>
      </c>
      <c r="C19" s="13">
        <v>0</v>
      </c>
      <c r="D19" s="12">
        <v>7</v>
      </c>
    </row>
    <row r="20" spans="1:4" ht="18" customHeight="1" x14ac:dyDescent="0.2">
      <c r="A20" s="8">
        <v>13</v>
      </c>
      <c r="B20" s="35">
        <v>6</v>
      </c>
      <c r="C20" s="13">
        <v>2</v>
      </c>
      <c r="D20" s="12">
        <v>8</v>
      </c>
    </row>
    <row r="21" spans="1:4" ht="18" customHeight="1" x14ac:dyDescent="0.2">
      <c r="A21" s="8">
        <v>14</v>
      </c>
      <c r="B21" s="35">
        <v>6</v>
      </c>
      <c r="C21" s="13">
        <v>4</v>
      </c>
      <c r="D21" s="12">
        <v>10</v>
      </c>
    </row>
    <row r="22" spans="1:4" ht="18" customHeight="1" x14ac:dyDescent="0.2">
      <c r="A22" s="8" t="s">
        <v>23</v>
      </c>
      <c r="B22" s="35">
        <v>26</v>
      </c>
      <c r="C22" s="13">
        <v>11</v>
      </c>
      <c r="D22" s="12">
        <v>37</v>
      </c>
    </row>
    <row r="23" spans="1:4" ht="18" customHeight="1" x14ac:dyDescent="0.2">
      <c r="A23" s="8" t="s">
        <v>22</v>
      </c>
      <c r="B23" s="35">
        <v>38</v>
      </c>
      <c r="C23" s="13">
        <v>27</v>
      </c>
      <c r="D23" s="12">
        <v>65</v>
      </c>
    </row>
    <row r="24" spans="1:4" ht="18" customHeight="1" x14ac:dyDescent="0.2">
      <c r="A24" s="8">
        <v>15</v>
      </c>
      <c r="B24" s="35">
        <v>1</v>
      </c>
      <c r="C24" s="13">
        <v>2</v>
      </c>
      <c r="D24" s="12">
        <v>3</v>
      </c>
    </row>
    <row r="25" spans="1:4" ht="18" customHeight="1" x14ac:dyDescent="0.2">
      <c r="A25" s="8">
        <v>16</v>
      </c>
      <c r="B25" s="35">
        <v>5</v>
      </c>
      <c r="C25" s="13">
        <v>3</v>
      </c>
      <c r="D25" s="12">
        <v>8</v>
      </c>
    </row>
    <row r="26" spans="1:4" ht="18" customHeight="1" x14ac:dyDescent="0.2">
      <c r="A26" s="8">
        <v>17</v>
      </c>
      <c r="B26" s="35">
        <v>7</v>
      </c>
      <c r="C26" s="13">
        <v>7</v>
      </c>
      <c r="D26" s="12">
        <v>14</v>
      </c>
    </row>
    <row r="27" spans="1:4" ht="18" customHeight="1" x14ac:dyDescent="0.2">
      <c r="A27" s="8">
        <v>18</v>
      </c>
      <c r="B27" s="35">
        <v>2</v>
      </c>
      <c r="C27" s="13">
        <v>3</v>
      </c>
      <c r="D27" s="12">
        <v>5</v>
      </c>
    </row>
    <row r="28" spans="1:4" ht="18" customHeight="1" x14ac:dyDescent="0.2">
      <c r="A28" s="8">
        <v>19</v>
      </c>
      <c r="B28" s="35">
        <v>6</v>
      </c>
      <c r="C28" s="13">
        <v>3</v>
      </c>
      <c r="D28" s="12">
        <v>9</v>
      </c>
    </row>
    <row r="29" spans="1:4" ht="18" customHeight="1" x14ac:dyDescent="0.2">
      <c r="A29" s="8" t="s">
        <v>21</v>
      </c>
      <c r="B29" s="35">
        <v>21</v>
      </c>
      <c r="C29" s="13">
        <v>18</v>
      </c>
      <c r="D29" s="12">
        <v>39</v>
      </c>
    </row>
    <row r="30" spans="1:4" ht="18" customHeight="1" x14ac:dyDescent="0.2">
      <c r="A30" s="8">
        <v>20</v>
      </c>
      <c r="B30" s="35">
        <v>6</v>
      </c>
      <c r="C30" s="13">
        <v>3</v>
      </c>
      <c r="D30" s="12">
        <v>9</v>
      </c>
    </row>
    <row r="31" spans="1:4" ht="18" customHeight="1" x14ac:dyDescent="0.2">
      <c r="A31" s="8">
        <v>21</v>
      </c>
      <c r="B31" s="35">
        <v>2</v>
      </c>
      <c r="C31" s="13">
        <v>4</v>
      </c>
      <c r="D31" s="12">
        <v>6</v>
      </c>
    </row>
    <row r="32" spans="1:4" ht="18" customHeight="1" x14ac:dyDescent="0.2">
      <c r="A32" s="8">
        <v>22</v>
      </c>
      <c r="B32" s="35">
        <v>3</v>
      </c>
      <c r="C32" s="13">
        <v>5</v>
      </c>
      <c r="D32" s="12">
        <v>8</v>
      </c>
    </row>
    <row r="33" spans="1:4" ht="18" customHeight="1" x14ac:dyDescent="0.2">
      <c r="A33" s="8">
        <v>23</v>
      </c>
      <c r="B33" s="35">
        <v>3</v>
      </c>
      <c r="C33" s="13">
        <v>1</v>
      </c>
      <c r="D33" s="12">
        <v>4</v>
      </c>
    </row>
    <row r="34" spans="1:4" ht="18" customHeight="1" x14ac:dyDescent="0.2">
      <c r="A34" s="8">
        <v>24</v>
      </c>
      <c r="B34" s="35">
        <v>4</v>
      </c>
      <c r="C34" s="13">
        <v>1</v>
      </c>
      <c r="D34" s="12">
        <v>5</v>
      </c>
    </row>
    <row r="35" spans="1:4" ht="18" customHeight="1" x14ac:dyDescent="0.2">
      <c r="A35" s="8" t="s">
        <v>20</v>
      </c>
      <c r="B35" s="35">
        <v>18</v>
      </c>
      <c r="C35" s="13">
        <v>14</v>
      </c>
      <c r="D35" s="12">
        <v>32</v>
      </c>
    </row>
    <row r="36" spans="1:4" ht="18" customHeight="1" x14ac:dyDescent="0.2">
      <c r="A36" s="8">
        <v>25</v>
      </c>
      <c r="B36" s="35">
        <v>3</v>
      </c>
      <c r="C36" s="13">
        <v>3</v>
      </c>
      <c r="D36" s="12">
        <v>6</v>
      </c>
    </row>
    <row r="37" spans="1:4" ht="18" customHeight="1" x14ac:dyDescent="0.2">
      <c r="A37" s="8">
        <v>26</v>
      </c>
      <c r="B37" s="35">
        <v>7</v>
      </c>
      <c r="C37" s="13">
        <v>3</v>
      </c>
      <c r="D37" s="12">
        <v>10</v>
      </c>
    </row>
    <row r="38" spans="1:4" ht="18" customHeight="1" x14ac:dyDescent="0.2">
      <c r="A38" s="8">
        <v>27</v>
      </c>
      <c r="B38" s="35">
        <v>3</v>
      </c>
      <c r="C38" s="13">
        <v>5</v>
      </c>
      <c r="D38" s="12">
        <v>8</v>
      </c>
    </row>
    <row r="39" spans="1:4" ht="18" customHeight="1" x14ac:dyDescent="0.2">
      <c r="A39" s="8">
        <v>28</v>
      </c>
      <c r="B39" s="35">
        <v>1</v>
      </c>
      <c r="C39" s="13">
        <v>1</v>
      </c>
      <c r="D39" s="12">
        <v>2</v>
      </c>
    </row>
    <row r="40" spans="1:4" ht="18" customHeight="1" x14ac:dyDescent="0.2">
      <c r="A40" s="8">
        <v>29</v>
      </c>
      <c r="B40" s="35">
        <v>3</v>
      </c>
      <c r="C40" s="13">
        <v>6</v>
      </c>
      <c r="D40" s="12">
        <v>9</v>
      </c>
    </row>
    <row r="41" spans="1:4" ht="18" customHeight="1" x14ac:dyDescent="0.2">
      <c r="A41" s="8" t="s">
        <v>19</v>
      </c>
      <c r="B41" s="35">
        <v>17</v>
      </c>
      <c r="C41" s="13">
        <v>18</v>
      </c>
      <c r="D41" s="12">
        <v>35</v>
      </c>
    </row>
    <row r="42" spans="1:4" ht="18" customHeight="1" x14ac:dyDescent="0.2">
      <c r="A42" s="8">
        <v>30</v>
      </c>
      <c r="B42" s="35">
        <v>2</v>
      </c>
      <c r="C42" s="13">
        <v>2</v>
      </c>
      <c r="D42" s="12">
        <v>4</v>
      </c>
    </row>
    <row r="43" spans="1:4" ht="18" customHeight="1" x14ac:dyDescent="0.2">
      <c r="A43" s="8">
        <v>31</v>
      </c>
      <c r="B43" s="35">
        <v>3</v>
      </c>
      <c r="C43" s="13">
        <v>2</v>
      </c>
      <c r="D43" s="12">
        <v>5</v>
      </c>
    </row>
    <row r="44" spans="1:4" ht="18" customHeight="1" x14ac:dyDescent="0.2">
      <c r="A44" s="8">
        <v>32</v>
      </c>
      <c r="B44" s="35">
        <v>6</v>
      </c>
      <c r="C44" s="13">
        <v>1</v>
      </c>
      <c r="D44" s="12">
        <v>7</v>
      </c>
    </row>
    <row r="45" spans="1:4" ht="18" customHeight="1" x14ac:dyDescent="0.2">
      <c r="A45" s="8">
        <v>33</v>
      </c>
      <c r="B45" s="35">
        <v>3</v>
      </c>
      <c r="C45" s="13">
        <v>1</v>
      </c>
      <c r="D45" s="12">
        <v>4</v>
      </c>
    </row>
    <row r="46" spans="1:4" ht="18" customHeight="1" x14ac:dyDescent="0.2">
      <c r="A46" s="8">
        <v>34</v>
      </c>
      <c r="B46" s="35">
        <v>2</v>
      </c>
      <c r="C46" s="13">
        <v>3</v>
      </c>
      <c r="D46" s="12">
        <v>5</v>
      </c>
    </row>
    <row r="47" spans="1:4" ht="18" customHeight="1" x14ac:dyDescent="0.2">
      <c r="A47" s="8" t="s">
        <v>18</v>
      </c>
      <c r="B47" s="35">
        <v>16</v>
      </c>
      <c r="C47" s="13">
        <v>9</v>
      </c>
      <c r="D47" s="12">
        <v>25</v>
      </c>
    </row>
    <row r="48" spans="1:4" ht="18" customHeight="1" x14ac:dyDescent="0.2">
      <c r="A48" s="8">
        <v>35</v>
      </c>
      <c r="B48" s="35">
        <v>3</v>
      </c>
      <c r="C48" s="13">
        <v>2</v>
      </c>
      <c r="D48" s="12">
        <v>5</v>
      </c>
    </row>
    <row r="49" spans="1:4" ht="18" customHeight="1" x14ac:dyDescent="0.2">
      <c r="A49" s="8">
        <v>36</v>
      </c>
      <c r="B49" s="35">
        <v>2</v>
      </c>
      <c r="C49" s="13">
        <v>3</v>
      </c>
      <c r="D49" s="12">
        <v>5</v>
      </c>
    </row>
    <row r="50" spans="1:4" ht="18" customHeight="1" x14ac:dyDescent="0.2">
      <c r="A50" s="8">
        <v>37</v>
      </c>
      <c r="B50" s="35">
        <v>5</v>
      </c>
      <c r="C50" s="13">
        <v>4</v>
      </c>
      <c r="D50" s="12">
        <v>9</v>
      </c>
    </row>
    <row r="51" spans="1:4" ht="18" customHeight="1" x14ac:dyDescent="0.2">
      <c r="A51" s="8">
        <v>38</v>
      </c>
      <c r="B51" s="35">
        <v>1</v>
      </c>
      <c r="C51" s="13">
        <v>5</v>
      </c>
      <c r="D51" s="12">
        <v>6</v>
      </c>
    </row>
    <row r="52" spans="1:4" ht="18" customHeight="1" x14ac:dyDescent="0.2">
      <c r="A52" s="8">
        <v>39</v>
      </c>
      <c r="B52" s="35">
        <v>5</v>
      </c>
      <c r="C52" s="13">
        <v>3</v>
      </c>
      <c r="D52" s="12">
        <v>8</v>
      </c>
    </row>
    <row r="53" spans="1:4" ht="18" customHeight="1" x14ac:dyDescent="0.2">
      <c r="A53" s="8" t="s">
        <v>17</v>
      </c>
      <c r="B53" s="35">
        <v>16</v>
      </c>
      <c r="C53" s="13">
        <v>17</v>
      </c>
      <c r="D53" s="12">
        <v>33</v>
      </c>
    </row>
    <row r="54" spans="1:4" ht="18" customHeight="1" x14ac:dyDescent="0.2">
      <c r="A54" s="8">
        <v>40</v>
      </c>
      <c r="B54" s="35">
        <v>8</v>
      </c>
      <c r="C54" s="13">
        <v>0</v>
      </c>
      <c r="D54" s="12">
        <v>8</v>
      </c>
    </row>
    <row r="55" spans="1:4" ht="18" customHeight="1" x14ac:dyDescent="0.2">
      <c r="A55" s="8">
        <v>41</v>
      </c>
      <c r="B55" s="35">
        <v>6</v>
      </c>
      <c r="C55" s="13">
        <v>2</v>
      </c>
      <c r="D55" s="12">
        <v>8</v>
      </c>
    </row>
    <row r="56" spans="1:4" ht="18" customHeight="1" x14ac:dyDescent="0.2">
      <c r="A56" s="8">
        <v>42</v>
      </c>
      <c r="B56" s="35">
        <v>2</v>
      </c>
      <c r="C56" s="13">
        <v>4</v>
      </c>
      <c r="D56" s="12">
        <v>6</v>
      </c>
    </row>
    <row r="57" spans="1:4" ht="18" customHeight="1" x14ac:dyDescent="0.2">
      <c r="A57" s="8">
        <v>43</v>
      </c>
      <c r="B57" s="35">
        <v>5</v>
      </c>
      <c r="C57" s="13">
        <v>5</v>
      </c>
      <c r="D57" s="12">
        <v>10</v>
      </c>
    </row>
    <row r="58" spans="1:4" ht="18" customHeight="1" x14ac:dyDescent="0.2">
      <c r="A58" s="8">
        <v>44</v>
      </c>
      <c r="B58" s="35">
        <v>5</v>
      </c>
      <c r="C58" s="13">
        <v>6</v>
      </c>
      <c r="D58" s="12">
        <v>11</v>
      </c>
    </row>
    <row r="59" spans="1:4" ht="18" customHeight="1" x14ac:dyDescent="0.2">
      <c r="A59" s="8" t="s">
        <v>16</v>
      </c>
      <c r="B59" s="35">
        <v>26</v>
      </c>
      <c r="C59" s="13">
        <v>17</v>
      </c>
      <c r="D59" s="12">
        <v>43</v>
      </c>
    </row>
    <row r="60" spans="1:4" ht="18" customHeight="1" x14ac:dyDescent="0.2">
      <c r="A60" s="8">
        <v>45</v>
      </c>
      <c r="B60" s="35">
        <v>7</v>
      </c>
      <c r="C60" s="13">
        <v>2</v>
      </c>
      <c r="D60" s="12">
        <v>9</v>
      </c>
    </row>
    <row r="61" spans="1:4" ht="18" customHeight="1" x14ac:dyDescent="0.2">
      <c r="A61" s="8">
        <v>46</v>
      </c>
      <c r="B61" s="35">
        <v>9</v>
      </c>
      <c r="C61" s="13">
        <v>5</v>
      </c>
      <c r="D61" s="12">
        <v>14</v>
      </c>
    </row>
    <row r="62" spans="1:4" ht="18" customHeight="1" x14ac:dyDescent="0.2">
      <c r="A62" s="8">
        <v>47</v>
      </c>
      <c r="B62" s="35">
        <v>6</v>
      </c>
      <c r="C62" s="13">
        <v>5</v>
      </c>
      <c r="D62" s="12">
        <v>11</v>
      </c>
    </row>
    <row r="63" spans="1:4" ht="18" customHeight="1" x14ac:dyDescent="0.2">
      <c r="A63" s="8">
        <v>48</v>
      </c>
      <c r="B63" s="35">
        <v>8</v>
      </c>
      <c r="C63" s="13">
        <v>8</v>
      </c>
      <c r="D63" s="12">
        <v>16</v>
      </c>
    </row>
    <row r="64" spans="1:4" ht="18" customHeight="1" x14ac:dyDescent="0.2">
      <c r="A64" s="8">
        <v>49</v>
      </c>
      <c r="B64" s="35">
        <v>7</v>
      </c>
      <c r="C64" s="13">
        <v>10</v>
      </c>
      <c r="D64" s="12">
        <v>17</v>
      </c>
    </row>
    <row r="65" spans="1:4" ht="18" customHeight="1" x14ac:dyDescent="0.2">
      <c r="A65" s="8" t="s">
        <v>15</v>
      </c>
      <c r="B65" s="35">
        <v>37</v>
      </c>
      <c r="C65" s="13">
        <v>30</v>
      </c>
      <c r="D65" s="12">
        <v>67</v>
      </c>
    </row>
    <row r="66" spans="1:4" ht="18" customHeight="1" x14ac:dyDescent="0.2">
      <c r="A66" s="8">
        <v>50</v>
      </c>
      <c r="B66" s="35">
        <v>8</v>
      </c>
      <c r="C66" s="13">
        <v>3</v>
      </c>
      <c r="D66" s="12">
        <v>11</v>
      </c>
    </row>
    <row r="67" spans="1:4" ht="18" customHeight="1" x14ac:dyDescent="0.2">
      <c r="A67" s="8">
        <v>51</v>
      </c>
      <c r="B67" s="35">
        <v>5</v>
      </c>
      <c r="C67" s="13">
        <v>7</v>
      </c>
      <c r="D67" s="12">
        <v>12</v>
      </c>
    </row>
    <row r="68" spans="1:4" ht="18" customHeight="1" x14ac:dyDescent="0.2">
      <c r="A68" s="8">
        <v>52</v>
      </c>
      <c r="B68" s="35">
        <v>5</v>
      </c>
      <c r="C68" s="13">
        <v>10</v>
      </c>
      <c r="D68" s="12">
        <v>15</v>
      </c>
    </row>
    <row r="69" spans="1:4" ht="18" customHeight="1" x14ac:dyDescent="0.2">
      <c r="A69" s="8">
        <v>53</v>
      </c>
      <c r="B69" s="35">
        <v>6</v>
      </c>
      <c r="C69" s="13">
        <v>8</v>
      </c>
      <c r="D69" s="12">
        <v>14</v>
      </c>
    </row>
    <row r="70" spans="1:4" ht="18" customHeight="1" x14ac:dyDescent="0.2">
      <c r="A70" s="8">
        <v>54</v>
      </c>
      <c r="B70" s="35">
        <v>6</v>
      </c>
      <c r="C70" s="13">
        <v>6</v>
      </c>
      <c r="D70" s="12">
        <v>12</v>
      </c>
    </row>
    <row r="71" spans="1:4" ht="18" customHeight="1" x14ac:dyDescent="0.2">
      <c r="A71" s="8" t="s">
        <v>14</v>
      </c>
      <c r="B71" s="35">
        <v>30</v>
      </c>
      <c r="C71" s="13">
        <v>34</v>
      </c>
      <c r="D71" s="12">
        <v>64</v>
      </c>
    </row>
    <row r="72" spans="1:4" ht="18" customHeight="1" x14ac:dyDescent="0.2">
      <c r="A72" s="8">
        <v>55</v>
      </c>
      <c r="B72" s="35">
        <v>5</v>
      </c>
      <c r="C72" s="13">
        <v>8</v>
      </c>
      <c r="D72" s="12">
        <v>13</v>
      </c>
    </row>
    <row r="73" spans="1:4" ht="18" customHeight="1" x14ac:dyDescent="0.2">
      <c r="A73" s="8">
        <v>56</v>
      </c>
      <c r="B73" s="35">
        <v>5</v>
      </c>
      <c r="C73" s="13">
        <v>3</v>
      </c>
      <c r="D73" s="12">
        <v>8</v>
      </c>
    </row>
    <row r="74" spans="1:4" ht="18" customHeight="1" x14ac:dyDescent="0.2">
      <c r="A74" s="8">
        <v>57</v>
      </c>
      <c r="B74" s="35">
        <v>4</v>
      </c>
      <c r="C74" s="13">
        <v>4</v>
      </c>
      <c r="D74" s="12">
        <v>8</v>
      </c>
    </row>
    <row r="75" spans="1:4" ht="18" customHeight="1" x14ac:dyDescent="0.2">
      <c r="A75" s="8">
        <v>58</v>
      </c>
      <c r="B75" s="35">
        <v>3</v>
      </c>
      <c r="C75" s="13">
        <v>5</v>
      </c>
      <c r="D75" s="12">
        <v>8</v>
      </c>
    </row>
    <row r="76" spans="1:4" ht="18" customHeight="1" x14ac:dyDescent="0.2">
      <c r="A76" s="8">
        <v>59</v>
      </c>
      <c r="B76" s="35">
        <v>5</v>
      </c>
      <c r="C76" s="13">
        <v>9</v>
      </c>
      <c r="D76" s="12">
        <v>14</v>
      </c>
    </row>
    <row r="77" spans="1:4" ht="18" customHeight="1" x14ac:dyDescent="0.2">
      <c r="A77" s="8" t="s">
        <v>13</v>
      </c>
      <c r="B77" s="35">
        <v>22</v>
      </c>
      <c r="C77" s="13">
        <v>29</v>
      </c>
      <c r="D77" s="12">
        <v>51</v>
      </c>
    </row>
    <row r="78" spans="1:4" ht="18" customHeight="1" x14ac:dyDescent="0.2">
      <c r="A78" s="8">
        <v>60</v>
      </c>
      <c r="B78" s="35">
        <v>7</v>
      </c>
      <c r="C78" s="13">
        <v>5</v>
      </c>
      <c r="D78" s="12">
        <v>12</v>
      </c>
    </row>
    <row r="79" spans="1:4" ht="18" customHeight="1" x14ac:dyDescent="0.2">
      <c r="A79" s="8">
        <v>61</v>
      </c>
      <c r="B79" s="35">
        <v>5</v>
      </c>
      <c r="C79" s="13">
        <v>1</v>
      </c>
      <c r="D79" s="12">
        <v>6</v>
      </c>
    </row>
    <row r="80" spans="1:4" ht="18" customHeight="1" x14ac:dyDescent="0.2">
      <c r="A80" s="8">
        <v>62</v>
      </c>
      <c r="B80" s="35">
        <v>7</v>
      </c>
      <c r="C80" s="13">
        <v>9</v>
      </c>
      <c r="D80" s="12">
        <v>16</v>
      </c>
    </row>
    <row r="81" spans="1:4" ht="18" customHeight="1" x14ac:dyDescent="0.2">
      <c r="A81" s="8">
        <v>63</v>
      </c>
      <c r="B81" s="35">
        <v>4</v>
      </c>
      <c r="C81" s="13">
        <v>6</v>
      </c>
      <c r="D81" s="12">
        <v>10</v>
      </c>
    </row>
    <row r="82" spans="1:4" ht="18" customHeight="1" x14ac:dyDescent="0.2">
      <c r="A82" s="8">
        <v>64</v>
      </c>
      <c r="B82" s="35">
        <v>6</v>
      </c>
      <c r="C82" s="13">
        <v>8</v>
      </c>
      <c r="D82" s="12">
        <v>14</v>
      </c>
    </row>
    <row r="83" spans="1:4" ht="18" customHeight="1" x14ac:dyDescent="0.2">
      <c r="A83" s="8" t="s">
        <v>12</v>
      </c>
      <c r="B83" s="35">
        <v>29</v>
      </c>
      <c r="C83" s="13">
        <v>29</v>
      </c>
      <c r="D83" s="12">
        <v>58</v>
      </c>
    </row>
    <row r="84" spans="1:4" ht="18" customHeight="1" x14ac:dyDescent="0.2">
      <c r="A84" s="8" t="s">
        <v>11</v>
      </c>
      <c r="B84" s="35">
        <v>232</v>
      </c>
      <c r="C84" s="13">
        <v>215</v>
      </c>
      <c r="D84" s="12">
        <v>447</v>
      </c>
    </row>
    <row r="85" spans="1:4" ht="18" customHeight="1" x14ac:dyDescent="0.2">
      <c r="A85" s="8">
        <v>65</v>
      </c>
      <c r="B85" s="35">
        <v>5</v>
      </c>
      <c r="C85" s="13">
        <v>4</v>
      </c>
      <c r="D85" s="12">
        <v>9</v>
      </c>
    </row>
    <row r="86" spans="1:4" ht="18" customHeight="1" x14ac:dyDescent="0.2">
      <c r="A86" s="8">
        <v>66</v>
      </c>
      <c r="B86" s="35">
        <v>4</v>
      </c>
      <c r="C86" s="13">
        <v>4</v>
      </c>
      <c r="D86" s="12">
        <v>8</v>
      </c>
    </row>
    <row r="87" spans="1:4" ht="18" customHeight="1" x14ac:dyDescent="0.2">
      <c r="A87" s="8">
        <v>67</v>
      </c>
      <c r="B87" s="35">
        <v>6</v>
      </c>
      <c r="C87" s="13">
        <v>6</v>
      </c>
      <c r="D87" s="12">
        <v>12</v>
      </c>
    </row>
    <row r="88" spans="1:4" ht="18" customHeight="1" x14ac:dyDescent="0.2">
      <c r="A88" s="8">
        <v>68</v>
      </c>
      <c r="B88" s="35">
        <v>6</v>
      </c>
      <c r="C88" s="13">
        <v>10</v>
      </c>
      <c r="D88" s="12">
        <v>16</v>
      </c>
    </row>
    <row r="89" spans="1:4" ht="18" customHeight="1" x14ac:dyDescent="0.2">
      <c r="A89" s="8">
        <v>69</v>
      </c>
      <c r="B89" s="35">
        <v>12</v>
      </c>
      <c r="C89" s="13">
        <v>9</v>
      </c>
      <c r="D89" s="12">
        <v>21</v>
      </c>
    </row>
    <row r="90" spans="1:4" ht="18" customHeight="1" x14ac:dyDescent="0.2">
      <c r="A90" s="8" t="s">
        <v>10</v>
      </c>
      <c r="B90" s="35">
        <v>33</v>
      </c>
      <c r="C90" s="13">
        <v>33</v>
      </c>
      <c r="D90" s="12">
        <v>66</v>
      </c>
    </row>
    <row r="91" spans="1:4" ht="18" customHeight="1" x14ac:dyDescent="0.2">
      <c r="A91" s="8">
        <v>70</v>
      </c>
      <c r="B91" s="35">
        <v>8</v>
      </c>
      <c r="C91" s="13">
        <v>4</v>
      </c>
      <c r="D91" s="12">
        <v>12</v>
      </c>
    </row>
    <row r="92" spans="1:4" ht="18" customHeight="1" x14ac:dyDescent="0.2">
      <c r="A92" s="8">
        <v>71</v>
      </c>
      <c r="B92" s="35">
        <v>10</v>
      </c>
      <c r="C92" s="13">
        <v>7</v>
      </c>
      <c r="D92" s="12">
        <v>17</v>
      </c>
    </row>
    <row r="93" spans="1:4" ht="18" customHeight="1" x14ac:dyDescent="0.2">
      <c r="A93" s="8">
        <v>72</v>
      </c>
      <c r="B93" s="35">
        <v>8</v>
      </c>
      <c r="C93" s="13">
        <v>11</v>
      </c>
      <c r="D93" s="12">
        <v>19</v>
      </c>
    </row>
    <row r="94" spans="1:4" ht="18" customHeight="1" x14ac:dyDescent="0.2">
      <c r="A94" s="8">
        <v>73</v>
      </c>
      <c r="B94" s="35">
        <v>5</v>
      </c>
      <c r="C94" s="13">
        <v>13</v>
      </c>
      <c r="D94" s="12">
        <v>18</v>
      </c>
    </row>
    <row r="95" spans="1:4" ht="18" customHeight="1" x14ac:dyDescent="0.2">
      <c r="A95" s="8">
        <v>74</v>
      </c>
      <c r="B95" s="35">
        <v>8</v>
      </c>
      <c r="C95" s="13">
        <v>14</v>
      </c>
      <c r="D95" s="12">
        <v>22</v>
      </c>
    </row>
    <row r="96" spans="1:4" ht="18" customHeight="1" x14ac:dyDescent="0.2">
      <c r="A96" s="8" t="s">
        <v>9</v>
      </c>
      <c r="B96" s="35">
        <v>39</v>
      </c>
      <c r="C96" s="13">
        <v>49</v>
      </c>
      <c r="D96" s="12">
        <v>88</v>
      </c>
    </row>
    <row r="97" spans="1:4" ht="18" customHeight="1" x14ac:dyDescent="0.2">
      <c r="A97" s="8">
        <v>75</v>
      </c>
      <c r="B97" s="35">
        <v>7</v>
      </c>
      <c r="C97" s="13">
        <v>11</v>
      </c>
      <c r="D97" s="12">
        <v>18</v>
      </c>
    </row>
    <row r="98" spans="1:4" ht="18" customHeight="1" x14ac:dyDescent="0.2">
      <c r="A98" s="8">
        <v>76</v>
      </c>
      <c r="B98" s="35">
        <v>10</v>
      </c>
      <c r="C98" s="13">
        <v>18</v>
      </c>
      <c r="D98" s="12">
        <v>28</v>
      </c>
    </row>
    <row r="99" spans="1:4" ht="18" customHeight="1" x14ac:dyDescent="0.2">
      <c r="A99" s="8">
        <v>77</v>
      </c>
      <c r="B99" s="35">
        <v>10</v>
      </c>
      <c r="C99" s="13">
        <v>7</v>
      </c>
      <c r="D99" s="12">
        <v>17</v>
      </c>
    </row>
    <row r="100" spans="1:4" ht="18" customHeight="1" x14ac:dyDescent="0.2">
      <c r="A100" s="8">
        <v>78</v>
      </c>
      <c r="B100" s="35">
        <v>7</v>
      </c>
      <c r="C100" s="13">
        <v>3</v>
      </c>
      <c r="D100" s="12">
        <v>10</v>
      </c>
    </row>
    <row r="101" spans="1:4" ht="18" customHeight="1" x14ac:dyDescent="0.2">
      <c r="A101" s="8">
        <v>79</v>
      </c>
      <c r="B101" s="35">
        <v>7</v>
      </c>
      <c r="C101" s="13">
        <v>12</v>
      </c>
      <c r="D101" s="12">
        <v>19</v>
      </c>
    </row>
    <row r="102" spans="1:4" ht="18" customHeight="1" x14ac:dyDescent="0.2">
      <c r="A102" s="8" t="s">
        <v>8</v>
      </c>
      <c r="B102" s="35">
        <v>41</v>
      </c>
      <c r="C102" s="13">
        <v>51</v>
      </c>
      <c r="D102" s="12">
        <v>92</v>
      </c>
    </row>
    <row r="103" spans="1:4" ht="18" customHeight="1" x14ac:dyDescent="0.2">
      <c r="A103" s="8">
        <v>80</v>
      </c>
      <c r="B103" s="35">
        <v>6</v>
      </c>
      <c r="C103" s="13">
        <v>7</v>
      </c>
      <c r="D103" s="12">
        <v>13</v>
      </c>
    </row>
    <row r="104" spans="1:4" ht="18" customHeight="1" x14ac:dyDescent="0.2">
      <c r="A104" s="8">
        <v>81</v>
      </c>
      <c r="B104" s="35">
        <v>7</v>
      </c>
      <c r="C104" s="13">
        <v>9</v>
      </c>
      <c r="D104" s="12">
        <v>16</v>
      </c>
    </row>
    <row r="105" spans="1:4" ht="18" customHeight="1" x14ac:dyDescent="0.2">
      <c r="A105" s="8">
        <v>82</v>
      </c>
      <c r="B105" s="35">
        <v>5</v>
      </c>
      <c r="C105" s="13">
        <v>7</v>
      </c>
      <c r="D105" s="12">
        <v>12</v>
      </c>
    </row>
    <row r="106" spans="1:4" ht="18" customHeight="1" x14ac:dyDescent="0.2">
      <c r="A106" s="8">
        <v>83</v>
      </c>
      <c r="B106" s="35">
        <v>2</v>
      </c>
      <c r="C106" s="13">
        <v>3</v>
      </c>
      <c r="D106" s="12">
        <v>5</v>
      </c>
    </row>
    <row r="107" spans="1:4" ht="18" customHeight="1" x14ac:dyDescent="0.2">
      <c r="A107" s="8">
        <v>84</v>
      </c>
      <c r="B107" s="35">
        <v>4</v>
      </c>
      <c r="C107" s="13">
        <v>7</v>
      </c>
      <c r="D107" s="12">
        <v>11</v>
      </c>
    </row>
    <row r="108" spans="1:4" ht="18" customHeight="1" x14ac:dyDescent="0.2">
      <c r="A108" s="8" t="s">
        <v>7</v>
      </c>
      <c r="B108" s="35">
        <v>24</v>
      </c>
      <c r="C108" s="13">
        <v>33</v>
      </c>
      <c r="D108" s="12">
        <v>57</v>
      </c>
    </row>
    <row r="109" spans="1:4" ht="18" customHeight="1" x14ac:dyDescent="0.2">
      <c r="A109" s="8">
        <v>85</v>
      </c>
      <c r="B109" s="35">
        <v>1</v>
      </c>
      <c r="C109" s="13">
        <v>9</v>
      </c>
      <c r="D109" s="12">
        <v>10</v>
      </c>
    </row>
    <row r="110" spans="1:4" ht="18" customHeight="1" x14ac:dyDescent="0.2">
      <c r="A110" s="8">
        <v>86</v>
      </c>
      <c r="B110" s="35">
        <v>4</v>
      </c>
      <c r="C110" s="13">
        <v>2</v>
      </c>
      <c r="D110" s="12">
        <v>6</v>
      </c>
    </row>
    <row r="111" spans="1:4" ht="18" customHeight="1" x14ac:dyDescent="0.2">
      <c r="A111" s="8">
        <v>87</v>
      </c>
      <c r="B111" s="35">
        <v>4</v>
      </c>
      <c r="C111" s="13">
        <v>7</v>
      </c>
      <c r="D111" s="12">
        <v>11</v>
      </c>
    </row>
    <row r="112" spans="1:4" ht="18" customHeight="1" x14ac:dyDescent="0.2">
      <c r="A112" s="8">
        <v>88</v>
      </c>
      <c r="B112" s="35">
        <v>3</v>
      </c>
      <c r="C112" s="13">
        <v>5</v>
      </c>
      <c r="D112" s="12">
        <v>8</v>
      </c>
    </row>
    <row r="113" spans="1:4" ht="18" customHeight="1" x14ac:dyDescent="0.2">
      <c r="A113" s="8">
        <v>89</v>
      </c>
      <c r="B113" s="35">
        <v>5</v>
      </c>
      <c r="C113" s="13">
        <v>3</v>
      </c>
      <c r="D113" s="12">
        <v>8</v>
      </c>
    </row>
    <row r="114" spans="1:4" ht="18" customHeight="1" x14ac:dyDescent="0.2">
      <c r="A114" s="8" t="s">
        <v>6</v>
      </c>
      <c r="B114" s="35">
        <v>17</v>
      </c>
      <c r="C114" s="13">
        <v>26</v>
      </c>
      <c r="D114" s="12">
        <v>43</v>
      </c>
    </row>
    <row r="115" spans="1:4" ht="18" customHeight="1" x14ac:dyDescent="0.2">
      <c r="A115" s="8">
        <v>90</v>
      </c>
      <c r="B115" s="35">
        <v>5</v>
      </c>
      <c r="C115" s="13">
        <v>6</v>
      </c>
      <c r="D115" s="12">
        <v>11</v>
      </c>
    </row>
    <row r="116" spans="1:4" ht="18" customHeight="1" x14ac:dyDescent="0.2">
      <c r="A116" s="8">
        <v>91</v>
      </c>
      <c r="B116" s="35">
        <v>0</v>
      </c>
      <c r="C116" s="13">
        <v>6</v>
      </c>
      <c r="D116" s="12">
        <v>6</v>
      </c>
    </row>
    <row r="117" spans="1:4" ht="18" customHeight="1" x14ac:dyDescent="0.2">
      <c r="A117" s="8">
        <v>92</v>
      </c>
      <c r="B117" s="35">
        <v>2</v>
      </c>
      <c r="C117" s="13">
        <v>4</v>
      </c>
      <c r="D117" s="12">
        <v>6</v>
      </c>
    </row>
    <row r="118" spans="1:4" ht="18" customHeight="1" x14ac:dyDescent="0.2">
      <c r="A118" s="8">
        <v>93</v>
      </c>
      <c r="B118" s="35">
        <v>1</v>
      </c>
      <c r="C118" s="13">
        <v>4</v>
      </c>
      <c r="D118" s="12">
        <v>5</v>
      </c>
    </row>
    <row r="119" spans="1:4" ht="18" customHeight="1" x14ac:dyDescent="0.2">
      <c r="A119" s="8">
        <v>94</v>
      </c>
      <c r="B119" s="35">
        <v>1</v>
      </c>
      <c r="C119" s="13">
        <v>7</v>
      </c>
      <c r="D119" s="12">
        <v>8</v>
      </c>
    </row>
    <row r="120" spans="1:4" ht="18" customHeight="1" x14ac:dyDescent="0.2">
      <c r="A120" s="8" t="s">
        <v>5</v>
      </c>
      <c r="B120" s="35">
        <v>9</v>
      </c>
      <c r="C120" s="13">
        <v>27</v>
      </c>
      <c r="D120" s="12">
        <v>36</v>
      </c>
    </row>
    <row r="121" spans="1:4" ht="18" customHeight="1" x14ac:dyDescent="0.2">
      <c r="A121" s="8">
        <v>95</v>
      </c>
      <c r="B121" s="35">
        <v>1</v>
      </c>
      <c r="C121" s="13">
        <v>0</v>
      </c>
      <c r="D121" s="12">
        <v>1</v>
      </c>
    </row>
    <row r="122" spans="1:4" ht="18" customHeight="1" x14ac:dyDescent="0.2">
      <c r="A122" s="8">
        <v>96</v>
      </c>
      <c r="B122" s="35">
        <v>0</v>
      </c>
      <c r="C122" s="13">
        <v>0</v>
      </c>
      <c r="D122" s="12">
        <v>0</v>
      </c>
    </row>
    <row r="123" spans="1:4" ht="18" customHeight="1" x14ac:dyDescent="0.2">
      <c r="A123" s="8">
        <v>97</v>
      </c>
      <c r="B123" s="35">
        <v>0</v>
      </c>
      <c r="C123" s="13">
        <v>0</v>
      </c>
      <c r="D123" s="12">
        <v>0</v>
      </c>
    </row>
    <row r="124" spans="1:4" ht="18" customHeight="1" x14ac:dyDescent="0.2">
      <c r="A124" s="8">
        <v>98</v>
      </c>
      <c r="B124" s="35">
        <v>1</v>
      </c>
      <c r="C124" s="13">
        <v>1</v>
      </c>
      <c r="D124" s="12">
        <v>2</v>
      </c>
    </row>
    <row r="125" spans="1:4" ht="18" customHeight="1" x14ac:dyDescent="0.2">
      <c r="A125" s="8">
        <v>99</v>
      </c>
      <c r="B125" s="35">
        <v>0</v>
      </c>
      <c r="C125" s="13">
        <v>2</v>
      </c>
      <c r="D125" s="12">
        <v>2</v>
      </c>
    </row>
    <row r="126" spans="1:4" ht="18" customHeight="1" x14ac:dyDescent="0.2">
      <c r="A126" s="8" t="s">
        <v>4</v>
      </c>
      <c r="B126" s="35">
        <v>2</v>
      </c>
      <c r="C126" s="13">
        <v>3</v>
      </c>
      <c r="D126" s="12">
        <v>5</v>
      </c>
    </row>
    <row r="127" spans="1:4" ht="18" customHeight="1" x14ac:dyDescent="0.2">
      <c r="A127" s="8">
        <v>100</v>
      </c>
      <c r="B127" s="35">
        <v>0</v>
      </c>
      <c r="C127" s="13">
        <v>1</v>
      </c>
      <c r="D127" s="12">
        <v>1</v>
      </c>
    </row>
    <row r="128" spans="1:4" ht="18" customHeight="1" x14ac:dyDescent="0.2">
      <c r="A128" s="15" t="s">
        <v>3</v>
      </c>
      <c r="B128" s="35">
        <v>0</v>
      </c>
      <c r="C128" s="13">
        <v>2</v>
      </c>
      <c r="D128" s="12">
        <v>2</v>
      </c>
    </row>
    <row r="129" spans="1:4" ht="18" customHeight="1" x14ac:dyDescent="0.2">
      <c r="A129" s="8" t="s">
        <v>2</v>
      </c>
      <c r="B129" s="35">
        <v>0</v>
      </c>
      <c r="C129" s="13">
        <v>3</v>
      </c>
      <c r="D129" s="12">
        <v>3</v>
      </c>
    </row>
    <row r="130" spans="1:4" ht="18" customHeight="1" x14ac:dyDescent="0.2">
      <c r="A130" s="8" t="s">
        <v>1</v>
      </c>
      <c r="B130" s="28">
        <v>165</v>
      </c>
      <c r="C130" s="6">
        <v>225</v>
      </c>
      <c r="D130" s="5">
        <v>390</v>
      </c>
    </row>
    <row r="131" spans="1:4" ht="18" customHeight="1" x14ac:dyDescent="0.2">
      <c r="A131" s="4" t="s">
        <v>0</v>
      </c>
      <c r="B131" s="27">
        <v>435</v>
      </c>
      <c r="C131" s="2">
        <v>467</v>
      </c>
      <c r="D131" s="1">
        <v>902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452A3D7-196F-4C0F-B318-CE4595B70F12}">
  <sheetPr codeName="Sheet99">
    <pageSetUpPr fitToPage="1"/>
  </sheetPr>
  <dimension ref="A1:D131"/>
  <sheetViews>
    <sheetView zoomScaleNormal="100"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118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1</v>
      </c>
      <c r="C5" s="45">
        <v>0</v>
      </c>
      <c r="D5" s="44">
        <v>1</v>
      </c>
    </row>
    <row r="6" spans="1:4" ht="18" customHeight="1" x14ac:dyDescent="0.2">
      <c r="A6" s="8">
        <v>1</v>
      </c>
      <c r="B6" s="40">
        <v>0</v>
      </c>
      <c r="C6" s="13">
        <v>1</v>
      </c>
      <c r="D6" s="12">
        <v>1</v>
      </c>
    </row>
    <row r="7" spans="1:4" ht="18" customHeight="1" x14ac:dyDescent="0.2">
      <c r="A7" s="8">
        <v>2</v>
      </c>
      <c r="B7" s="40">
        <v>0</v>
      </c>
      <c r="C7" s="13">
        <v>0</v>
      </c>
      <c r="D7" s="12">
        <v>0</v>
      </c>
    </row>
    <row r="8" spans="1:4" ht="18" customHeight="1" x14ac:dyDescent="0.2">
      <c r="A8" s="8">
        <v>3</v>
      </c>
      <c r="B8" s="40">
        <v>0</v>
      </c>
      <c r="C8" s="13">
        <v>0</v>
      </c>
      <c r="D8" s="12">
        <v>0</v>
      </c>
    </row>
    <row r="9" spans="1:4" ht="18" customHeight="1" x14ac:dyDescent="0.2">
      <c r="A9" s="8">
        <v>4</v>
      </c>
      <c r="B9" s="43">
        <v>0</v>
      </c>
      <c r="C9" s="42">
        <v>0</v>
      </c>
      <c r="D9" s="41">
        <v>0</v>
      </c>
    </row>
    <row r="10" spans="1:4" ht="18" customHeight="1" x14ac:dyDescent="0.2">
      <c r="A10" s="8" t="s">
        <v>25</v>
      </c>
      <c r="B10" s="35">
        <v>1</v>
      </c>
      <c r="C10" s="13">
        <v>1</v>
      </c>
      <c r="D10" s="12">
        <v>2</v>
      </c>
    </row>
    <row r="11" spans="1:4" ht="18" customHeight="1" x14ac:dyDescent="0.2">
      <c r="A11" s="8">
        <v>5</v>
      </c>
      <c r="B11" s="40">
        <v>0</v>
      </c>
      <c r="C11" s="13">
        <v>0</v>
      </c>
      <c r="D11" s="12">
        <v>0</v>
      </c>
    </row>
    <row r="12" spans="1:4" ht="18" customHeight="1" x14ac:dyDescent="0.2">
      <c r="A12" s="8">
        <v>6</v>
      </c>
      <c r="B12" s="40">
        <v>1</v>
      </c>
      <c r="C12" s="13">
        <v>1</v>
      </c>
      <c r="D12" s="12">
        <v>2</v>
      </c>
    </row>
    <row r="13" spans="1:4" ht="18" customHeight="1" x14ac:dyDescent="0.2">
      <c r="A13" s="8">
        <v>7</v>
      </c>
      <c r="B13" s="40">
        <v>0</v>
      </c>
      <c r="C13" s="13">
        <v>0</v>
      </c>
      <c r="D13" s="12">
        <v>0</v>
      </c>
    </row>
    <row r="14" spans="1:4" ht="18" customHeight="1" x14ac:dyDescent="0.2">
      <c r="A14" s="8">
        <v>8</v>
      </c>
      <c r="B14" s="40">
        <v>1</v>
      </c>
      <c r="C14" s="13">
        <v>2</v>
      </c>
      <c r="D14" s="12">
        <v>3</v>
      </c>
    </row>
    <row r="15" spans="1:4" ht="18" customHeight="1" x14ac:dyDescent="0.2">
      <c r="A15" s="8">
        <v>9</v>
      </c>
      <c r="B15" s="40">
        <v>0</v>
      </c>
      <c r="C15" s="13">
        <v>0</v>
      </c>
      <c r="D15" s="12">
        <v>0</v>
      </c>
    </row>
    <row r="16" spans="1:4" ht="18" customHeight="1" x14ac:dyDescent="0.2">
      <c r="A16" s="8" t="s">
        <v>24</v>
      </c>
      <c r="B16" s="35">
        <v>2</v>
      </c>
      <c r="C16" s="13">
        <v>3</v>
      </c>
      <c r="D16" s="12">
        <v>5</v>
      </c>
    </row>
    <row r="17" spans="1:4" ht="18" customHeight="1" x14ac:dyDescent="0.2">
      <c r="A17" s="8">
        <v>10</v>
      </c>
      <c r="B17" s="35">
        <v>0</v>
      </c>
      <c r="C17" s="13">
        <v>0</v>
      </c>
      <c r="D17" s="12">
        <v>0</v>
      </c>
    </row>
    <row r="18" spans="1:4" ht="18" customHeight="1" x14ac:dyDescent="0.2">
      <c r="A18" s="8">
        <v>11</v>
      </c>
      <c r="B18" s="35">
        <v>0</v>
      </c>
      <c r="C18" s="13">
        <v>0</v>
      </c>
      <c r="D18" s="12">
        <v>0</v>
      </c>
    </row>
    <row r="19" spans="1:4" ht="18" customHeight="1" x14ac:dyDescent="0.2">
      <c r="A19" s="8">
        <v>12</v>
      </c>
      <c r="B19" s="35">
        <v>2</v>
      </c>
      <c r="C19" s="13">
        <v>0</v>
      </c>
      <c r="D19" s="12">
        <v>2</v>
      </c>
    </row>
    <row r="20" spans="1:4" ht="18" customHeight="1" x14ac:dyDescent="0.2">
      <c r="A20" s="8">
        <v>13</v>
      </c>
      <c r="B20" s="35">
        <v>0</v>
      </c>
      <c r="C20" s="13">
        <v>0</v>
      </c>
      <c r="D20" s="12">
        <v>0</v>
      </c>
    </row>
    <row r="21" spans="1:4" ht="18" customHeight="1" x14ac:dyDescent="0.2">
      <c r="A21" s="8">
        <v>14</v>
      </c>
      <c r="B21" s="35">
        <v>0</v>
      </c>
      <c r="C21" s="13">
        <v>0</v>
      </c>
      <c r="D21" s="12">
        <v>0</v>
      </c>
    </row>
    <row r="22" spans="1:4" ht="18" customHeight="1" x14ac:dyDescent="0.2">
      <c r="A22" s="8" t="s">
        <v>23</v>
      </c>
      <c r="B22" s="35">
        <v>2</v>
      </c>
      <c r="C22" s="13">
        <v>0</v>
      </c>
      <c r="D22" s="12">
        <v>2</v>
      </c>
    </row>
    <row r="23" spans="1:4" ht="18" customHeight="1" x14ac:dyDescent="0.2">
      <c r="A23" s="8" t="s">
        <v>22</v>
      </c>
      <c r="B23" s="35">
        <v>5</v>
      </c>
      <c r="C23" s="13">
        <v>4</v>
      </c>
      <c r="D23" s="12">
        <v>9</v>
      </c>
    </row>
    <row r="24" spans="1:4" ht="18" customHeight="1" x14ac:dyDescent="0.2">
      <c r="A24" s="8">
        <v>15</v>
      </c>
      <c r="B24" s="35">
        <v>2</v>
      </c>
      <c r="C24" s="13">
        <v>3</v>
      </c>
      <c r="D24" s="12">
        <v>5</v>
      </c>
    </row>
    <row r="25" spans="1:4" ht="18" customHeight="1" x14ac:dyDescent="0.2">
      <c r="A25" s="8">
        <v>16</v>
      </c>
      <c r="B25" s="35">
        <v>0</v>
      </c>
      <c r="C25" s="13">
        <v>0</v>
      </c>
      <c r="D25" s="12">
        <v>0</v>
      </c>
    </row>
    <row r="26" spans="1:4" ht="18" customHeight="1" x14ac:dyDescent="0.2">
      <c r="A26" s="8">
        <v>17</v>
      </c>
      <c r="B26" s="35">
        <v>1</v>
      </c>
      <c r="C26" s="13">
        <v>2</v>
      </c>
      <c r="D26" s="12">
        <v>3</v>
      </c>
    </row>
    <row r="27" spans="1:4" ht="18" customHeight="1" x14ac:dyDescent="0.2">
      <c r="A27" s="8">
        <v>18</v>
      </c>
      <c r="B27" s="35">
        <v>1</v>
      </c>
      <c r="C27" s="13">
        <v>0</v>
      </c>
      <c r="D27" s="12">
        <v>1</v>
      </c>
    </row>
    <row r="28" spans="1:4" ht="18" customHeight="1" x14ac:dyDescent="0.2">
      <c r="A28" s="8">
        <v>19</v>
      </c>
      <c r="B28" s="35">
        <v>0</v>
      </c>
      <c r="C28" s="13">
        <v>1</v>
      </c>
      <c r="D28" s="12">
        <v>1</v>
      </c>
    </row>
    <row r="29" spans="1:4" ht="18" customHeight="1" x14ac:dyDescent="0.2">
      <c r="A29" s="8" t="s">
        <v>21</v>
      </c>
      <c r="B29" s="35">
        <v>4</v>
      </c>
      <c r="C29" s="13">
        <v>6</v>
      </c>
      <c r="D29" s="12">
        <v>10</v>
      </c>
    </row>
    <row r="30" spans="1:4" ht="18" customHeight="1" x14ac:dyDescent="0.2">
      <c r="A30" s="8">
        <v>20</v>
      </c>
      <c r="B30" s="35">
        <v>0</v>
      </c>
      <c r="C30" s="13">
        <v>0</v>
      </c>
      <c r="D30" s="12">
        <v>0</v>
      </c>
    </row>
    <row r="31" spans="1:4" ht="18" customHeight="1" x14ac:dyDescent="0.2">
      <c r="A31" s="8">
        <v>21</v>
      </c>
      <c r="B31" s="35">
        <v>1</v>
      </c>
      <c r="C31" s="13">
        <v>0</v>
      </c>
      <c r="D31" s="12">
        <v>1</v>
      </c>
    </row>
    <row r="32" spans="1:4" ht="18" customHeight="1" x14ac:dyDescent="0.2">
      <c r="A32" s="8">
        <v>22</v>
      </c>
      <c r="B32" s="35">
        <v>0</v>
      </c>
      <c r="C32" s="13">
        <v>0</v>
      </c>
      <c r="D32" s="12">
        <v>0</v>
      </c>
    </row>
    <row r="33" spans="1:4" ht="18" customHeight="1" x14ac:dyDescent="0.2">
      <c r="A33" s="8">
        <v>23</v>
      </c>
      <c r="B33" s="35">
        <v>0</v>
      </c>
      <c r="C33" s="13">
        <v>0</v>
      </c>
      <c r="D33" s="12">
        <v>0</v>
      </c>
    </row>
    <row r="34" spans="1:4" ht="18" customHeight="1" x14ac:dyDescent="0.2">
      <c r="A34" s="8">
        <v>24</v>
      </c>
      <c r="B34" s="35">
        <v>0</v>
      </c>
      <c r="C34" s="13">
        <v>0</v>
      </c>
      <c r="D34" s="12">
        <v>0</v>
      </c>
    </row>
    <row r="35" spans="1:4" ht="18" customHeight="1" x14ac:dyDescent="0.2">
      <c r="A35" s="8" t="s">
        <v>20</v>
      </c>
      <c r="B35" s="35">
        <v>1</v>
      </c>
      <c r="C35" s="13">
        <v>0</v>
      </c>
      <c r="D35" s="12">
        <v>1</v>
      </c>
    </row>
    <row r="36" spans="1:4" ht="18" customHeight="1" x14ac:dyDescent="0.2">
      <c r="A36" s="8">
        <v>25</v>
      </c>
      <c r="B36" s="35">
        <v>2</v>
      </c>
      <c r="C36" s="13">
        <v>0</v>
      </c>
      <c r="D36" s="12">
        <v>2</v>
      </c>
    </row>
    <row r="37" spans="1:4" ht="18" customHeight="1" x14ac:dyDescent="0.2">
      <c r="A37" s="8">
        <v>26</v>
      </c>
      <c r="B37" s="35">
        <v>2</v>
      </c>
      <c r="C37" s="13">
        <v>0</v>
      </c>
      <c r="D37" s="12">
        <v>2</v>
      </c>
    </row>
    <row r="38" spans="1:4" ht="18" customHeight="1" x14ac:dyDescent="0.2">
      <c r="A38" s="8">
        <v>27</v>
      </c>
      <c r="B38" s="35">
        <v>0</v>
      </c>
      <c r="C38" s="13">
        <v>0</v>
      </c>
      <c r="D38" s="12">
        <v>0</v>
      </c>
    </row>
    <row r="39" spans="1:4" ht="18" customHeight="1" x14ac:dyDescent="0.2">
      <c r="A39" s="8">
        <v>28</v>
      </c>
      <c r="B39" s="35">
        <v>2</v>
      </c>
      <c r="C39" s="13">
        <v>0</v>
      </c>
      <c r="D39" s="12">
        <v>2</v>
      </c>
    </row>
    <row r="40" spans="1:4" ht="18" customHeight="1" x14ac:dyDescent="0.2">
      <c r="A40" s="8">
        <v>29</v>
      </c>
      <c r="B40" s="35">
        <v>0</v>
      </c>
      <c r="C40" s="13">
        <v>3</v>
      </c>
      <c r="D40" s="12">
        <v>3</v>
      </c>
    </row>
    <row r="41" spans="1:4" ht="18" customHeight="1" x14ac:dyDescent="0.2">
      <c r="A41" s="8" t="s">
        <v>19</v>
      </c>
      <c r="B41" s="35">
        <v>6</v>
      </c>
      <c r="C41" s="13">
        <v>3</v>
      </c>
      <c r="D41" s="12">
        <v>9</v>
      </c>
    </row>
    <row r="42" spans="1:4" ht="18" customHeight="1" x14ac:dyDescent="0.2">
      <c r="A42" s="8">
        <v>30</v>
      </c>
      <c r="B42" s="35">
        <v>0</v>
      </c>
      <c r="C42" s="13">
        <v>2</v>
      </c>
      <c r="D42" s="12">
        <v>2</v>
      </c>
    </row>
    <row r="43" spans="1:4" ht="18" customHeight="1" x14ac:dyDescent="0.2">
      <c r="A43" s="8">
        <v>31</v>
      </c>
      <c r="B43" s="35">
        <v>1</v>
      </c>
      <c r="C43" s="13">
        <v>0</v>
      </c>
      <c r="D43" s="12">
        <v>1</v>
      </c>
    </row>
    <row r="44" spans="1:4" ht="18" customHeight="1" x14ac:dyDescent="0.2">
      <c r="A44" s="8">
        <v>32</v>
      </c>
      <c r="B44" s="35">
        <v>2</v>
      </c>
      <c r="C44" s="13">
        <v>0</v>
      </c>
      <c r="D44" s="12">
        <v>2</v>
      </c>
    </row>
    <row r="45" spans="1:4" ht="18" customHeight="1" x14ac:dyDescent="0.2">
      <c r="A45" s="8">
        <v>33</v>
      </c>
      <c r="B45" s="35">
        <v>0</v>
      </c>
      <c r="C45" s="13">
        <v>1</v>
      </c>
      <c r="D45" s="12">
        <v>1</v>
      </c>
    </row>
    <row r="46" spans="1:4" ht="18" customHeight="1" x14ac:dyDescent="0.2">
      <c r="A46" s="8">
        <v>34</v>
      </c>
      <c r="B46" s="35">
        <v>1</v>
      </c>
      <c r="C46" s="13">
        <v>0</v>
      </c>
      <c r="D46" s="12">
        <v>1</v>
      </c>
    </row>
    <row r="47" spans="1:4" ht="18" customHeight="1" x14ac:dyDescent="0.2">
      <c r="A47" s="8" t="s">
        <v>18</v>
      </c>
      <c r="B47" s="35">
        <v>4</v>
      </c>
      <c r="C47" s="13">
        <v>3</v>
      </c>
      <c r="D47" s="12">
        <v>7</v>
      </c>
    </row>
    <row r="48" spans="1:4" ht="18" customHeight="1" x14ac:dyDescent="0.2">
      <c r="A48" s="8">
        <v>35</v>
      </c>
      <c r="B48" s="35">
        <v>3</v>
      </c>
      <c r="C48" s="13">
        <v>0</v>
      </c>
      <c r="D48" s="12">
        <v>3</v>
      </c>
    </row>
    <row r="49" spans="1:4" ht="18" customHeight="1" x14ac:dyDescent="0.2">
      <c r="A49" s="8">
        <v>36</v>
      </c>
      <c r="B49" s="35">
        <v>1</v>
      </c>
      <c r="C49" s="13">
        <v>1</v>
      </c>
      <c r="D49" s="12">
        <v>2</v>
      </c>
    </row>
    <row r="50" spans="1:4" ht="18" customHeight="1" x14ac:dyDescent="0.2">
      <c r="A50" s="8">
        <v>37</v>
      </c>
      <c r="B50" s="35">
        <v>2</v>
      </c>
      <c r="C50" s="13">
        <v>0</v>
      </c>
      <c r="D50" s="12">
        <v>2</v>
      </c>
    </row>
    <row r="51" spans="1:4" ht="18" customHeight="1" x14ac:dyDescent="0.2">
      <c r="A51" s="8">
        <v>38</v>
      </c>
      <c r="B51" s="35">
        <v>1</v>
      </c>
      <c r="C51" s="13">
        <v>1</v>
      </c>
      <c r="D51" s="12">
        <v>2</v>
      </c>
    </row>
    <row r="52" spans="1:4" ht="18" customHeight="1" x14ac:dyDescent="0.2">
      <c r="A52" s="8">
        <v>39</v>
      </c>
      <c r="B52" s="35">
        <v>1</v>
      </c>
      <c r="C52" s="13">
        <v>0</v>
      </c>
      <c r="D52" s="12">
        <v>1</v>
      </c>
    </row>
    <row r="53" spans="1:4" ht="18" customHeight="1" x14ac:dyDescent="0.2">
      <c r="A53" s="8" t="s">
        <v>17</v>
      </c>
      <c r="B53" s="35">
        <v>8</v>
      </c>
      <c r="C53" s="13">
        <v>2</v>
      </c>
      <c r="D53" s="12">
        <v>10</v>
      </c>
    </row>
    <row r="54" spans="1:4" ht="18" customHeight="1" x14ac:dyDescent="0.2">
      <c r="A54" s="8">
        <v>40</v>
      </c>
      <c r="B54" s="35">
        <v>0</v>
      </c>
      <c r="C54" s="13">
        <v>1</v>
      </c>
      <c r="D54" s="12">
        <v>1</v>
      </c>
    </row>
    <row r="55" spans="1:4" ht="18" customHeight="1" x14ac:dyDescent="0.2">
      <c r="A55" s="8">
        <v>41</v>
      </c>
      <c r="B55" s="35">
        <v>0</v>
      </c>
      <c r="C55" s="13">
        <v>1</v>
      </c>
      <c r="D55" s="12">
        <v>1</v>
      </c>
    </row>
    <row r="56" spans="1:4" ht="18" customHeight="1" x14ac:dyDescent="0.2">
      <c r="A56" s="8">
        <v>42</v>
      </c>
      <c r="B56" s="35">
        <v>1</v>
      </c>
      <c r="C56" s="13">
        <v>0</v>
      </c>
      <c r="D56" s="12">
        <v>1</v>
      </c>
    </row>
    <row r="57" spans="1:4" ht="18" customHeight="1" x14ac:dyDescent="0.2">
      <c r="A57" s="8">
        <v>43</v>
      </c>
      <c r="B57" s="35">
        <v>0</v>
      </c>
      <c r="C57" s="13">
        <v>3</v>
      </c>
      <c r="D57" s="12">
        <v>3</v>
      </c>
    </row>
    <row r="58" spans="1:4" ht="18" customHeight="1" x14ac:dyDescent="0.2">
      <c r="A58" s="8">
        <v>44</v>
      </c>
      <c r="B58" s="35">
        <v>1</v>
      </c>
      <c r="C58" s="13">
        <v>1</v>
      </c>
      <c r="D58" s="12">
        <v>2</v>
      </c>
    </row>
    <row r="59" spans="1:4" ht="18" customHeight="1" x14ac:dyDescent="0.2">
      <c r="A59" s="8" t="s">
        <v>16</v>
      </c>
      <c r="B59" s="35">
        <v>2</v>
      </c>
      <c r="C59" s="13">
        <v>6</v>
      </c>
      <c r="D59" s="12">
        <v>8</v>
      </c>
    </row>
    <row r="60" spans="1:4" ht="18" customHeight="1" x14ac:dyDescent="0.2">
      <c r="A60" s="8">
        <v>45</v>
      </c>
      <c r="B60" s="35">
        <v>0</v>
      </c>
      <c r="C60" s="13">
        <v>0</v>
      </c>
      <c r="D60" s="12">
        <v>0</v>
      </c>
    </row>
    <row r="61" spans="1:4" ht="18" customHeight="1" x14ac:dyDescent="0.2">
      <c r="A61" s="8">
        <v>46</v>
      </c>
      <c r="B61" s="35">
        <v>1</v>
      </c>
      <c r="C61" s="13">
        <v>0</v>
      </c>
      <c r="D61" s="12">
        <v>1</v>
      </c>
    </row>
    <row r="62" spans="1:4" ht="18" customHeight="1" x14ac:dyDescent="0.2">
      <c r="A62" s="8">
        <v>47</v>
      </c>
      <c r="B62" s="35">
        <v>0</v>
      </c>
      <c r="C62" s="13">
        <v>0</v>
      </c>
      <c r="D62" s="12">
        <v>0</v>
      </c>
    </row>
    <row r="63" spans="1:4" ht="18" customHeight="1" x14ac:dyDescent="0.2">
      <c r="A63" s="8">
        <v>48</v>
      </c>
      <c r="B63" s="35">
        <v>1</v>
      </c>
      <c r="C63" s="13">
        <v>1</v>
      </c>
      <c r="D63" s="12">
        <v>2</v>
      </c>
    </row>
    <row r="64" spans="1:4" ht="18" customHeight="1" x14ac:dyDescent="0.2">
      <c r="A64" s="8">
        <v>49</v>
      </c>
      <c r="B64" s="35">
        <v>0</v>
      </c>
      <c r="C64" s="13">
        <v>2</v>
      </c>
      <c r="D64" s="12">
        <v>2</v>
      </c>
    </row>
    <row r="65" spans="1:4" ht="18" customHeight="1" x14ac:dyDescent="0.2">
      <c r="A65" s="8" t="s">
        <v>15</v>
      </c>
      <c r="B65" s="35">
        <v>2</v>
      </c>
      <c r="C65" s="13">
        <v>3</v>
      </c>
      <c r="D65" s="12">
        <v>5</v>
      </c>
    </row>
    <row r="66" spans="1:4" ht="18" customHeight="1" x14ac:dyDescent="0.2">
      <c r="A66" s="8">
        <v>50</v>
      </c>
      <c r="B66" s="35">
        <v>2</v>
      </c>
      <c r="C66" s="13">
        <v>1</v>
      </c>
      <c r="D66" s="12">
        <v>3</v>
      </c>
    </row>
    <row r="67" spans="1:4" ht="18" customHeight="1" x14ac:dyDescent="0.2">
      <c r="A67" s="8">
        <v>51</v>
      </c>
      <c r="B67" s="35">
        <v>2</v>
      </c>
      <c r="C67" s="13">
        <v>3</v>
      </c>
      <c r="D67" s="12">
        <v>5</v>
      </c>
    </row>
    <row r="68" spans="1:4" ht="18" customHeight="1" x14ac:dyDescent="0.2">
      <c r="A68" s="8">
        <v>52</v>
      </c>
      <c r="B68" s="35">
        <v>1</v>
      </c>
      <c r="C68" s="13">
        <v>3</v>
      </c>
      <c r="D68" s="12">
        <v>4</v>
      </c>
    </row>
    <row r="69" spans="1:4" ht="18" customHeight="1" x14ac:dyDescent="0.2">
      <c r="A69" s="8">
        <v>53</v>
      </c>
      <c r="B69" s="35">
        <v>2</v>
      </c>
      <c r="C69" s="13">
        <v>3</v>
      </c>
      <c r="D69" s="12">
        <v>5</v>
      </c>
    </row>
    <row r="70" spans="1:4" ht="18" customHeight="1" x14ac:dyDescent="0.2">
      <c r="A70" s="8">
        <v>54</v>
      </c>
      <c r="B70" s="35">
        <v>2</v>
      </c>
      <c r="C70" s="13">
        <v>1</v>
      </c>
      <c r="D70" s="12">
        <v>3</v>
      </c>
    </row>
    <row r="71" spans="1:4" ht="18" customHeight="1" x14ac:dyDescent="0.2">
      <c r="A71" s="8" t="s">
        <v>14</v>
      </c>
      <c r="B71" s="35">
        <v>9</v>
      </c>
      <c r="C71" s="13">
        <v>11</v>
      </c>
      <c r="D71" s="12">
        <v>20</v>
      </c>
    </row>
    <row r="72" spans="1:4" ht="18" customHeight="1" x14ac:dyDescent="0.2">
      <c r="A72" s="8">
        <v>55</v>
      </c>
      <c r="B72" s="35">
        <v>2</v>
      </c>
      <c r="C72" s="13">
        <v>2</v>
      </c>
      <c r="D72" s="12">
        <v>4</v>
      </c>
    </row>
    <row r="73" spans="1:4" ht="18" customHeight="1" x14ac:dyDescent="0.2">
      <c r="A73" s="8">
        <v>56</v>
      </c>
      <c r="B73" s="35">
        <v>1</v>
      </c>
      <c r="C73" s="13">
        <v>3</v>
      </c>
      <c r="D73" s="12">
        <v>4</v>
      </c>
    </row>
    <row r="74" spans="1:4" ht="18" customHeight="1" x14ac:dyDescent="0.2">
      <c r="A74" s="8">
        <v>57</v>
      </c>
      <c r="B74" s="35">
        <v>0</v>
      </c>
      <c r="C74" s="13">
        <v>2</v>
      </c>
      <c r="D74" s="12">
        <v>2</v>
      </c>
    </row>
    <row r="75" spans="1:4" ht="18" customHeight="1" x14ac:dyDescent="0.2">
      <c r="A75" s="8">
        <v>58</v>
      </c>
      <c r="B75" s="35">
        <v>1</v>
      </c>
      <c r="C75" s="13">
        <v>1</v>
      </c>
      <c r="D75" s="12">
        <v>2</v>
      </c>
    </row>
    <row r="76" spans="1:4" ht="18" customHeight="1" x14ac:dyDescent="0.2">
      <c r="A76" s="8">
        <v>59</v>
      </c>
      <c r="B76" s="35">
        <v>2</v>
      </c>
      <c r="C76" s="13">
        <v>1</v>
      </c>
      <c r="D76" s="12">
        <v>3</v>
      </c>
    </row>
    <row r="77" spans="1:4" ht="18" customHeight="1" x14ac:dyDescent="0.2">
      <c r="A77" s="8" t="s">
        <v>13</v>
      </c>
      <c r="B77" s="35">
        <v>6</v>
      </c>
      <c r="C77" s="13">
        <v>9</v>
      </c>
      <c r="D77" s="12">
        <v>15</v>
      </c>
    </row>
    <row r="78" spans="1:4" ht="18" customHeight="1" x14ac:dyDescent="0.2">
      <c r="A78" s="8">
        <v>60</v>
      </c>
      <c r="B78" s="35">
        <v>1</v>
      </c>
      <c r="C78" s="13">
        <v>2</v>
      </c>
      <c r="D78" s="12">
        <v>3</v>
      </c>
    </row>
    <row r="79" spans="1:4" ht="18" customHeight="1" x14ac:dyDescent="0.2">
      <c r="A79" s="8">
        <v>61</v>
      </c>
      <c r="B79" s="35">
        <v>2</v>
      </c>
      <c r="C79" s="13">
        <v>1</v>
      </c>
      <c r="D79" s="12">
        <v>3</v>
      </c>
    </row>
    <row r="80" spans="1:4" ht="18" customHeight="1" x14ac:dyDescent="0.2">
      <c r="A80" s="8">
        <v>62</v>
      </c>
      <c r="B80" s="35">
        <v>1</v>
      </c>
      <c r="C80" s="13">
        <v>0</v>
      </c>
      <c r="D80" s="12">
        <v>1</v>
      </c>
    </row>
    <row r="81" spans="1:4" ht="18" customHeight="1" x14ac:dyDescent="0.2">
      <c r="A81" s="8">
        <v>63</v>
      </c>
      <c r="B81" s="35">
        <v>2</v>
      </c>
      <c r="C81" s="13">
        <v>2</v>
      </c>
      <c r="D81" s="12">
        <v>4</v>
      </c>
    </row>
    <row r="82" spans="1:4" ht="18" customHeight="1" x14ac:dyDescent="0.2">
      <c r="A82" s="8">
        <v>64</v>
      </c>
      <c r="B82" s="35">
        <v>1</v>
      </c>
      <c r="C82" s="13">
        <v>3</v>
      </c>
      <c r="D82" s="12">
        <v>4</v>
      </c>
    </row>
    <row r="83" spans="1:4" ht="18" customHeight="1" x14ac:dyDescent="0.2">
      <c r="A83" s="8" t="s">
        <v>12</v>
      </c>
      <c r="B83" s="35">
        <v>7</v>
      </c>
      <c r="C83" s="13">
        <v>8</v>
      </c>
      <c r="D83" s="12">
        <v>15</v>
      </c>
    </row>
    <row r="84" spans="1:4" ht="18" customHeight="1" x14ac:dyDescent="0.2">
      <c r="A84" s="8" t="s">
        <v>11</v>
      </c>
      <c r="B84" s="35">
        <v>49</v>
      </c>
      <c r="C84" s="13">
        <v>51</v>
      </c>
      <c r="D84" s="12">
        <v>100</v>
      </c>
    </row>
    <row r="85" spans="1:4" ht="18" customHeight="1" x14ac:dyDescent="0.2">
      <c r="A85" s="8">
        <v>65</v>
      </c>
      <c r="B85" s="35">
        <v>3</v>
      </c>
      <c r="C85" s="13">
        <v>4</v>
      </c>
      <c r="D85" s="12">
        <v>7</v>
      </c>
    </row>
    <row r="86" spans="1:4" ht="18" customHeight="1" x14ac:dyDescent="0.2">
      <c r="A86" s="8">
        <v>66</v>
      </c>
      <c r="B86" s="35">
        <v>2</v>
      </c>
      <c r="C86" s="13">
        <v>3</v>
      </c>
      <c r="D86" s="12">
        <v>5</v>
      </c>
    </row>
    <row r="87" spans="1:4" ht="18" customHeight="1" x14ac:dyDescent="0.2">
      <c r="A87" s="8">
        <v>67</v>
      </c>
      <c r="B87" s="35">
        <v>1</v>
      </c>
      <c r="C87" s="13">
        <v>2</v>
      </c>
      <c r="D87" s="12">
        <v>3</v>
      </c>
    </row>
    <row r="88" spans="1:4" ht="18" customHeight="1" x14ac:dyDescent="0.2">
      <c r="A88" s="8">
        <v>68</v>
      </c>
      <c r="B88" s="35">
        <v>4</v>
      </c>
      <c r="C88" s="13">
        <v>3</v>
      </c>
      <c r="D88" s="12">
        <v>7</v>
      </c>
    </row>
    <row r="89" spans="1:4" ht="18" customHeight="1" x14ac:dyDescent="0.2">
      <c r="A89" s="8">
        <v>69</v>
      </c>
      <c r="B89" s="35">
        <v>4</v>
      </c>
      <c r="C89" s="13">
        <v>4</v>
      </c>
      <c r="D89" s="12">
        <v>8</v>
      </c>
    </row>
    <row r="90" spans="1:4" ht="18" customHeight="1" x14ac:dyDescent="0.2">
      <c r="A90" s="8" t="s">
        <v>10</v>
      </c>
      <c r="B90" s="35">
        <v>14</v>
      </c>
      <c r="C90" s="13">
        <v>16</v>
      </c>
      <c r="D90" s="12">
        <v>30</v>
      </c>
    </row>
    <row r="91" spans="1:4" ht="18" customHeight="1" x14ac:dyDescent="0.2">
      <c r="A91" s="8">
        <v>70</v>
      </c>
      <c r="B91" s="35">
        <v>1</v>
      </c>
      <c r="C91" s="13">
        <v>1</v>
      </c>
      <c r="D91" s="12">
        <v>2</v>
      </c>
    </row>
    <row r="92" spans="1:4" ht="18" customHeight="1" x14ac:dyDescent="0.2">
      <c r="A92" s="8">
        <v>71</v>
      </c>
      <c r="B92" s="35">
        <v>2</v>
      </c>
      <c r="C92" s="13">
        <v>2</v>
      </c>
      <c r="D92" s="12">
        <v>4</v>
      </c>
    </row>
    <row r="93" spans="1:4" ht="18" customHeight="1" x14ac:dyDescent="0.2">
      <c r="A93" s="8">
        <v>72</v>
      </c>
      <c r="B93" s="35">
        <v>5</v>
      </c>
      <c r="C93" s="13">
        <v>3</v>
      </c>
      <c r="D93" s="12">
        <v>8</v>
      </c>
    </row>
    <row r="94" spans="1:4" ht="18" customHeight="1" x14ac:dyDescent="0.2">
      <c r="A94" s="8">
        <v>73</v>
      </c>
      <c r="B94" s="35">
        <v>2</v>
      </c>
      <c r="C94" s="13">
        <v>3</v>
      </c>
      <c r="D94" s="12">
        <v>5</v>
      </c>
    </row>
    <row r="95" spans="1:4" ht="18" customHeight="1" x14ac:dyDescent="0.2">
      <c r="A95" s="8">
        <v>74</v>
      </c>
      <c r="B95" s="35">
        <v>5</v>
      </c>
      <c r="C95" s="13">
        <v>3</v>
      </c>
      <c r="D95" s="12">
        <v>8</v>
      </c>
    </row>
    <row r="96" spans="1:4" ht="18" customHeight="1" x14ac:dyDescent="0.2">
      <c r="A96" s="8" t="s">
        <v>9</v>
      </c>
      <c r="B96" s="35">
        <v>15</v>
      </c>
      <c r="C96" s="13">
        <v>12</v>
      </c>
      <c r="D96" s="12">
        <v>27</v>
      </c>
    </row>
    <row r="97" spans="1:4" ht="18" customHeight="1" x14ac:dyDescent="0.2">
      <c r="A97" s="8">
        <v>75</v>
      </c>
      <c r="B97" s="35">
        <v>4</v>
      </c>
      <c r="C97" s="13">
        <v>3</v>
      </c>
      <c r="D97" s="12">
        <v>7</v>
      </c>
    </row>
    <row r="98" spans="1:4" ht="18" customHeight="1" x14ac:dyDescent="0.2">
      <c r="A98" s="8">
        <v>76</v>
      </c>
      <c r="B98" s="35">
        <v>2</v>
      </c>
      <c r="C98" s="13">
        <v>1</v>
      </c>
      <c r="D98" s="12">
        <v>3</v>
      </c>
    </row>
    <row r="99" spans="1:4" ht="18" customHeight="1" x14ac:dyDescent="0.2">
      <c r="A99" s="8">
        <v>77</v>
      </c>
      <c r="B99" s="35">
        <v>1</v>
      </c>
      <c r="C99" s="13">
        <v>2</v>
      </c>
      <c r="D99" s="12">
        <v>3</v>
      </c>
    </row>
    <row r="100" spans="1:4" ht="18" customHeight="1" x14ac:dyDescent="0.2">
      <c r="A100" s="8">
        <v>78</v>
      </c>
      <c r="B100" s="35">
        <v>4</v>
      </c>
      <c r="C100" s="13">
        <v>2</v>
      </c>
      <c r="D100" s="12">
        <v>6</v>
      </c>
    </row>
    <row r="101" spans="1:4" ht="18" customHeight="1" x14ac:dyDescent="0.2">
      <c r="A101" s="8">
        <v>79</v>
      </c>
      <c r="B101" s="35">
        <v>2</v>
      </c>
      <c r="C101" s="13">
        <v>2</v>
      </c>
      <c r="D101" s="12">
        <v>4</v>
      </c>
    </row>
    <row r="102" spans="1:4" ht="18" customHeight="1" x14ac:dyDescent="0.2">
      <c r="A102" s="8" t="s">
        <v>8</v>
      </c>
      <c r="B102" s="35">
        <v>13</v>
      </c>
      <c r="C102" s="13">
        <v>10</v>
      </c>
      <c r="D102" s="12">
        <v>23</v>
      </c>
    </row>
    <row r="103" spans="1:4" ht="18" customHeight="1" x14ac:dyDescent="0.2">
      <c r="A103" s="8">
        <v>80</v>
      </c>
      <c r="B103" s="35">
        <v>2</v>
      </c>
      <c r="C103" s="13">
        <v>3</v>
      </c>
      <c r="D103" s="12">
        <v>5</v>
      </c>
    </row>
    <row r="104" spans="1:4" ht="18" customHeight="1" x14ac:dyDescent="0.2">
      <c r="A104" s="8">
        <v>81</v>
      </c>
      <c r="B104" s="35">
        <v>1</v>
      </c>
      <c r="C104" s="13">
        <v>3</v>
      </c>
      <c r="D104" s="12">
        <v>4</v>
      </c>
    </row>
    <row r="105" spans="1:4" ht="18" customHeight="1" x14ac:dyDescent="0.2">
      <c r="A105" s="8">
        <v>82</v>
      </c>
      <c r="B105" s="35">
        <v>3</v>
      </c>
      <c r="C105" s="13">
        <v>3</v>
      </c>
      <c r="D105" s="12">
        <v>6</v>
      </c>
    </row>
    <row r="106" spans="1:4" ht="18" customHeight="1" x14ac:dyDescent="0.2">
      <c r="A106" s="8">
        <v>83</v>
      </c>
      <c r="B106" s="35">
        <v>0</v>
      </c>
      <c r="C106" s="13">
        <v>4</v>
      </c>
      <c r="D106" s="12">
        <v>4</v>
      </c>
    </row>
    <row r="107" spans="1:4" ht="18" customHeight="1" x14ac:dyDescent="0.2">
      <c r="A107" s="8">
        <v>84</v>
      </c>
      <c r="B107" s="35">
        <v>1</v>
      </c>
      <c r="C107" s="13">
        <v>1</v>
      </c>
      <c r="D107" s="12">
        <v>2</v>
      </c>
    </row>
    <row r="108" spans="1:4" ht="18" customHeight="1" x14ac:dyDescent="0.2">
      <c r="A108" s="8" t="s">
        <v>7</v>
      </c>
      <c r="B108" s="35">
        <v>7</v>
      </c>
      <c r="C108" s="13">
        <v>14</v>
      </c>
      <c r="D108" s="12">
        <v>21</v>
      </c>
    </row>
    <row r="109" spans="1:4" ht="18" customHeight="1" x14ac:dyDescent="0.2">
      <c r="A109" s="8">
        <v>85</v>
      </c>
      <c r="B109" s="35">
        <v>4</v>
      </c>
      <c r="C109" s="13">
        <v>4</v>
      </c>
      <c r="D109" s="12">
        <v>8</v>
      </c>
    </row>
    <row r="110" spans="1:4" ht="18" customHeight="1" x14ac:dyDescent="0.2">
      <c r="A110" s="8">
        <v>86</v>
      </c>
      <c r="B110" s="35">
        <v>0</v>
      </c>
      <c r="C110" s="13">
        <v>0</v>
      </c>
      <c r="D110" s="12">
        <v>0</v>
      </c>
    </row>
    <row r="111" spans="1:4" ht="18" customHeight="1" x14ac:dyDescent="0.2">
      <c r="A111" s="8">
        <v>87</v>
      </c>
      <c r="B111" s="35">
        <v>1</v>
      </c>
      <c r="C111" s="13">
        <v>0</v>
      </c>
      <c r="D111" s="12">
        <v>1</v>
      </c>
    </row>
    <row r="112" spans="1:4" ht="18" customHeight="1" x14ac:dyDescent="0.2">
      <c r="A112" s="8">
        <v>88</v>
      </c>
      <c r="B112" s="35">
        <v>0</v>
      </c>
      <c r="C112" s="13">
        <v>2</v>
      </c>
      <c r="D112" s="12">
        <v>2</v>
      </c>
    </row>
    <row r="113" spans="1:4" ht="18" customHeight="1" x14ac:dyDescent="0.2">
      <c r="A113" s="8">
        <v>89</v>
      </c>
      <c r="B113" s="35">
        <v>1</v>
      </c>
      <c r="C113" s="13">
        <v>1</v>
      </c>
      <c r="D113" s="12">
        <v>2</v>
      </c>
    </row>
    <row r="114" spans="1:4" ht="18" customHeight="1" x14ac:dyDescent="0.2">
      <c r="A114" s="8" t="s">
        <v>6</v>
      </c>
      <c r="B114" s="35">
        <v>6</v>
      </c>
      <c r="C114" s="13">
        <v>7</v>
      </c>
      <c r="D114" s="12">
        <v>13</v>
      </c>
    </row>
    <row r="115" spans="1:4" ht="18" customHeight="1" x14ac:dyDescent="0.2">
      <c r="A115" s="8">
        <v>90</v>
      </c>
      <c r="B115" s="35">
        <v>0</v>
      </c>
      <c r="C115" s="13">
        <v>4</v>
      </c>
      <c r="D115" s="12">
        <v>4</v>
      </c>
    </row>
    <row r="116" spans="1:4" ht="18" customHeight="1" x14ac:dyDescent="0.2">
      <c r="A116" s="8">
        <v>91</v>
      </c>
      <c r="B116" s="35">
        <v>1</v>
      </c>
      <c r="C116" s="13">
        <v>5</v>
      </c>
      <c r="D116" s="12">
        <v>6</v>
      </c>
    </row>
    <row r="117" spans="1:4" ht="18" customHeight="1" x14ac:dyDescent="0.2">
      <c r="A117" s="8">
        <v>92</v>
      </c>
      <c r="B117" s="35">
        <v>0</v>
      </c>
      <c r="C117" s="13">
        <v>3</v>
      </c>
      <c r="D117" s="12">
        <v>3</v>
      </c>
    </row>
    <row r="118" spans="1:4" ht="18" customHeight="1" x14ac:dyDescent="0.2">
      <c r="A118" s="8">
        <v>93</v>
      </c>
      <c r="B118" s="35">
        <v>1</v>
      </c>
      <c r="C118" s="13">
        <v>0</v>
      </c>
      <c r="D118" s="12">
        <v>1</v>
      </c>
    </row>
    <row r="119" spans="1:4" ht="18" customHeight="1" x14ac:dyDescent="0.2">
      <c r="A119" s="8">
        <v>94</v>
      </c>
      <c r="B119" s="35">
        <v>1</v>
      </c>
      <c r="C119" s="13">
        <v>2</v>
      </c>
      <c r="D119" s="12">
        <v>3</v>
      </c>
    </row>
    <row r="120" spans="1:4" ht="18" customHeight="1" x14ac:dyDescent="0.2">
      <c r="A120" s="8" t="s">
        <v>5</v>
      </c>
      <c r="B120" s="35">
        <v>3</v>
      </c>
      <c r="C120" s="13">
        <v>14</v>
      </c>
      <c r="D120" s="12">
        <v>17</v>
      </c>
    </row>
    <row r="121" spans="1:4" ht="18" customHeight="1" x14ac:dyDescent="0.2">
      <c r="A121" s="8">
        <v>95</v>
      </c>
      <c r="B121" s="35">
        <v>0</v>
      </c>
      <c r="C121" s="13">
        <v>2</v>
      </c>
      <c r="D121" s="12">
        <v>2</v>
      </c>
    </row>
    <row r="122" spans="1:4" ht="18" customHeight="1" x14ac:dyDescent="0.2">
      <c r="A122" s="8">
        <v>96</v>
      </c>
      <c r="B122" s="35">
        <v>0</v>
      </c>
      <c r="C122" s="13">
        <v>0</v>
      </c>
      <c r="D122" s="12">
        <v>0</v>
      </c>
    </row>
    <row r="123" spans="1:4" ht="18" customHeight="1" x14ac:dyDescent="0.2">
      <c r="A123" s="8">
        <v>97</v>
      </c>
      <c r="B123" s="35">
        <v>1</v>
      </c>
      <c r="C123" s="13">
        <v>2</v>
      </c>
      <c r="D123" s="12">
        <v>3</v>
      </c>
    </row>
    <row r="124" spans="1:4" ht="18" customHeight="1" x14ac:dyDescent="0.2">
      <c r="A124" s="8">
        <v>98</v>
      </c>
      <c r="B124" s="35">
        <v>0</v>
      </c>
      <c r="C124" s="13">
        <v>0</v>
      </c>
      <c r="D124" s="12">
        <v>0</v>
      </c>
    </row>
    <row r="125" spans="1:4" ht="18" customHeight="1" x14ac:dyDescent="0.2">
      <c r="A125" s="8">
        <v>99</v>
      </c>
      <c r="B125" s="35">
        <v>0</v>
      </c>
      <c r="C125" s="13">
        <v>1</v>
      </c>
      <c r="D125" s="12">
        <v>1</v>
      </c>
    </row>
    <row r="126" spans="1:4" ht="18" customHeight="1" x14ac:dyDescent="0.2">
      <c r="A126" s="8" t="s">
        <v>4</v>
      </c>
      <c r="B126" s="35">
        <v>1</v>
      </c>
      <c r="C126" s="13">
        <v>5</v>
      </c>
      <c r="D126" s="12">
        <v>6</v>
      </c>
    </row>
    <row r="127" spans="1:4" ht="18" customHeight="1" x14ac:dyDescent="0.2">
      <c r="A127" s="8">
        <v>100</v>
      </c>
      <c r="B127" s="35">
        <v>0</v>
      </c>
      <c r="C127" s="13">
        <v>1</v>
      </c>
      <c r="D127" s="12">
        <v>1</v>
      </c>
    </row>
    <row r="128" spans="1:4" ht="18" customHeight="1" x14ac:dyDescent="0.2">
      <c r="A128" s="15" t="s">
        <v>3</v>
      </c>
      <c r="B128" s="35">
        <v>0</v>
      </c>
      <c r="C128" s="13">
        <v>0</v>
      </c>
      <c r="D128" s="12">
        <v>0</v>
      </c>
    </row>
    <row r="129" spans="1:4" ht="18" customHeight="1" x14ac:dyDescent="0.2">
      <c r="A129" s="8" t="s">
        <v>2</v>
      </c>
      <c r="B129" s="35">
        <v>0</v>
      </c>
      <c r="C129" s="13">
        <v>1</v>
      </c>
      <c r="D129" s="12">
        <v>1</v>
      </c>
    </row>
    <row r="130" spans="1:4" ht="18" customHeight="1" x14ac:dyDescent="0.2">
      <c r="A130" s="8" t="s">
        <v>1</v>
      </c>
      <c r="B130" s="28">
        <v>59</v>
      </c>
      <c r="C130" s="6">
        <v>79</v>
      </c>
      <c r="D130" s="5">
        <v>138</v>
      </c>
    </row>
    <row r="131" spans="1:4" ht="18" customHeight="1" x14ac:dyDescent="0.2">
      <c r="A131" s="4" t="s">
        <v>0</v>
      </c>
      <c r="B131" s="27">
        <v>113</v>
      </c>
      <c r="C131" s="2">
        <v>134</v>
      </c>
      <c r="D131" s="1">
        <v>247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E98A03D-5744-4049-8D10-D8D7042EEA46}">
  <sheetPr codeName="Sheet1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38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20">
        <v>0</v>
      </c>
      <c r="B5" s="30">
        <v>9</v>
      </c>
      <c r="C5" s="18">
        <v>5</v>
      </c>
      <c r="D5" s="17">
        <v>14</v>
      </c>
    </row>
    <row r="6" spans="1:4" ht="18" customHeight="1" x14ac:dyDescent="0.2">
      <c r="A6" s="16">
        <v>1</v>
      </c>
      <c r="B6" s="29">
        <v>9</v>
      </c>
      <c r="C6" s="10">
        <v>5</v>
      </c>
      <c r="D6" s="9">
        <v>14</v>
      </c>
    </row>
    <row r="7" spans="1:4" ht="18" customHeight="1" x14ac:dyDescent="0.2">
      <c r="A7" s="16">
        <v>2</v>
      </c>
      <c r="B7" s="29">
        <v>4</v>
      </c>
      <c r="C7" s="10">
        <v>7</v>
      </c>
      <c r="D7" s="9">
        <v>11</v>
      </c>
    </row>
    <row r="8" spans="1:4" ht="18" customHeight="1" x14ac:dyDescent="0.2">
      <c r="A8" s="16">
        <v>3</v>
      </c>
      <c r="B8" s="29">
        <v>13</v>
      </c>
      <c r="C8" s="10">
        <v>8</v>
      </c>
      <c r="D8" s="9">
        <v>21</v>
      </c>
    </row>
    <row r="9" spans="1:4" ht="18" customHeight="1" x14ac:dyDescent="0.2">
      <c r="A9" s="16">
        <v>4</v>
      </c>
      <c r="B9" s="29">
        <v>12</v>
      </c>
      <c r="C9" s="10">
        <v>7</v>
      </c>
      <c r="D9" s="9">
        <v>19</v>
      </c>
    </row>
    <row r="10" spans="1:4" ht="18" customHeight="1" x14ac:dyDescent="0.2">
      <c r="A10" s="8" t="s">
        <v>25</v>
      </c>
      <c r="B10" s="29">
        <v>47</v>
      </c>
      <c r="C10" s="10">
        <v>32</v>
      </c>
      <c r="D10" s="9">
        <v>79</v>
      </c>
    </row>
    <row r="11" spans="1:4" ht="18" customHeight="1" x14ac:dyDescent="0.2">
      <c r="A11" s="16">
        <v>5</v>
      </c>
      <c r="B11" s="29">
        <v>4</v>
      </c>
      <c r="C11" s="10">
        <v>4</v>
      </c>
      <c r="D11" s="9">
        <v>8</v>
      </c>
    </row>
    <row r="12" spans="1:4" ht="18" customHeight="1" x14ac:dyDescent="0.2">
      <c r="A12" s="16">
        <v>6</v>
      </c>
      <c r="B12" s="29">
        <v>13</v>
      </c>
      <c r="C12" s="10">
        <v>9</v>
      </c>
      <c r="D12" s="9">
        <v>22</v>
      </c>
    </row>
    <row r="13" spans="1:4" ht="18" customHeight="1" x14ac:dyDescent="0.2">
      <c r="A13" s="16">
        <v>7</v>
      </c>
      <c r="B13" s="29">
        <v>9</v>
      </c>
      <c r="C13" s="10">
        <v>8</v>
      </c>
      <c r="D13" s="9">
        <v>17</v>
      </c>
    </row>
    <row r="14" spans="1:4" ht="18" customHeight="1" x14ac:dyDescent="0.2">
      <c r="A14" s="16">
        <v>8</v>
      </c>
      <c r="B14" s="29">
        <v>5</v>
      </c>
      <c r="C14" s="10">
        <v>6</v>
      </c>
      <c r="D14" s="9">
        <v>11</v>
      </c>
    </row>
    <row r="15" spans="1:4" ht="18" customHeight="1" x14ac:dyDescent="0.2">
      <c r="A15" s="16">
        <v>9</v>
      </c>
      <c r="B15" s="29">
        <v>6</v>
      </c>
      <c r="C15" s="10">
        <v>12</v>
      </c>
      <c r="D15" s="9">
        <v>18</v>
      </c>
    </row>
    <row r="16" spans="1:4" ht="18" customHeight="1" x14ac:dyDescent="0.2">
      <c r="A16" s="8" t="s">
        <v>24</v>
      </c>
      <c r="B16" s="29">
        <v>37</v>
      </c>
      <c r="C16" s="10">
        <v>39</v>
      </c>
      <c r="D16" s="9">
        <v>76</v>
      </c>
    </row>
    <row r="17" spans="1:4" ht="18" customHeight="1" x14ac:dyDescent="0.2">
      <c r="A17" s="16">
        <v>10</v>
      </c>
      <c r="B17" s="29">
        <v>6</v>
      </c>
      <c r="C17" s="10">
        <v>6</v>
      </c>
      <c r="D17" s="9">
        <v>12</v>
      </c>
    </row>
    <row r="18" spans="1:4" ht="18" customHeight="1" x14ac:dyDescent="0.2">
      <c r="A18" s="16">
        <v>11</v>
      </c>
      <c r="B18" s="29">
        <v>9</v>
      </c>
      <c r="C18" s="10">
        <v>5</v>
      </c>
      <c r="D18" s="9">
        <v>14</v>
      </c>
    </row>
    <row r="19" spans="1:4" ht="18" customHeight="1" x14ac:dyDescent="0.2">
      <c r="A19" s="16">
        <v>12</v>
      </c>
      <c r="B19" s="29">
        <v>10</v>
      </c>
      <c r="C19" s="10">
        <v>4</v>
      </c>
      <c r="D19" s="9">
        <v>14</v>
      </c>
    </row>
    <row r="20" spans="1:4" ht="18" customHeight="1" x14ac:dyDescent="0.2">
      <c r="A20" s="16">
        <v>13</v>
      </c>
      <c r="B20" s="29">
        <v>7</v>
      </c>
      <c r="C20" s="10">
        <v>11</v>
      </c>
      <c r="D20" s="9">
        <v>18</v>
      </c>
    </row>
    <row r="21" spans="1:4" ht="18" customHeight="1" x14ac:dyDescent="0.2">
      <c r="A21" s="16">
        <v>14</v>
      </c>
      <c r="B21" s="29">
        <v>10</v>
      </c>
      <c r="C21" s="10">
        <v>8</v>
      </c>
      <c r="D21" s="9">
        <v>18</v>
      </c>
    </row>
    <row r="22" spans="1:4" ht="18" customHeight="1" x14ac:dyDescent="0.2">
      <c r="A22" s="8" t="s">
        <v>23</v>
      </c>
      <c r="B22" s="29">
        <v>42</v>
      </c>
      <c r="C22" s="10">
        <v>34</v>
      </c>
      <c r="D22" s="9">
        <v>76</v>
      </c>
    </row>
    <row r="23" spans="1:4" ht="18" customHeight="1" x14ac:dyDescent="0.2">
      <c r="A23" s="8" t="s">
        <v>22</v>
      </c>
      <c r="B23" s="29">
        <v>126</v>
      </c>
      <c r="C23" s="10">
        <v>105</v>
      </c>
      <c r="D23" s="9">
        <v>231</v>
      </c>
    </row>
    <row r="24" spans="1:4" ht="18" customHeight="1" x14ac:dyDescent="0.2">
      <c r="A24" s="16">
        <v>15</v>
      </c>
      <c r="B24" s="29">
        <v>11</v>
      </c>
      <c r="C24" s="10">
        <v>5</v>
      </c>
      <c r="D24" s="9">
        <v>16</v>
      </c>
    </row>
    <row r="25" spans="1:4" ht="18" customHeight="1" x14ac:dyDescent="0.2">
      <c r="A25" s="16">
        <v>16</v>
      </c>
      <c r="B25" s="29">
        <v>4</v>
      </c>
      <c r="C25" s="10">
        <v>12</v>
      </c>
      <c r="D25" s="9">
        <v>16</v>
      </c>
    </row>
    <row r="26" spans="1:4" ht="18" customHeight="1" x14ac:dyDescent="0.2">
      <c r="A26" s="16">
        <v>17</v>
      </c>
      <c r="B26" s="29">
        <v>5</v>
      </c>
      <c r="C26" s="10">
        <v>7</v>
      </c>
      <c r="D26" s="9">
        <v>12</v>
      </c>
    </row>
    <row r="27" spans="1:4" ht="18" customHeight="1" x14ac:dyDescent="0.2">
      <c r="A27" s="16">
        <v>18</v>
      </c>
      <c r="B27" s="29">
        <v>9</v>
      </c>
      <c r="C27" s="10">
        <v>9</v>
      </c>
      <c r="D27" s="9">
        <v>18</v>
      </c>
    </row>
    <row r="28" spans="1:4" ht="18" customHeight="1" x14ac:dyDescent="0.2">
      <c r="A28" s="16">
        <v>19</v>
      </c>
      <c r="B28" s="29">
        <v>6</v>
      </c>
      <c r="C28" s="10">
        <v>11</v>
      </c>
      <c r="D28" s="9">
        <v>17</v>
      </c>
    </row>
    <row r="29" spans="1:4" ht="18" customHeight="1" x14ac:dyDescent="0.2">
      <c r="A29" s="8" t="s">
        <v>21</v>
      </c>
      <c r="B29" s="29">
        <v>35</v>
      </c>
      <c r="C29" s="10">
        <v>44</v>
      </c>
      <c r="D29" s="9">
        <v>79</v>
      </c>
    </row>
    <row r="30" spans="1:4" ht="18" customHeight="1" x14ac:dyDescent="0.2">
      <c r="A30" s="16">
        <v>20</v>
      </c>
      <c r="B30" s="29">
        <v>11</v>
      </c>
      <c r="C30" s="10">
        <v>4</v>
      </c>
      <c r="D30" s="9">
        <v>15</v>
      </c>
    </row>
    <row r="31" spans="1:4" ht="18" customHeight="1" x14ac:dyDescent="0.2">
      <c r="A31" s="16">
        <v>21</v>
      </c>
      <c r="B31" s="29">
        <v>12</v>
      </c>
      <c r="C31" s="10">
        <v>7</v>
      </c>
      <c r="D31" s="9">
        <v>19</v>
      </c>
    </row>
    <row r="32" spans="1:4" ht="18" customHeight="1" x14ac:dyDescent="0.2">
      <c r="A32" s="16">
        <v>22</v>
      </c>
      <c r="B32" s="29">
        <v>14</v>
      </c>
      <c r="C32" s="10">
        <v>6</v>
      </c>
      <c r="D32" s="9">
        <v>20</v>
      </c>
    </row>
    <row r="33" spans="1:4" ht="18" customHeight="1" x14ac:dyDescent="0.2">
      <c r="A33" s="16">
        <v>23</v>
      </c>
      <c r="B33" s="29">
        <v>10</v>
      </c>
      <c r="C33" s="10">
        <v>9</v>
      </c>
      <c r="D33" s="9">
        <v>19</v>
      </c>
    </row>
    <row r="34" spans="1:4" ht="18" customHeight="1" x14ac:dyDescent="0.2">
      <c r="A34" s="16">
        <v>24</v>
      </c>
      <c r="B34" s="29">
        <v>13</v>
      </c>
      <c r="C34" s="10">
        <v>4</v>
      </c>
      <c r="D34" s="9">
        <v>17</v>
      </c>
    </row>
    <row r="35" spans="1:4" ht="18" customHeight="1" x14ac:dyDescent="0.2">
      <c r="A35" s="8" t="s">
        <v>20</v>
      </c>
      <c r="B35" s="29">
        <v>60</v>
      </c>
      <c r="C35" s="10">
        <v>30</v>
      </c>
      <c r="D35" s="9">
        <v>90</v>
      </c>
    </row>
    <row r="36" spans="1:4" ht="18" customHeight="1" x14ac:dyDescent="0.2">
      <c r="A36" s="16">
        <v>25</v>
      </c>
      <c r="B36" s="29">
        <v>10</v>
      </c>
      <c r="C36" s="10">
        <v>10</v>
      </c>
      <c r="D36" s="9">
        <v>20</v>
      </c>
    </row>
    <row r="37" spans="1:4" ht="18" customHeight="1" x14ac:dyDescent="0.2">
      <c r="A37" s="16">
        <v>26</v>
      </c>
      <c r="B37" s="29">
        <v>6</v>
      </c>
      <c r="C37" s="10">
        <v>7</v>
      </c>
      <c r="D37" s="9">
        <v>13</v>
      </c>
    </row>
    <row r="38" spans="1:4" ht="18" customHeight="1" x14ac:dyDescent="0.2">
      <c r="A38" s="16">
        <v>27</v>
      </c>
      <c r="B38" s="29">
        <v>15</v>
      </c>
      <c r="C38" s="10">
        <v>15</v>
      </c>
      <c r="D38" s="9">
        <v>30</v>
      </c>
    </row>
    <row r="39" spans="1:4" ht="18" customHeight="1" x14ac:dyDescent="0.2">
      <c r="A39" s="16">
        <v>28</v>
      </c>
      <c r="B39" s="29">
        <v>15</v>
      </c>
      <c r="C39" s="10">
        <v>9</v>
      </c>
      <c r="D39" s="9">
        <v>24</v>
      </c>
    </row>
    <row r="40" spans="1:4" ht="18" customHeight="1" x14ac:dyDescent="0.2">
      <c r="A40" s="16">
        <v>29</v>
      </c>
      <c r="B40" s="29">
        <v>11</v>
      </c>
      <c r="C40" s="10">
        <v>9</v>
      </c>
      <c r="D40" s="9">
        <v>20</v>
      </c>
    </row>
    <row r="41" spans="1:4" ht="18" customHeight="1" x14ac:dyDescent="0.2">
      <c r="A41" s="8" t="s">
        <v>19</v>
      </c>
      <c r="B41" s="29">
        <v>57</v>
      </c>
      <c r="C41" s="10">
        <v>50</v>
      </c>
      <c r="D41" s="9">
        <v>107</v>
      </c>
    </row>
    <row r="42" spans="1:4" ht="18" customHeight="1" x14ac:dyDescent="0.2">
      <c r="A42" s="16">
        <v>30</v>
      </c>
      <c r="B42" s="29">
        <v>14</v>
      </c>
      <c r="C42" s="10">
        <v>11</v>
      </c>
      <c r="D42" s="9">
        <v>25</v>
      </c>
    </row>
    <row r="43" spans="1:4" ht="18" customHeight="1" x14ac:dyDescent="0.2">
      <c r="A43" s="16">
        <v>31</v>
      </c>
      <c r="B43" s="29">
        <v>6</v>
      </c>
      <c r="C43" s="10">
        <v>13</v>
      </c>
      <c r="D43" s="9">
        <v>19</v>
      </c>
    </row>
    <row r="44" spans="1:4" ht="18" customHeight="1" x14ac:dyDescent="0.2">
      <c r="A44" s="16">
        <v>32</v>
      </c>
      <c r="B44" s="29">
        <v>13</v>
      </c>
      <c r="C44" s="10">
        <v>9</v>
      </c>
      <c r="D44" s="9">
        <v>22</v>
      </c>
    </row>
    <row r="45" spans="1:4" ht="18" customHeight="1" x14ac:dyDescent="0.2">
      <c r="A45" s="16">
        <v>33</v>
      </c>
      <c r="B45" s="29">
        <v>16</v>
      </c>
      <c r="C45" s="10">
        <v>4</v>
      </c>
      <c r="D45" s="9">
        <v>20</v>
      </c>
    </row>
    <row r="46" spans="1:4" ht="18" customHeight="1" x14ac:dyDescent="0.2">
      <c r="A46" s="16">
        <v>34</v>
      </c>
      <c r="B46" s="29">
        <v>12</v>
      </c>
      <c r="C46" s="10">
        <v>13</v>
      </c>
      <c r="D46" s="9">
        <v>25</v>
      </c>
    </row>
    <row r="47" spans="1:4" ht="18" customHeight="1" x14ac:dyDescent="0.2">
      <c r="A47" s="8" t="s">
        <v>18</v>
      </c>
      <c r="B47" s="29">
        <v>61</v>
      </c>
      <c r="C47" s="10">
        <v>50</v>
      </c>
      <c r="D47" s="9">
        <v>111</v>
      </c>
    </row>
    <row r="48" spans="1:4" ht="18" customHeight="1" x14ac:dyDescent="0.2">
      <c r="A48" s="16">
        <v>35</v>
      </c>
      <c r="B48" s="29">
        <v>10</v>
      </c>
      <c r="C48" s="10">
        <v>10</v>
      </c>
      <c r="D48" s="9">
        <v>20</v>
      </c>
    </row>
    <row r="49" spans="1:4" ht="18" customHeight="1" x14ac:dyDescent="0.2">
      <c r="A49" s="16">
        <v>36</v>
      </c>
      <c r="B49" s="29">
        <v>21</v>
      </c>
      <c r="C49" s="10">
        <v>17</v>
      </c>
      <c r="D49" s="9">
        <v>38</v>
      </c>
    </row>
    <row r="50" spans="1:4" ht="18" customHeight="1" x14ac:dyDescent="0.2">
      <c r="A50" s="16">
        <v>37</v>
      </c>
      <c r="B50" s="29">
        <v>13</v>
      </c>
      <c r="C50" s="10">
        <v>22</v>
      </c>
      <c r="D50" s="9">
        <v>35</v>
      </c>
    </row>
    <row r="51" spans="1:4" ht="18" customHeight="1" x14ac:dyDescent="0.2">
      <c r="A51" s="16">
        <v>38</v>
      </c>
      <c r="B51" s="29">
        <v>13</v>
      </c>
      <c r="C51" s="10">
        <v>14</v>
      </c>
      <c r="D51" s="9">
        <v>27</v>
      </c>
    </row>
    <row r="52" spans="1:4" ht="18" customHeight="1" x14ac:dyDescent="0.2">
      <c r="A52" s="16">
        <v>39</v>
      </c>
      <c r="B52" s="29">
        <v>11</v>
      </c>
      <c r="C52" s="10">
        <v>14</v>
      </c>
      <c r="D52" s="9">
        <v>25</v>
      </c>
    </row>
    <row r="53" spans="1:4" ht="18" customHeight="1" x14ac:dyDescent="0.2">
      <c r="A53" s="8" t="s">
        <v>17</v>
      </c>
      <c r="B53" s="29">
        <v>68</v>
      </c>
      <c r="C53" s="10">
        <v>77</v>
      </c>
      <c r="D53" s="9">
        <v>145</v>
      </c>
    </row>
    <row r="54" spans="1:4" ht="18" customHeight="1" x14ac:dyDescent="0.2">
      <c r="A54" s="16">
        <v>40</v>
      </c>
      <c r="B54" s="29">
        <v>13</v>
      </c>
      <c r="C54" s="10">
        <v>14</v>
      </c>
      <c r="D54" s="9">
        <v>27</v>
      </c>
    </row>
    <row r="55" spans="1:4" ht="18" customHeight="1" x14ac:dyDescent="0.2">
      <c r="A55" s="16">
        <v>41</v>
      </c>
      <c r="B55" s="29">
        <v>15</v>
      </c>
      <c r="C55" s="10">
        <v>18</v>
      </c>
      <c r="D55" s="9">
        <v>33</v>
      </c>
    </row>
    <row r="56" spans="1:4" ht="18" customHeight="1" x14ac:dyDescent="0.2">
      <c r="A56" s="16">
        <v>42</v>
      </c>
      <c r="B56" s="29">
        <v>13</v>
      </c>
      <c r="C56" s="10">
        <v>15</v>
      </c>
      <c r="D56" s="9">
        <v>28</v>
      </c>
    </row>
    <row r="57" spans="1:4" ht="18" customHeight="1" x14ac:dyDescent="0.2">
      <c r="A57" s="16">
        <v>43</v>
      </c>
      <c r="B57" s="29">
        <v>14</v>
      </c>
      <c r="C57" s="10">
        <v>11</v>
      </c>
      <c r="D57" s="9">
        <v>25</v>
      </c>
    </row>
    <row r="58" spans="1:4" ht="18" customHeight="1" x14ac:dyDescent="0.2">
      <c r="A58" s="16">
        <v>44</v>
      </c>
      <c r="B58" s="29">
        <v>14</v>
      </c>
      <c r="C58" s="10">
        <v>7</v>
      </c>
      <c r="D58" s="9">
        <v>21</v>
      </c>
    </row>
    <row r="59" spans="1:4" ht="18" customHeight="1" x14ac:dyDescent="0.2">
      <c r="A59" s="8" t="s">
        <v>16</v>
      </c>
      <c r="B59" s="29">
        <v>69</v>
      </c>
      <c r="C59" s="10">
        <v>65</v>
      </c>
      <c r="D59" s="9">
        <v>134</v>
      </c>
    </row>
    <row r="60" spans="1:4" ht="18" customHeight="1" x14ac:dyDescent="0.2">
      <c r="A60" s="16">
        <v>45</v>
      </c>
      <c r="B60" s="29">
        <v>16</v>
      </c>
      <c r="C60" s="10">
        <v>15</v>
      </c>
      <c r="D60" s="9">
        <v>31</v>
      </c>
    </row>
    <row r="61" spans="1:4" ht="18" customHeight="1" x14ac:dyDescent="0.2">
      <c r="A61" s="16">
        <v>46</v>
      </c>
      <c r="B61" s="29">
        <v>11</v>
      </c>
      <c r="C61" s="10">
        <v>14</v>
      </c>
      <c r="D61" s="9">
        <v>25</v>
      </c>
    </row>
    <row r="62" spans="1:4" ht="18" customHeight="1" x14ac:dyDescent="0.2">
      <c r="A62" s="16">
        <v>47</v>
      </c>
      <c r="B62" s="29">
        <v>18</v>
      </c>
      <c r="C62" s="10">
        <v>13</v>
      </c>
      <c r="D62" s="9">
        <v>31</v>
      </c>
    </row>
    <row r="63" spans="1:4" ht="18" customHeight="1" x14ac:dyDescent="0.2">
      <c r="A63" s="16">
        <v>48</v>
      </c>
      <c r="B63" s="29">
        <v>10</v>
      </c>
      <c r="C63" s="10">
        <v>18</v>
      </c>
      <c r="D63" s="9">
        <v>28</v>
      </c>
    </row>
    <row r="64" spans="1:4" ht="18" customHeight="1" x14ac:dyDescent="0.2">
      <c r="A64" s="16">
        <v>49</v>
      </c>
      <c r="B64" s="29">
        <v>29</v>
      </c>
      <c r="C64" s="10">
        <v>28</v>
      </c>
      <c r="D64" s="9">
        <v>57</v>
      </c>
    </row>
    <row r="65" spans="1:4" ht="18" customHeight="1" x14ac:dyDescent="0.2">
      <c r="A65" s="8" t="s">
        <v>15</v>
      </c>
      <c r="B65" s="29">
        <v>84</v>
      </c>
      <c r="C65" s="10">
        <v>88</v>
      </c>
      <c r="D65" s="9">
        <v>172</v>
      </c>
    </row>
    <row r="66" spans="1:4" ht="18" customHeight="1" x14ac:dyDescent="0.2">
      <c r="A66" s="16">
        <v>50</v>
      </c>
      <c r="B66" s="29">
        <v>19</v>
      </c>
      <c r="C66" s="10">
        <v>22</v>
      </c>
      <c r="D66" s="9">
        <v>41</v>
      </c>
    </row>
    <row r="67" spans="1:4" ht="18" customHeight="1" x14ac:dyDescent="0.2">
      <c r="A67" s="16">
        <v>51</v>
      </c>
      <c r="B67" s="29">
        <v>29</v>
      </c>
      <c r="C67" s="10">
        <v>15</v>
      </c>
      <c r="D67" s="9">
        <v>44</v>
      </c>
    </row>
    <row r="68" spans="1:4" ht="18" customHeight="1" x14ac:dyDescent="0.2">
      <c r="A68" s="16">
        <v>52</v>
      </c>
      <c r="B68" s="29">
        <v>24</v>
      </c>
      <c r="C68" s="10">
        <v>22</v>
      </c>
      <c r="D68" s="9">
        <v>46</v>
      </c>
    </row>
    <row r="69" spans="1:4" ht="18" customHeight="1" x14ac:dyDescent="0.2">
      <c r="A69" s="16">
        <v>53</v>
      </c>
      <c r="B69" s="29">
        <v>22</v>
      </c>
      <c r="C69" s="10">
        <v>23</v>
      </c>
      <c r="D69" s="9">
        <v>45</v>
      </c>
    </row>
    <row r="70" spans="1:4" ht="18" customHeight="1" x14ac:dyDescent="0.2">
      <c r="A70" s="16">
        <v>54</v>
      </c>
      <c r="B70" s="29">
        <v>20</v>
      </c>
      <c r="C70" s="10">
        <v>19</v>
      </c>
      <c r="D70" s="9">
        <v>39</v>
      </c>
    </row>
    <row r="71" spans="1:4" ht="18" customHeight="1" x14ac:dyDescent="0.2">
      <c r="A71" s="8" t="s">
        <v>14</v>
      </c>
      <c r="B71" s="29">
        <v>114</v>
      </c>
      <c r="C71" s="10">
        <v>101</v>
      </c>
      <c r="D71" s="9">
        <v>215</v>
      </c>
    </row>
    <row r="72" spans="1:4" ht="18" customHeight="1" x14ac:dyDescent="0.2">
      <c r="A72" s="16">
        <v>55</v>
      </c>
      <c r="B72" s="29">
        <v>16</v>
      </c>
      <c r="C72" s="10">
        <v>11</v>
      </c>
      <c r="D72" s="9">
        <v>27</v>
      </c>
    </row>
    <row r="73" spans="1:4" ht="18" customHeight="1" x14ac:dyDescent="0.2">
      <c r="A73" s="16">
        <v>56</v>
      </c>
      <c r="B73" s="29">
        <v>23</v>
      </c>
      <c r="C73" s="10">
        <v>18</v>
      </c>
      <c r="D73" s="9">
        <v>41</v>
      </c>
    </row>
    <row r="74" spans="1:4" ht="18" customHeight="1" x14ac:dyDescent="0.2">
      <c r="A74" s="16">
        <v>57</v>
      </c>
      <c r="B74" s="29">
        <v>10</v>
      </c>
      <c r="C74" s="10">
        <v>22</v>
      </c>
      <c r="D74" s="9">
        <v>32</v>
      </c>
    </row>
    <row r="75" spans="1:4" ht="18" customHeight="1" x14ac:dyDescent="0.2">
      <c r="A75" s="16">
        <v>58</v>
      </c>
      <c r="B75" s="29">
        <v>16</v>
      </c>
      <c r="C75" s="10">
        <v>27</v>
      </c>
      <c r="D75" s="9">
        <v>43</v>
      </c>
    </row>
    <row r="76" spans="1:4" ht="18" customHeight="1" x14ac:dyDescent="0.2">
      <c r="A76" s="16">
        <v>59</v>
      </c>
      <c r="B76" s="29">
        <v>16</v>
      </c>
      <c r="C76" s="10">
        <v>17</v>
      </c>
      <c r="D76" s="9">
        <v>33</v>
      </c>
    </row>
    <row r="77" spans="1:4" ht="18" customHeight="1" x14ac:dyDescent="0.2">
      <c r="A77" s="8" t="s">
        <v>13</v>
      </c>
      <c r="B77" s="29">
        <v>81</v>
      </c>
      <c r="C77" s="10">
        <v>95</v>
      </c>
      <c r="D77" s="9">
        <v>176</v>
      </c>
    </row>
    <row r="78" spans="1:4" ht="18" customHeight="1" x14ac:dyDescent="0.2">
      <c r="A78" s="16">
        <v>60</v>
      </c>
      <c r="B78" s="29">
        <v>19</v>
      </c>
      <c r="C78" s="10">
        <v>14</v>
      </c>
      <c r="D78" s="9">
        <v>33</v>
      </c>
    </row>
    <row r="79" spans="1:4" ht="18" customHeight="1" x14ac:dyDescent="0.2">
      <c r="A79" s="16">
        <v>61</v>
      </c>
      <c r="B79" s="29">
        <v>12</v>
      </c>
      <c r="C79" s="10">
        <v>17</v>
      </c>
      <c r="D79" s="9">
        <v>29</v>
      </c>
    </row>
    <row r="80" spans="1:4" ht="18" customHeight="1" x14ac:dyDescent="0.2">
      <c r="A80" s="16">
        <v>62</v>
      </c>
      <c r="B80" s="29">
        <v>24</v>
      </c>
      <c r="C80" s="10">
        <v>12</v>
      </c>
      <c r="D80" s="9">
        <v>36</v>
      </c>
    </row>
    <row r="81" spans="1:4" ht="18" customHeight="1" x14ac:dyDescent="0.2">
      <c r="A81" s="16">
        <v>63</v>
      </c>
      <c r="B81" s="29">
        <v>16</v>
      </c>
      <c r="C81" s="10">
        <v>20</v>
      </c>
      <c r="D81" s="9">
        <v>36</v>
      </c>
    </row>
    <row r="82" spans="1:4" ht="18" customHeight="1" x14ac:dyDescent="0.2">
      <c r="A82" s="16">
        <v>64</v>
      </c>
      <c r="B82" s="29">
        <v>23</v>
      </c>
      <c r="C82" s="10">
        <v>25</v>
      </c>
      <c r="D82" s="9">
        <v>48</v>
      </c>
    </row>
    <row r="83" spans="1:4" ht="18" customHeight="1" x14ac:dyDescent="0.2">
      <c r="A83" s="8" t="s">
        <v>12</v>
      </c>
      <c r="B83" s="29">
        <v>94</v>
      </c>
      <c r="C83" s="10">
        <v>88</v>
      </c>
      <c r="D83" s="9">
        <v>182</v>
      </c>
    </row>
    <row r="84" spans="1:4" ht="18" customHeight="1" x14ac:dyDescent="0.2">
      <c r="A84" s="8" t="s">
        <v>11</v>
      </c>
      <c r="B84" s="29">
        <v>723</v>
      </c>
      <c r="C84" s="10">
        <v>688</v>
      </c>
      <c r="D84" s="9">
        <v>1411</v>
      </c>
    </row>
    <row r="85" spans="1:4" ht="18" customHeight="1" x14ac:dyDescent="0.2">
      <c r="A85" s="16">
        <v>65</v>
      </c>
      <c r="B85" s="29">
        <v>8</v>
      </c>
      <c r="C85" s="10">
        <v>18</v>
      </c>
      <c r="D85" s="9">
        <v>26</v>
      </c>
    </row>
    <row r="86" spans="1:4" ht="18" customHeight="1" x14ac:dyDescent="0.2">
      <c r="A86" s="16">
        <v>66</v>
      </c>
      <c r="B86" s="29">
        <v>16</v>
      </c>
      <c r="C86" s="10">
        <v>14</v>
      </c>
      <c r="D86" s="9">
        <v>30</v>
      </c>
    </row>
    <row r="87" spans="1:4" ht="18" customHeight="1" x14ac:dyDescent="0.2">
      <c r="A87" s="16">
        <v>67</v>
      </c>
      <c r="B87" s="29">
        <v>22</v>
      </c>
      <c r="C87" s="10">
        <v>21</v>
      </c>
      <c r="D87" s="9">
        <v>43</v>
      </c>
    </row>
    <row r="88" spans="1:4" ht="18" customHeight="1" x14ac:dyDescent="0.2">
      <c r="A88" s="16">
        <v>68</v>
      </c>
      <c r="B88" s="29">
        <v>15</v>
      </c>
      <c r="C88" s="10">
        <v>14</v>
      </c>
      <c r="D88" s="9">
        <v>29</v>
      </c>
    </row>
    <row r="89" spans="1:4" ht="18" customHeight="1" x14ac:dyDescent="0.2">
      <c r="A89" s="16">
        <v>69</v>
      </c>
      <c r="B89" s="29">
        <v>11</v>
      </c>
      <c r="C89" s="10">
        <v>19</v>
      </c>
      <c r="D89" s="9">
        <v>30</v>
      </c>
    </row>
    <row r="90" spans="1:4" ht="18" customHeight="1" x14ac:dyDescent="0.2">
      <c r="A90" s="8" t="s">
        <v>10</v>
      </c>
      <c r="B90" s="29">
        <v>72</v>
      </c>
      <c r="C90" s="10">
        <v>86</v>
      </c>
      <c r="D90" s="9">
        <v>158</v>
      </c>
    </row>
    <row r="91" spans="1:4" ht="18" customHeight="1" x14ac:dyDescent="0.2">
      <c r="A91" s="16">
        <v>70</v>
      </c>
      <c r="B91" s="29">
        <v>22</v>
      </c>
      <c r="C91" s="10">
        <v>18</v>
      </c>
      <c r="D91" s="9">
        <v>40</v>
      </c>
    </row>
    <row r="92" spans="1:4" ht="18" customHeight="1" x14ac:dyDescent="0.2">
      <c r="A92" s="16">
        <v>71</v>
      </c>
      <c r="B92" s="29">
        <v>12</v>
      </c>
      <c r="C92" s="10">
        <v>13</v>
      </c>
      <c r="D92" s="9">
        <v>25</v>
      </c>
    </row>
    <row r="93" spans="1:4" ht="18" customHeight="1" x14ac:dyDescent="0.2">
      <c r="A93" s="16">
        <v>72</v>
      </c>
      <c r="B93" s="29">
        <v>19</v>
      </c>
      <c r="C93" s="10">
        <v>18</v>
      </c>
      <c r="D93" s="9">
        <v>37</v>
      </c>
    </row>
    <row r="94" spans="1:4" ht="18" customHeight="1" x14ac:dyDescent="0.2">
      <c r="A94" s="16">
        <v>73</v>
      </c>
      <c r="B94" s="29">
        <v>23</v>
      </c>
      <c r="C94" s="10">
        <v>32</v>
      </c>
      <c r="D94" s="9">
        <v>55</v>
      </c>
    </row>
    <row r="95" spans="1:4" ht="18" customHeight="1" x14ac:dyDescent="0.2">
      <c r="A95" s="16">
        <v>74</v>
      </c>
      <c r="B95" s="29">
        <v>17</v>
      </c>
      <c r="C95" s="10">
        <v>25</v>
      </c>
      <c r="D95" s="9">
        <v>42</v>
      </c>
    </row>
    <row r="96" spans="1:4" ht="18" customHeight="1" x14ac:dyDescent="0.2">
      <c r="A96" s="8" t="s">
        <v>9</v>
      </c>
      <c r="B96" s="29">
        <v>93</v>
      </c>
      <c r="C96" s="10">
        <v>106</v>
      </c>
      <c r="D96" s="9">
        <v>199</v>
      </c>
    </row>
    <row r="97" spans="1:4" ht="18" customHeight="1" x14ac:dyDescent="0.2">
      <c r="A97" s="16">
        <v>75</v>
      </c>
      <c r="B97" s="29">
        <v>20</v>
      </c>
      <c r="C97" s="10">
        <v>26</v>
      </c>
      <c r="D97" s="9">
        <v>46</v>
      </c>
    </row>
    <row r="98" spans="1:4" ht="18" customHeight="1" x14ac:dyDescent="0.2">
      <c r="A98" s="16">
        <v>76</v>
      </c>
      <c r="B98" s="29">
        <v>32</v>
      </c>
      <c r="C98" s="10">
        <v>37</v>
      </c>
      <c r="D98" s="9">
        <v>69</v>
      </c>
    </row>
    <row r="99" spans="1:4" ht="18" customHeight="1" x14ac:dyDescent="0.2">
      <c r="A99" s="16">
        <v>77</v>
      </c>
      <c r="B99" s="29">
        <v>10</v>
      </c>
      <c r="C99" s="10">
        <v>11</v>
      </c>
      <c r="D99" s="9">
        <v>21</v>
      </c>
    </row>
    <row r="100" spans="1:4" ht="18" customHeight="1" x14ac:dyDescent="0.2">
      <c r="A100" s="16">
        <v>78</v>
      </c>
      <c r="B100" s="29">
        <v>16</v>
      </c>
      <c r="C100" s="10">
        <v>12</v>
      </c>
      <c r="D100" s="9">
        <v>28</v>
      </c>
    </row>
    <row r="101" spans="1:4" ht="18" customHeight="1" x14ac:dyDescent="0.2">
      <c r="A101" s="16">
        <v>79</v>
      </c>
      <c r="B101" s="29">
        <v>15</v>
      </c>
      <c r="C101" s="10">
        <v>30</v>
      </c>
      <c r="D101" s="9">
        <v>45</v>
      </c>
    </row>
    <row r="102" spans="1:4" ht="18" customHeight="1" x14ac:dyDescent="0.2">
      <c r="A102" s="8" t="s">
        <v>8</v>
      </c>
      <c r="B102" s="29">
        <v>93</v>
      </c>
      <c r="C102" s="10">
        <v>116</v>
      </c>
      <c r="D102" s="9">
        <v>209</v>
      </c>
    </row>
    <row r="103" spans="1:4" ht="18" customHeight="1" x14ac:dyDescent="0.2">
      <c r="A103" s="16">
        <v>80</v>
      </c>
      <c r="B103" s="29">
        <v>13</v>
      </c>
      <c r="C103" s="10">
        <v>17</v>
      </c>
      <c r="D103" s="9">
        <v>30</v>
      </c>
    </row>
    <row r="104" spans="1:4" ht="18" customHeight="1" x14ac:dyDescent="0.2">
      <c r="A104" s="16">
        <v>81</v>
      </c>
      <c r="B104" s="29">
        <v>12</v>
      </c>
      <c r="C104" s="10">
        <v>18</v>
      </c>
      <c r="D104" s="9">
        <v>30</v>
      </c>
    </row>
    <row r="105" spans="1:4" ht="18" customHeight="1" x14ac:dyDescent="0.2">
      <c r="A105" s="16">
        <v>82</v>
      </c>
      <c r="B105" s="29">
        <v>14</v>
      </c>
      <c r="C105" s="10">
        <v>21</v>
      </c>
      <c r="D105" s="9">
        <v>35</v>
      </c>
    </row>
    <row r="106" spans="1:4" ht="18" customHeight="1" x14ac:dyDescent="0.2">
      <c r="A106" s="16">
        <v>83</v>
      </c>
      <c r="B106" s="29">
        <v>16</v>
      </c>
      <c r="C106" s="10">
        <v>17</v>
      </c>
      <c r="D106" s="9">
        <v>33</v>
      </c>
    </row>
    <row r="107" spans="1:4" ht="18" customHeight="1" x14ac:dyDescent="0.2">
      <c r="A107" s="16">
        <v>84</v>
      </c>
      <c r="B107" s="29">
        <v>7</v>
      </c>
      <c r="C107" s="10">
        <v>12</v>
      </c>
      <c r="D107" s="9">
        <v>19</v>
      </c>
    </row>
    <row r="108" spans="1:4" ht="18" customHeight="1" x14ac:dyDescent="0.2">
      <c r="A108" s="8" t="s">
        <v>7</v>
      </c>
      <c r="B108" s="29">
        <v>62</v>
      </c>
      <c r="C108" s="10">
        <v>85</v>
      </c>
      <c r="D108" s="9">
        <v>147</v>
      </c>
    </row>
    <row r="109" spans="1:4" ht="18" customHeight="1" x14ac:dyDescent="0.2">
      <c r="A109" s="16">
        <v>85</v>
      </c>
      <c r="B109" s="29">
        <v>10</v>
      </c>
      <c r="C109" s="10">
        <v>14</v>
      </c>
      <c r="D109" s="9">
        <v>24</v>
      </c>
    </row>
    <row r="110" spans="1:4" ht="18" customHeight="1" x14ac:dyDescent="0.2">
      <c r="A110" s="16">
        <v>86</v>
      </c>
      <c r="B110" s="29">
        <v>11</v>
      </c>
      <c r="C110" s="10">
        <v>22</v>
      </c>
      <c r="D110" s="9">
        <v>33</v>
      </c>
    </row>
    <row r="111" spans="1:4" ht="18" customHeight="1" x14ac:dyDescent="0.2">
      <c r="A111" s="16">
        <v>87</v>
      </c>
      <c r="B111" s="29">
        <v>12</v>
      </c>
      <c r="C111" s="10">
        <v>18</v>
      </c>
      <c r="D111" s="9">
        <v>30</v>
      </c>
    </row>
    <row r="112" spans="1:4" ht="18" customHeight="1" x14ac:dyDescent="0.2">
      <c r="A112" s="16">
        <v>88</v>
      </c>
      <c r="B112" s="29">
        <v>6</v>
      </c>
      <c r="C112" s="10">
        <v>9</v>
      </c>
      <c r="D112" s="9">
        <v>15</v>
      </c>
    </row>
    <row r="113" spans="1:4" ht="18" customHeight="1" x14ac:dyDescent="0.2">
      <c r="A113" s="16">
        <v>89</v>
      </c>
      <c r="B113" s="29">
        <v>7</v>
      </c>
      <c r="C113" s="10">
        <v>13</v>
      </c>
      <c r="D113" s="9">
        <v>20</v>
      </c>
    </row>
    <row r="114" spans="1:4" ht="18" customHeight="1" x14ac:dyDescent="0.2">
      <c r="A114" s="8" t="s">
        <v>6</v>
      </c>
      <c r="B114" s="29">
        <v>46</v>
      </c>
      <c r="C114" s="10">
        <v>76</v>
      </c>
      <c r="D114" s="9">
        <v>122</v>
      </c>
    </row>
    <row r="115" spans="1:4" ht="18" customHeight="1" x14ac:dyDescent="0.2">
      <c r="A115" s="16">
        <v>90</v>
      </c>
      <c r="B115" s="29">
        <v>2</v>
      </c>
      <c r="C115" s="10">
        <v>17</v>
      </c>
      <c r="D115" s="9">
        <v>19</v>
      </c>
    </row>
    <row r="116" spans="1:4" ht="18" customHeight="1" x14ac:dyDescent="0.2">
      <c r="A116" s="16">
        <v>91</v>
      </c>
      <c r="B116" s="29">
        <v>0</v>
      </c>
      <c r="C116" s="10">
        <v>12</v>
      </c>
      <c r="D116" s="9">
        <v>12</v>
      </c>
    </row>
    <row r="117" spans="1:4" ht="18" customHeight="1" x14ac:dyDescent="0.2">
      <c r="A117" s="16">
        <v>92</v>
      </c>
      <c r="B117" s="29">
        <v>7</v>
      </c>
      <c r="C117" s="10">
        <v>5</v>
      </c>
      <c r="D117" s="9">
        <v>12</v>
      </c>
    </row>
    <row r="118" spans="1:4" ht="18" customHeight="1" x14ac:dyDescent="0.2">
      <c r="A118" s="16">
        <v>93</v>
      </c>
      <c r="B118" s="29">
        <v>5</v>
      </c>
      <c r="C118" s="10">
        <v>9</v>
      </c>
      <c r="D118" s="9">
        <v>14</v>
      </c>
    </row>
    <row r="119" spans="1:4" ht="18" customHeight="1" x14ac:dyDescent="0.2">
      <c r="A119" s="16">
        <v>94</v>
      </c>
      <c r="B119" s="29">
        <v>0</v>
      </c>
      <c r="C119" s="10">
        <v>3</v>
      </c>
      <c r="D119" s="9">
        <v>3</v>
      </c>
    </row>
    <row r="120" spans="1:4" ht="18" customHeight="1" x14ac:dyDescent="0.2">
      <c r="A120" s="8" t="s">
        <v>5</v>
      </c>
      <c r="B120" s="29">
        <v>14</v>
      </c>
      <c r="C120" s="10">
        <v>46</v>
      </c>
      <c r="D120" s="9">
        <v>60</v>
      </c>
    </row>
    <row r="121" spans="1:4" ht="18" customHeight="1" x14ac:dyDescent="0.2">
      <c r="A121" s="16">
        <v>95</v>
      </c>
      <c r="B121" s="29">
        <v>2</v>
      </c>
      <c r="C121" s="10">
        <v>7</v>
      </c>
      <c r="D121" s="9">
        <v>9</v>
      </c>
    </row>
    <row r="122" spans="1:4" ht="18" customHeight="1" x14ac:dyDescent="0.2">
      <c r="A122" s="16">
        <v>96</v>
      </c>
      <c r="B122" s="29">
        <v>1</v>
      </c>
      <c r="C122" s="10">
        <v>4</v>
      </c>
      <c r="D122" s="9">
        <v>5</v>
      </c>
    </row>
    <row r="123" spans="1:4" ht="18" customHeight="1" x14ac:dyDescent="0.2">
      <c r="A123" s="16">
        <v>97</v>
      </c>
      <c r="B123" s="29">
        <v>1</v>
      </c>
      <c r="C123" s="10">
        <v>6</v>
      </c>
      <c r="D123" s="9">
        <v>7</v>
      </c>
    </row>
    <row r="124" spans="1:4" ht="18" customHeight="1" x14ac:dyDescent="0.2">
      <c r="A124" s="16">
        <v>98</v>
      </c>
      <c r="B124" s="29">
        <v>0</v>
      </c>
      <c r="C124" s="10">
        <v>1</v>
      </c>
      <c r="D124" s="9">
        <v>1</v>
      </c>
    </row>
    <row r="125" spans="1:4" ht="18" customHeight="1" x14ac:dyDescent="0.2">
      <c r="A125" s="16">
        <v>99</v>
      </c>
      <c r="B125" s="29">
        <v>0</v>
      </c>
      <c r="C125" s="10">
        <v>1</v>
      </c>
      <c r="D125" s="9">
        <v>1</v>
      </c>
    </row>
    <row r="126" spans="1:4" ht="18" customHeight="1" x14ac:dyDescent="0.2">
      <c r="A126" s="8" t="s">
        <v>4</v>
      </c>
      <c r="B126" s="29">
        <v>4</v>
      </c>
      <c r="C126" s="10">
        <v>19</v>
      </c>
      <c r="D126" s="9">
        <v>23</v>
      </c>
    </row>
    <row r="127" spans="1:4" ht="18" customHeight="1" x14ac:dyDescent="0.2">
      <c r="A127" s="16">
        <v>100</v>
      </c>
      <c r="B127" s="29">
        <v>0</v>
      </c>
      <c r="C127" s="10">
        <v>2</v>
      </c>
      <c r="D127" s="9">
        <v>2</v>
      </c>
    </row>
    <row r="128" spans="1:4" ht="18" customHeight="1" x14ac:dyDescent="0.2">
      <c r="A128" s="15" t="s">
        <v>3</v>
      </c>
      <c r="B128" s="29">
        <v>0</v>
      </c>
      <c r="C128" s="10">
        <v>1</v>
      </c>
      <c r="D128" s="9">
        <v>1</v>
      </c>
    </row>
    <row r="129" spans="1:4" ht="18" customHeight="1" x14ac:dyDescent="0.2">
      <c r="A129" s="8" t="s">
        <v>2</v>
      </c>
      <c r="B129" s="29">
        <v>0</v>
      </c>
      <c r="C129" s="10">
        <v>3</v>
      </c>
      <c r="D129" s="9">
        <v>3</v>
      </c>
    </row>
    <row r="130" spans="1:4" ht="18" customHeight="1" x14ac:dyDescent="0.2">
      <c r="A130" s="8" t="s">
        <v>1</v>
      </c>
      <c r="B130" s="28">
        <v>384</v>
      </c>
      <c r="C130" s="6">
        <v>537</v>
      </c>
      <c r="D130" s="5">
        <v>921</v>
      </c>
    </row>
    <row r="131" spans="1:4" ht="18" customHeight="1" x14ac:dyDescent="0.2">
      <c r="A131" s="4" t="s">
        <v>0</v>
      </c>
      <c r="B131" s="27">
        <v>1233</v>
      </c>
      <c r="C131" s="2">
        <v>1330</v>
      </c>
      <c r="D131" s="1">
        <v>2563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54F3015-2F8B-48FC-BDB6-112B8FC47DB0}">
  <sheetPr codeName="Sheet10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8" t="s">
        <v>119</v>
      </c>
      <c r="B1" s="60"/>
      <c r="C1" s="60"/>
      <c r="D1" s="60"/>
    </row>
    <row r="2" spans="1:4" ht="14.25" customHeight="1" x14ac:dyDescent="0.2">
      <c r="A2" s="26"/>
    </row>
    <row r="3" spans="1:4" ht="20.25" customHeight="1" x14ac:dyDescent="0.2">
      <c r="A3" s="25"/>
      <c r="B3" s="59" t="s">
        <v>30</v>
      </c>
      <c r="C3" s="59"/>
      <c r="D3" s="59"/>
    </row>
    <row r="4" spans="1:4" ht="18" customHeight="1" x14ac:dyDescent="0.2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2">
      <c r="A5" s="39">
        <v>0</v>
      </c>
      <c r="B5" s="46">
        <v>1</v>
      </c>
      <c r="C5" s="45">
        <v>3</v>
      </c>
      <c r="D5" s="44">
        <v>4</v>
      </c>
    </row>
    <row r="6" spans="1:4" ht="18" customHeight="1" x14ac:dyDescent="0.2">
      <c r="A6" s="8">
        <v>1</v>
      </c>
      <c r="B6" s="40">
        <v>0</v>
      </c>
      <c r="C6" s="13">
        <v>1</v>
      </c>
      <c r="D6" s="12">
        <v>1</v>
      </c>
    </row>
    <row r="7" spans="1:4" ht="18" customHeight="1" x14ac:dyDescent="0.2">
      <c r="A7" s="8">
        <v>2</v>
      </c>
      <c r="B7" s="40">
        <v>3</v>
      </c>
      <c r="C7" s="13">
        <v>1</v>
      </c>
      <c r="D7" s="12">
        <v>4</v>
      </c>
    </row>
    <row r="8" spans="1:4" ht="18" customHeight="1" x14ac:dyDescent="0.2">
      <c r="A8" s="8">
        <v>3</v>
      </c>
      <c r="B8" s="40">
        <v>0</v>
      </c>
      <c r="C8" s="13">
        <v>3</v>
      </c>
      <c r="D8" s="12">
        <v>3</v>
      </c>
    </row>
    <row r="9" spans="1:4" ht="18" customHeight="1" x14ac:dyDescent="0.2">
      <c r="A9" s="8">
        <v>4</v>
      </c>
      <c r="B9" s="43">
        <v>2</v>
      </c>
      <c r="C9" s="42">
        <v>3</v>
      </c>
      <c r="D9" s="41">
        <v>5</v>
      </c>
    </row>
    <row r="10" spans="1:4" ht="18" customHeight="1" x14ac:dyDescent="0.2">
      <c r="A10" s="8" t="s">
        <v>25</v>
      </c>
      <c r="B10" s="35">
        <v>6</v>
      </c>
      <c r="C10" s="13">
        <v>11</v>
      </c>
      <c r="D10" s="12">
        <v>17</v>
      </c>
    </row>
    <row r="11" spans="1:4" ht="18" customHeight="1" x14ac:dyDescent="0.2">
      <c r="A11" s="8">
        <v>5</v>
      </c>
      <c r="B11" s="40">
        <v>1</v>
      </c>
      <c r="C11" s="13">
        <v>2</v>
      </c>
      <c r="D11" s="12">
        <v>3</v>
      </c>
    </row>
    <row r="12" spans="1:4" ht="18" customHeight="1" x14ac:dyDescent="0.2">
      <c r="A12" s="8">
        <v>6</v>
      </c>
      <c r="B12" s="40">
        <v>3</v>
      </c>
      <c r="C12" s="13">
        <v>1</v>
      </c>
      <c r="D12" s="12">
        <v>4</v>
      </c>
    </row>
    <row r="13" spans="1:4" ht="18" customHeight="1" x14ac:dyDescent="0.2">
      <c r="A13" s="8">
        <v>7</v>
      </c>
      <c r="B13" s="40">
        <v>0</v>
      </c>
      <c r="C13" s="13">
        <v>1</v>
      </c>
      <c r="D13" s="12">
        <v>1</v>
      </c>
    </row>
    <row r="14" spans="1:4" ht="18" customHeight="1" x14ac:dyDescent="0.2">
      <c r="A14" s="8">
        <v>8</v>
      </c>
      <c r="B14" s="40">
        <v>3</v>
      </c>
      <c r="C14" s="13">
        <v>5</v>
      </c>
      <c r="D14" s="12">
        <v>8</v>
      </c>
    </row>
    <row r="15" spans="1:4" ht="18" customHeight="1" x14ac:dyDescent="0.2">
      <c r="A15" s="8">
        <v>9</v>
      </c>
      <c r="B15" s="40">
        <v>2</v>
      </c>
      <c r="C15" s="13">
        <v>0</v>
      </c>
      <c r="D15" s="12">
        <v>2</v>
      </c>
    </row>
    <row r="16" spans="1:4" ht="18" customHeight="1" x14ac:dyDescent="0.2">
      <c r="A16" s="8" t="s">
        <v>24</v>
      </c>
      <c r="B16" s="35">
        <v>9</v>
      </c>
      <c r="C16" s="13">
        <v>9</v>
      </c>
      <c r="D16" s="12">
        <v>18</v>
      </c>
    </row>
    <row r="17" spans="1:4" ht="18" customHeight="1" x14ac:dyDescent="0.2">
      <c r="A17" s="8">
        <v>10</v>
      </c>
      <c r="B17" s="35">
        <v>2</v>
      </c>
      <c r="C17" s="13">
        <v>2</v>
      </c>
      <c r="D17" s="12">
        <v>4</v>
      </c>
    </row>
    <row r="18" spans="1:4" ht="18" customHeight="1" x14ac:dyDescent="0.2">
      <c r="A18" s="8">
        <v>11</v>
      </c>
      <c r="B18" s="35">
        <v>5</v>
      </c>
      <c r="C18" s="13">
        <v>3</v>
      </c>
      <c r="D18" s="12">
        <v>8</v>
      </c>
    </row>
    <row r="19" spans="1:4" ht="18" customHeight="1" x14ac:dyDescent="0.2">
      <c r="A19" s="8">
        <v>12</v>
      </c>
      <c r="B19" s="35">
        <v>9</v>
      </c>
      <c r="C19" s="13">
        <v>0</v>
      </c>
      <c r="D19" s="12">
        <v>9</v>
      </c>
    </row>
    <row r="20" spans="1:4" ht="18" customHeight="1" x14ac:dyDescent="0.2">
      <c r="A20" s="8">
        <v>13</v>
      </c>
      <c r="B20" s="35">
        <v>6</v>
      </c>
      <c r="C20" s="13">
        <v>2</v>
      </c>
      <c r="D20" s="12">
        <v>8</v>
      </c>
    </row>
    <row r="21" spans="1:4" ht="18" customHeight="1" x14ac:dyDescent="0.2">
      <c r="A21" s="8">
        <v>14</v>
      </c>
      <c r="B21" s="35">
        <v>6</v>
      </c>
      <c r="C21" s="13">
        <v>4</v>
      </c>
      <c r="D21" s="12">
        <v>10</v>
      </c>
    </row>
    <row r="22" spans="1:4" ht="18" customHeight="1" x14ac:dyDescent="0.2">
      <c r="A22" s="8" t="s">
        <v>23</v>
      </c>
      <c r="B22" s="35">
        <v>28</v>
      </c>
      <c r="C22" s="13">
        <v>11</v>
      </c>
      <c r="D22" s="12">
        <v>39</v>
      </c>
    </row>
    <row r="23" spans="1:4" ht="18" customHeight="1" x14ac:dyDescent="0.2">
      <c r="A23" s="8" t="s">
        <v>22</v>
      </c>
      <c r="B23" s="35">
        <v>43</v>
      </c>
      <c r="C23" s="13">
        <v>31</v>
      </c>
      <c r="D23" s="12">
        <v>74</v>
      </c>
    </row>
    <row r="24" spans="1:4" ht="18" customHeight="1" x14ac:dyDescent="0.2">
      <c r="A24" s="8">
        <v>15</v>
      </c>
      <c r="B24" s="35">
        <v>3</v>
      </c>
      <c r="C24" s="13">
        <v>5</v>
      </c>
      <c r="D24" s="12">
        <v>8</v>
      </c>
    </row>
    <row r="25" spans="1:4" ht="18" customHeight="1" x14ac:dyDescent="0.2">
      <c r="A25" s="8">
        <v>16</v>
      </c>
      <c r="B25" s="35">
        <v>5</v>
      </c>
      <c r="C25" s="13">
        <v>3</v>
      </c>
      <c r="D25" s="12">
        <v>8</v>
      </c>
    </row>
    <row r="26" spans="1:4" ht="18" customHeight="1" x14ac:dyDescent="0.2">
      <c r="A26" s="8">
        <v>17</v>
      </c>
      <c r="B26" s="35">
        <v>8</v>
      </c>
      <c r="C26" s="13">
        <v>9</v>
      </c>
      <c r="D26" s="12">
        <v>17</v>
      </c>
    </row>
    <row r="27" spans="1:4" ht="18" customHeight="1" x14ac:dyDescent="0.2">
      <c r="A27" s="8">
        <v>18</v>
      </c>
      <c r="B27" s="35">
        <v>3</v>
      </c>
      <c r="C27" s="13">
        <v>3</v>
      </c>
      <c r="D27" s="12">
        <v>6</v>
      </c>
    </row>
    <row r="28" spans="1:4" ht="18" customHeight="1" x14ac:dyDescent="0.2">
      <c r="A28" s="8">
        <v>19</v>
      </c>
      <c r="B28" s="35">
        <v>6</v>
      </c>
      <c r="C28" s="13">
        <v>4</v>
      </c>
      <c r="D28" s="12">
        <v>10</v>
      </c>
    </row>
    <row r="29" spans="1:4" ht="18" customHeight="1" x14ac:dyDescent="0.2">
      <c r="A29" s="8" t="s">
        <v>21</v>
      </c>
      <c r="B29" s="35">
        <v>25</v>
      </c>
      <c r="C29" s="13">
        <v>24</v>
      </c>
      <c r="D29" s="12">
        <v>49</v>
      </c>
    </row>
    <row r="30" spans="1:4" ht="18" customHeight="1" x14ac:dyDescent="0.2">
      <c r="A30" s="8">
        <v>20</v>
      </c>
      <c r="B30" s="35">
        <v>6</v>
      </c>
      <c r="C30" s="13">
        <v>3</v>
      </c>
      <c r="D30" s="12">
        <v>9</v>
      </c>
    </row>
    <row r="31" spans="1:4" ht="18" customHeight="1" x14ac:dyDescent="0.2">
      <c r="A31" s="8">
        <v>21</v>
      </c>
      <c r="B31" s="35">
        <v>3</v>
      </c>
      <c r="C31" s="13">
        <v>4</v>
      </c>
      <c r="D31" s="12">
        <v>7</v>
      </c>
    </row>
    <row r="32" spans="1:4" ht="18" customHeight="1" x14ac:dyDescent="0.2">
      <c r="A32" s="8">
        <v>22</v>
      </c>
      <c r="B32" s="35">
        <v>3</v>
      </c>
      <c r="C32" s="13">
        <v>5</v>
      </c>
      <c r="D32" s="12">
        <v>8</v>
      </c>
    </row>
    <row r="33" spans="1:4" ht="18" customHeight="1" x14ac:dyDescent="0.2">
      <c r="A33" s="8">
        <v>23</v>
      </c>
      <c r="B33" s="35">
        <v>3</v>
      </c>
      <c r="C33" s="13">
        <v>1</v>
      </c>
      <c r="D33" s="12">
        <v>4</v>
      </c>
    </row>
    <row r="34" spans="1:4" ht="18" customHeight="1" x14ac:dyDescent="0.2">
      <c r="A34" s="8">
        <v>24</v>
      </c>
      <c r="B34" s="35">
        <v>4</v>
      </c>
      <c r="C34" s="13">
        <v>1</v>
      </c>
      <c r="D34" s="12">
        <v>5</v>
      </c>
    </row>
    <row r="35" spans="1:4" ht="18" customHeight="1" x14ac:dyDescent="0.2">
      <c r="A35" s="8" t="s">
        <v>20</v>
      </c>
      <c r="B35" s="35">
        <v>19</v>
      </c>
      <c r="C35" s="13">
        <v>14</v>
      </c>
      <c r="D35" s="12">
        <v>33</v>
      </c>
    </row>
    <row r="36" spans="1:4" ht="18" customHeight="1" x14ac:dyDescent="0.2">
      <c r="A36" s="8">
        <v>25</v>
      </c>
      <c r="B36" s="35">
        <v>5</v>
      </c>
      <c r="C36" s="13">
        <v>3</v>
      </c>
      <c r="D36" s="12">
        <v>8</v>
      </c>
    </row>
    <row r="37" spans="1:4" ht="18" customHeight="1" x14ac:dyDescent="0.2">
      <c r="A37" s="8">
        <v>26</v>
      </c>
      <c r="B37" s="35">
        <v>9</v>
      </c>
      <c r="C37" s="13">
        <v>3</v>
      </c>
      <c r="D37" s="12">
        <v>12</v>
      </c>
    </row>
    <row r="38" spans="1:4" ht="18" customHeight="1" x14ac:dyDescent="0.2">
      <c r="A38" s="8">
        <v>27</v>
      </c>
      <c r="B38" s="35">
        <v>3</v>
      </c>
      <c r="C38" s="13">
        <v>5</v>
      </c>
      <c r="D38" s="12">
        <v>8</v>
      </c>
    </row>
    <row r="39" spans="1:4" ht="18" customHeight="1" x14ac:dyDescent="0.2">
      <c r="A39" s="8">
        <v>28</v>
      </c>
      <c r="B39" s="35">
        <v>3</v>
      </c>
      <c r="C39" s="13">
        <v>1</v>
      </c>
      <c r="D39" s="12">
        <v>4</v>
      </c>
    </row>
    <row r="40" spans="1:4" ht="18" customHeight="1" x14ac:dyDescent="0.2">
      <c r="A40" s="8">
        <v>29</v>
      </c>
      <c r="B40" s="35">
        <v>3</v>
      </c>
      <c r="C40" s="13">
        <v>9</v>
      </c>
      <c r="D40" s="12">
        <v>12</v>
      </c>
    </row>
    <row r="41" spans="1:4" ht="18" customHeight="1" x14ac:dyDescent="0.2">
      <c r="A41" s="8" t="s">
        <v>19</v>
      </c>
      <c r="B41" s="35">
        <v>23</v>
      </c>
      <c r="C41" s="13">
        <v>21</v>
      </c>
      <c r="D41" s="12">
        <v>44</v>
      </c>
    </row>
    <row r="42" spans="1:4" ht="18" customHeight="1" x14ac:dyDescent="0.2">
      <c r="A42" s="8">
        <v>30</v>
      </c>
      <c r="B42" s="35">
        <v>2</v>
      </c>
      <c r="C42" s="13">
        <v>4</v>
      </c>
      <c r="D42" s="12">
        <v>6</v>
      </c>
    </row>
    <row r="43" spans="1:4" ht="18" customHeight="1" x14ac:dyDescent="0.2">
      <c r="A43" s="8">
        <v>31</v>
      </c>
      <c r="B43" s="35">
        <v>4</v>
      </c>
      <c r="C43" s="13">
        <v>2</v>
      </c>
      <c r="D43" s="12">
        <v>6</v>
      </c>
    </row>
    <row r="44" spans="1:4" ht="18" customHeight="1" x14ac:dyDescent="0.2">
      <c r="A44" s="8">
        <v>32</v>
      </c>
      <c r="B44" s="35">
        <v>8</v>
      </c>
      <c r="C44" s="13">
        <v>1</v>
      </c>
      <c r="D44" s="12">
        <v>9</v>
      </c>
    </row>
    <row r="45" spans="1:4" ht="18" customHeight="1" x14ac:dyDescent="0.2">
      <c r="A45" s="8">
        <v>33</v>
      </c>
      <c r="B45" s="35">
        <v>3</v>
      </c>
      <c r="C45" s="13">
        <v>2</v>
      </c>
      <c r="D45" s="12">
        <v>5</v>
      </c>
    </row>
    <row r="46" spans="1:4" ht="18" customHeight="1" x14ac:dyDescent="0.2">
      <c r="A46" s="8">
        <v>34</v>
      </c>
      <c r="B46" s="35">
        <v>3</v>
      </c>
      <c r="C46" s="13">
        <v>3</v>
      </c>
      <c r="D46" s="12">
        <v>6</v>
      </c>
    </row>
    <row r="47" spans="1:4" ht="18" customHeight="1" x14ac:dyDescent="0.2">
      <c r="A47" s="8" t="s">
        <v>18</v>
      </c>
      <c r="B47" s="35">
        <v>20</v>
      </c>
      <c r="C47" s="13">
        <v>12</v>
      </c>
      <c r="D47" s="12">
        <v>32</v>
      </c>
    </row>
    <row r="48" spans="1:4" ht="18" customHeight="1" x14ac:dyDescent="0.2">
      <c r="A48" s="8">
        <v>35</v>
      </c>
      <c r="B48" s="35">
        <v>6</v>
      </c>
      <c r="C48" s="13">
        <v>2</v>
      </c>
      <c r="D48" s="12">
        <v>8</v>
      </c>
    </row>
    <row r="49" spans="1:4" ht="18" customHeight="1" x14ac:dyDescent="0.2">
      <c r="A49" s="8">
        <v>36</v>
      </c>
      <c r="B49" s="35">
        <v>3</v>
      </c>
      <c r="C49" s="13">
        <v>4</v>
      </c>
      <c r="D49" s="12">
        <v>7</v>
      </c>
    </row>
    <row r="50" spans="1:4" ht="18" customHeight="1" x14ac:dyDescent="0.2">
      <c r="A50" s="8">
        <v>37</v>
      </c>
      <c r="B50" s="35">
        <v>7</v>
      </c>
      <c r="C50" s="13">
        <v>4</v>
      </c>
      <c r="D50" s="12">
        <v>11</v>
      </c>
    </row>
    <row r="51" spans="1:4" ht="18" customHeight="1" x14ac:dyDescent="0.2">
      <c r="A51" s="8">
        <v>38</v>
      </c>
      <c r="B51" s="35">
        <v>2</v>
      </c>
      <c r="C51" s="13">
        <v>6</v>
      </c>
      <c r="D51" s="12">
        <v>8</v>
      </c>
    </row>
    <row r="52" spans="1:4" ht="18" customHeight="1" x14ac:dyDescent="0.2">
      <c r="A52" s="8">
        <v>39</v>
      </c>
      <c r="B52" s="35">
        <v>6</v>
      </c>
      <c r="C52" s="13">
        <v>3</v>
      </c>
      <c r="D52" s="12">
        <v>9</v>
      </c>
    </row>
    <row r="53" spans="1:4" ht="18" customHeight="1" x14ac:dyDescent="0.2">
      <c r="A53" s="8" t="s">
        <v>17</v>
      </c>
      <c r="B53" s="35">
        <v>24</v>
      </c>
      <c r="C53" s="13">
        <v>19</v>
      </c>
      <c r="D53" s="12">
        <v>43</v>
      </c>
    </row>
    <row r="54" spans="1:4" ht="18" customHeight="1" x14ac:dyDescent="0.2">
      <c r="A54" s="8">
        <v>40</v>
      </c>
      <c r="B54" s="35">
        <v>8</v>
      </c>
      <c r="C54" s="13">
        <v>1</v>
      </c>
      <c r="D54" s="12">
        <v>9</v>
      </c>
    </row>
    <row r="55" spans="1:4" ht="18" customHeight="1" x14ac:dyDescent="0.2">
      <c r="A55" s="8">
        <v>41</v>
      </c>
      <c r="B55" s="35">
        <v>6</v>
      </c>
      <c r="C55" s="13">
        <v>3</v>
      </c>
      <c r="D55" s="12">
        <v>9</v>
      </c>
    </row>
    <row r="56" spans="1:4" ht="18" customHeight="1" x14ac:dyDescent="0.2">
      <c r="A56" s="8">
        <v>42</v>
      </c>
      <c r="B56" s="35">
        <v>3</v>
      </c>
      <c r="C56" s="13">
        <v>4</v>
      </c>
      <c r="D56" s="12">
        <v>7</v>
      </c>
    </row>
    <row r="57" spans="1:4" ht="18" customHeight="1" x14ac:dyDescent="0.2">
      <c r="A57" s="8">
        <v>43</v>
      </c>
      <c r="B57" s="35">
        <v>5</v>
      </c>
      <c r="C57" s="13">
        <v>8</v>
      </c>
      <c r="D57" s="12">
        <v>13</v>
      </c>
    </row>
    <row r="58" spans="1:4" ht="18" customHeight="1" x14ac:dyDescent="0.2">
      <c r="A58" s="8">
        <v>44</v>
      </c>
      <c r="B58" s="35">
        <v>6</v>
      </c>
      <c r="C58" s="13">
        <v>7</v>
      </c>
      <c r="D58" s="12">
        <v>13</v>
      </c>
    </row>
    <row r="59" spans="1:4" ht="18" customHeight="1" x14ac:dyDescent="0.2">
      <c r="A59" s="8" t="s">
        <v>16</v>
      </c>
      <c r="B59" s="35">
        <v>28</v>
      </c>
      <c r="C59" s="13">
        <v>23</v>
      </c>
      <c r="D59" s="12">
        <v>51</v>
      </c>
    </row>
    <row r="60" spans="1:4" ht="18" customHeight="1" x14ac:dyDescent="0.2">
      <c r="A60" s="8">
        <v>45</v>
      </c>
      <c r="B60" s="35">
        <v>7</v>
      </c>
      <c r="C60" s="13">
        <v>2</v>
      </c>
      <c r="D60" s="12">
        <v>9</v>
      </c>
    </row>
    <row r="61" spans="1:4" ht="18" customHeight="1" x14ac:dyDescent="0.2">
      <c r="A61" s="8">
        <v>46</v>
      </c>
      <c r="B61" s="35">
        <v>10</v>
      </c>
      <c r="C61" s="13">
        <v>5</v>
      </c>
      <c r="D61" s="12">
        <v>15</v>
      </c>
    </row>
    <row r="62" spans="1:4" ht="18" customHeight="1" x14ac:dyDescent="0.2">
      <c r="A62" s="8">
        <v>47</v>
      </c>
      <c r="B62" s="35">
        <v>6</v>
      </c>
      <c r="C62" s="13">
        <v>5</v>
      </c>
      <c r="D62" s="12">
        <v>11</v>
      </c>
    </row>
    <row r="63" spans="1:4" ht="18" customHeight="1" x14ac:dyDescent="0.2">
      <c r="A63" s="8">
        <v>48</v>
      </c>
      <c r="B63" s="35">
        <v>9</v>
      </c>
      <c r="C63" s="13">
        <v>9</v>
      </c>
      <c r="D63" s="12">
        <v>18</v>
      </c>
    </row>
    <row r="64" spans="1:4" ht="18" customHeight="1" x14ac:dyDescent="0.2">
      <c r="A64" s="8">
        <v>49</v>
      </c>
      <c r="B64" s="35">
        <v>7</v>
      </c>
      <c r="C64" s="13">
        <v>12</v>
      </c>
      <c r="D64" s="12">
        <v>19</v>
      </c>
    </row>
    <row r="65" spans="1:4" ht="18" customHeight="1" x14ac:dyDescent="0.2">
      <c r="A65" s="8" t="s">
        <v>15</v>
      </c>
      <c r="B65" s="35">
        <v>39</v>
      </c>
      <c r="C65" s="13">
        <v>33</v>
      </c>
      <c r="D65" s="12">
        <v>72</v>
      </c>
    </row>
    <row r="66" spans="1:4" ht="18" customHeight="1" x14ac:dyDescent="0.2">
      <c r="A66" s="8">
        <v>50</v>
      </c>
      <c r="B66" s="35">
        <v>10</v>
      </c>
      <c r="C66" s="13">
        <v>4</v>
      </c>
      <c r="D66" s="12">
        <v>14</v>
      </c>
    </row>
    <row r="67" spans="1:4" ht="18" customHeight="1" x14ac:dyDescent="0.2">
      <c r="A67" s="8">
        <v>51</v>
      </c>
      <c r="B67" s="35">
        <v>7</v>
      </c>
      <c r="C67" s="13">
        <v>10</v>
      </c>
      <c r="D67" s="12">
        <v>17</v>
      </c>
    </row>
    <row r="68" spans="1:4" ht="18" customHeight="1" x14ac:dyDescent="0.2">
      <c r="A68" s="8">
        <v>52</v>
      </c>
      <c r="B68" s="35">
        <v>6</v>
      </c>
      <c r="C68" s="13">
        <v>13</v>
      </c>
      <c r="D68" s="12">
        <v>19</v>
      </c>
    </row>
    <row r="69" spans="1:4" ht="18" customHeight="1" x14ac:dyDescent="0.2">
      <c r="A69" s="8">
        <v>53</v>
      </c>
      <c r="B69" s="35">
        <v>8</v>
      </c>
      <c r="C69" s="13">
        <v>11</v>
      </c>
      <c r="D69" s="12">
        <v>19</v>
      </c>
    </row>
    <row r="70" spans="1:4" ht="18" customHeight="1" x14ac:dyDescent="0.2">
      <c r="A70" s="8">
        <v>54</v>
      </c>
      <c r="B70" s="35">
        <v>8</v>
      </c>
      <c r="C70" s="13">
        <v>7</v>
      </c>
      <c r="D70" s="12">
        <v>15</v>
      </c>
    </row>
    <row r="71" spans="1:4" ht="18" customHeight="1" x14ac:dyDescent="0.2">
      <c r="A71" s="8" t="s">
        <v>14</v>
      </c>
      <c r="B71" s="35">
        <v>39</v>
      </c>
      <c r="C71" s="13">
        <v>45</v>
      </c>
      <c r="D71" s="12">
        <v>84</v>
      </c>
    </row>
    <row r="72" spans="1:4" ht="18" customHeight="1" x14ac:dyDescent="0.2">
      <c r="A72" s="8">
        <v>55</v>
      </c>
      <c r="B72" s="35">
        <v>7</v>
      </c>
      <c r="C72" s="13">
        <v>10</v>
      </c>
      <c r="D72" s="12">
        <v>17</v>
      </c>
    </row>
    <row r="73" spans="1:4" ht="18" customHeight="1" x14ac:dyDescent="0.2">
      <c r="A73" s="8">
        <v>56</v>
      </c>
      <c r="B73" s="35">
        <v>6</v>
      </c>
      <c r="C73" s="13">
        <v>6</v>
      </c>
      <c r="D73" s="12">
        <v>12</v>
      </c>
    </row>
    <row r="74" spans="1:4" ht="18" customHeight="1" x14ac:dyDescent="0.2">
      <c r="A74" s="8">
        <v>57</v>
      </c>
      <c r="B74" s="35">
        <v>4</v>
      </c>
      <c r="C74" s="13">
        <v>6</v>
      </c>
      <c r="D74" s="12">
        <v>10</v>
      </c>
    </row>
    <row r="75" spans="1:4" ht="18" customHeight="1" x14ac:dyDescent="0.2">
      <c r="A75" s="8">
        <v>58</v>
      </c>
      <c r="B75" s="35">
        <v>4</v>
      </c>
      <c r="C75" s="13">
        <v>6</v>
      </c>
      <c r="D75" s="12">
        <v>10</v>
      </c>
    </row>
    <row r="76" spans="1:4" ht="18" customHeight="1" x14ac:dyDescent="0.2">
      <c r="A76" s="8">
        <v>59</v>
      </c>
      <c r="B76" s="35">
        <v>7</v>
      </c>
      <c r="C76" s="13">
        <v>10</v>
      </c>
      <c r="D76" s="12">
        <v>17</v>
      </c>
    </row>
    <row r="77" spans="1:4" ht="18" customHeight="1" x14ac:dyDescent="0.2">
      <c r="A77" s="8" t="s">
        <v>13</v>
      </c>
      <c r="B77" s="35">
        <v>28</v>
      </c>
      <c r="C77" s="13">
        <v>38</v>
      </c>
      <c r="D77" s="12">
        <v>66</v>
      </c>
    </row>
    <row r="78" spans="1:4" ht="18" customHeight="1" x14ac:dyDescent="0.2">
      <c r="A78" s="8">
        <v>60</v>
      </c>
      <c r="B78" s="35">
        <v>8</v>
      </c>
      <c r="C78" s="13">
        <v>7</v>
      </c>
      <c r="D78" s="12">
        <v>15</v>
      </c>
    </row>
    <row r="79" spans="1:4" ht="18" customHeight="1" x14ac:dyDescent="0.2">
      <c r="A79" s="8">
        <v>61</v>
      </c>
      <c r="B79" s="35">
        <v>7</v>
      </c>
      <c r="C79" s="13">
        <v>2</v>
      </c>
      <c r="D79" s="12">
        <v>9</v>
      </c>
    </row>
    <row r="80" spans="1:4" ht="18" customHeight="1" x14ac:dyDescent="0.2">
      <c r="A80" s="8">
        <v>62</v>
      </c>
      <c r="B80" s="35">
        <v>8</v>
      </c>
      <c r="C80" s="13">
        <v>9</v>
      </c>
      <c r="D80" s="12">
        <v>17</v>
      </c>
    </row>
    <row r="81" spans="1:4" ht="18" customHeight="1" x14ac:dyDescent="0.2">
      <c r="A81" s="8">
        <v>63</v>
      </c>
      <c r="B81" s="35">
        <v>6</v>
      </c>
      <c r="C81" s="13">
        <v>8</v>
      </c>
      <c r="D81" s="12">
        <v>14</v>
      </c>
    </row>
    <row r="82" spans="1:4" ht="18" customHeight="1" x14ac:dyDescent="0.2">
      <c r="A82" s="8">
        <v>64</v>
      </c>
      <c r="B82" s="35">
        <v>7</v>
      </c>
      <c r="C82" s="13">
        <v>11</v>
      </c>
      <c r="D82" s="12">
        <v>18</v>
      </c>
    </row>
    <row r="83" spans="1:4" ht="18" customHeight="1" x14ac:dyDescent="0.2">
      <c r="A83" s="8" t="s">
        <v>12</v>
      </c>
      <c r="B83" s="35">
        <v>36</v>
      </c>
      <c r="C83" s="13">
        <v>37</v>
      </c>
      <c r="D83" s="12">
        <v>73</v>
      </c>
    </row>
    <row r="84" spans="1:4" ht="18" customHeight="1" x14ac:dyDescent="0.2">
      <c r="A84" s="8" t="s">
        <v>11</v>
      </c>
      <c r="B84" s="35">
        <v>281</v>
      </c>
      <c r="C84" s="13">
        <v>266</v>
      </c>
      <c r="D84" s="12">
        <v>547</v>
      </c>
    </row>
    <row r="85" spans="1:4" ht="18" customHeight="1" x14ac:dyDescent="0.2">
      <c r="A85" s="8">
        <v>65</v>
      </c>
      <c r="B85" s="35">
        <v>8</v>
      </c>
      <c r="C85" s="13">
        <v>8</v>
      </c>
      <c r="D85" s="12">
        <v>16</v>
      </c>
    </row>
    <row r="86" spans="1:4" ht="18" customHeight="1" x14ac:dyDescent="0.2">
      <c r="A86" s="8">
        <v>66</v>
      </c>
      <c r="B86" s="35">
        <v>6</v>
      </c>
      <c r="C86" s="13">
        <v>7</v>
      </c>
      <c r="D86" s="12">
        <v>13</v>
      </c>
    </row>
    <row r="87" spans="1:4" ht="18" customHeight="1" x14ac:dyDescent="0.2">
      <c r="A87" s="8">
        <v>67</v>
      </c>
      <c r="B87" s="35">
        <v>7</v>
      </c>
      <c r="C87" s="13">
        <v>8</v>
      </c>
      <c r="D87" s="12">
        <v>15</v>
      </c>
    </row>
    <row r="88" spans="1:4" ht="18" customHeight="1" x14ac:dyDescent="0.2">
      <c r="A88" s="8">
        <v>68</v>
      </c>
      <c r="B88" s="35">
        <v>10</v>
      </c>
      <c r="C88" s="13">
        <v>13</v>
      </c>
      <c r="D88" s="12">
        <v>23</v>
      </c>
    </row>
    <row r="89" spans="1:4" ht="18" customHeight="1" x14ac:dyDescent="0.2">
      <c r="A89" s="8">
        <v>69</v>
      </c>
      <c r="B89" s="35">
        <v>16</v>
      </c>
      <c r="C89" s="13">
        <v>13</v>
      </c>
      <c r="D89" s="12">
        <v>29</v>
      </c>
    </row>
    <row r="90" spans="1:4" ht="18" customHeight="1" x14ac:dyDescent="0.2">
      <c r="A90" s="8" t="s">
        <v>10</v>
      </c>
      <c r="B90" s="35">
        <v>47</v>
      </c>
      <c r="C90" s="13">
        <v>49</v>
      </c>
      <c r="D90" s="12">
        <v>96</v>
      </c>
    </row>
    <row r="91" spans="1:4" ht="18" customHeight="1" x14ac:dyDescent="0.2">
      <c r="A91" s="8">
        <v>70</v>
      </c>
      <c r="B91" s="35">
        <v>9</v>
      </c>
      <c r="C91" s="13">
        <v>5</v>
      </c>
      <c r="D91" s="12">
        <v>14</v>
      </c>
    </row>
    <row r="92" spans="1:4" ht="18" customHeight="1" x14ac:dyDescent="0.2">
      <c r="A92" s="8">
        <v>71</v>
      </c>
      <c r="B92" s="35">
        <v>12</v>
      </c>
      <c r="C92" s="13">
        <v>9</v>
      </c>
      <c r="D92" s="12">
        <v>21</v>
      </c>
    </row>
    <row r="93" spans="1:4" ht="18" customHeight="1" x14ac:dyDescent="0.2">
      <c r="A93" s="8">
        <v>72</v>
      </c>
      <c r="B93" s="35">
        <v>13</v>
      </c>
      <c r="C93" s="13">
        <v>14</v>
      </c>
      <c r="D93" s="12">
        <v>27</v>
      </c>
    </row>
    <row r="94" spans="1:4" ht="18" customHeight="1" x14ac:dyDescent="0.2">
      <c r="A94" s="8">
        <v>73</v>
      </c>
      <c r="B94" s="35">
        <v>7</v>
      </c>
      <c r="C94" s="13">
        <v>16</v>
      </c>
      <c r="D94" s="12">
        <v>23</v>
      </c>
    </row>
    <row r="95" spans="1:4" ht="18" customHeight="1" x14ac:dyDescent="0.2">
      <c r="A95" s="8">
        <v>74</v>
      </c>
      <c r="B95" s="35">
        <v>13</v>
      </c>
      <c r="C95" s="13">
        <v>17</v>
      </c>
      <c r="D95" s="12">
        <v>30</v>
      </c>
    </row>
    <row r="96" spans="1:4" ht="18" customHeight="1" x14ac:dyDescent="0.2">
      <c r="A96" s="8" t="s">
        <v>9</v>
      </c>
      <c r="B96" s="35">
        <v>54</v>
      </c>
      <c r="C96" s="13">
        <v>61</v>
      </c>
      <c r="D96" s="12">
        <v>115</v>
      </c>
    </row>
    <row r="97" spans="1:4" ht="18" customHeight="1" x14ac:dyDescent="0.2">
      <c r="A97" s="8">
        <v>75</v>
      </c>
      <c r="B97" s="35">
        <v>11</v>
      </c>
      <c r="C97" s="13">
        <v>14</v>
      </c>
      <c r="D97" s="12">
        <v>25</v>
      </c>
    </row>
    <row r="98" spans="1:4" ht="18" customHeight="1" x14ac:dyDescent="0.2">
      <c r="A98" s="8">
        <v>76</v>
      </c>
      <c r="B98" s="35">
        <v>12</v>
      </c>
      <c r="C98" s="13">
        <v>19</v>
      </c>
      <c r="D98" s="12">
        <v>31</v>
      </c>
    </row>
    <row r="99" spans="1:4" ht="18" customHeight="1" x14ac:dyDescent="0.2">
      <c r="A99" s="8">
        <v>77</v>
      </c>
      <c r="B99" s="35">
        <v>11</v>
      </c>
      <c r="C99" s="13">
        <v>9</v>
      </c>
      <c r="D99" s="12">
        <v>20</v>
      </c>
    </row>
    <row r="100" spans="1:4" ht="18" customHeight="1" x14ac:dyDescent="0.2">
      <c r="A100" s="8">
        <v>78</v>
      </c>
      <c r="B100" s="35">
        <v>11</v>
      </c>
      <c r="C100" s="13">
        <v>5</v>
      </c>
      <c r="D100" s="12">
        <v>16</v>
      </c>
    </row>
    <row r="101" spans="1:4" ht="18" customHeight="1" x14ac:dyDescent="0.2">
      <c r="A101" s="8">
        <v>79</v>
      </c>
      <c r="B101" s="35">
        <v>9</v>
      </c>
      <c r="C101" s="13">
        <v>14</v>
      </c>
      <c r="D101" s="12">
        <v>23</v>
      </c>
    </row>
    <row r="102" spans="1:4" ht="18" customHeight="1" x14ac:dyDescent="0.2">
      <c r="A102" s="8" t="s">
        <v>8</v>
      </c>
      <c r="B102" s="35">
        <v>54</v>
      </c>
      <c r="C102" s="13">
        <v>61</v>
      </c>
      <c r="D102" s="12">
        <v>115</v>
      </c>
    </row>
    <row r="103" spans="1:4" ht="18" customHeight="1" x14ac:dyDescent="0.2">
      <c r="A103" s="8">
        <v>80</v>
      </c>
      <c r="B103" s="35">
        <v>8</v>
      </c>
      <c r="C103" s="13">
        <v>10</v>
      </c>
      <c r="D103" s="12">
        <v>18</v>
      </c>
    </row>
    <row r="104" spans="1:4" ht="18" customHeight="1" x14ac:dyDescent="0.2">
      <c r="A104" s="8">
        <v>81</v>
      </c>
      <c r="B104" s="35">
        <v>8</v>
      </c>
      <c r="C104" s="13">
        <v>12</v>
      </c>
      <c r="D104" s="12">
        <v>20</v>
      </c>
    </row>
    <row r="105" spans="1:4" ht="18" customHeight="1" x14ac:dyDescent="0.2">
      <c r="A105" s="8">
        <v>82</v>
      </c>
      <c r="B105" s="35">
        <v>8</v>
      </c>
      <c r="C105" s="13">
        <v>10</v>
      </c>
      <c r="D105" s="12">
        <v>18</v>
      </c>
    </row>
    <row r="106" spans="1:4" ht="18" customHeight="1" x14ac:dyDescent="0.2">
      <c r="A106" s="8">
        <v>83</v>
      </c>
      <c r="B106" s="35">
        <v>2</v>
      </c>
      <c r="C106" s="13">
        <v>7</v>
      </c>
      <c r="D106" s="12">
        <v>9</v>
      </c>
    </row>
    <row r="107" spans="1:4" ht="18" customHeight="1" x14ac:dyDescent="0.2">
      <c r="A107" s="8">
        <v>84</v>
      </c>
      <c r="B107" s="35">
        <v>5</v>
      </c>
      <c r="C107" s="13">
        <v>8</v>
      </c>
      <c r="D107" s="12">
        <v>13</v>
      </c>
    </row>
    <row r="108" spans="1:4" ht="18" customHeight="1" x14ac:dyDescent="0.2">
      <c r="A108" s="8" t="s">
        <v>7</v>
      </c>
      <c r="B108" s="35">
        <v>31</v>
      </c>
      <c r="C108" s="13">
        <v>47</v>
      </c>
      <c r="D108" s="12">
        <v>78</v>
      </c>
    </row>
    <row r="109" spans="1:4" ht="18" customHeight="1" x14ac:dyDescent="0.2">
      <c r="A109" s="8">
        <v>85</v>
      </c>
      <c r="B109" s="35">
        <v>5</v>
      </c>
      <c r="C109" s="13">
        <v>13</v>
      </c>
      <c r="D109" s="12">
        <v>18</v>
      </c>
    </row>
    <row r="110" spans="1:4" ht="18" customHeight="1" x14ac:dyDescent="0.2">
      <c r="A110" s="8">
        <v>86</v>
      </c>
      <c r="B110" s="35">
        <v>4</v>
      </c>
      <c r="C110" s="13">
        <v>2</v>
      </c>
      <c r="D110" s="12">
        <v>6</v>
      </c>
    </row>
    <row r="111" spans="1:4" ht="18" customHeight="1" x14ac:dyDescent="0.2">
      <c r="A111" s="8">
        <v>87</v>
      </c>
      <c r="B111" s="35">
        <v>5</v>
      </c>
      <c r="C111" s="13">
        <v>7</v>
      </c>
      <c r="D111" s="12">
        <v>12</v>
      </c>
    </row>
    <row r="112" spans="1:4" ht="18" customHeight="1" x14ac:dyDescent="0.2">
      <c r="A112" s="8">
        <v>88</v>
      </c>
      <c r="B112" s="35">
        <v>3</v>
      </c>
      <c r="C112" s="13">
        <v>7</v>
      </c>
      <c r="D112" s="12">
        <v>10</v>
      </c>
    </row>
    <row r="113" spans="1:4" ht="18" customHeight="1" x14ac:dyDescent="0.2">
      <c r="A113" s="8">
        <v>89</v>
      </c>
      <c r="B113" s="35">
        <v>6</v>
      </c>
      <c r="C113" s="13">
        <v>4</v>
      </c>
      <c r="D113" s="12">
        <v>10</v>
      </c>
    </row>
    <row r="114" spans="1:4" ht="18" customHeight="1" x14ac:dyDescent="0.2">
      <c r="A114" s="8" t="s">
        <v>6</v>
      </c>
      <c r="B114" s="35">
        <v>23</v>
      </c>
      <c r="C114" s="13">
        <v>33</v>
      </c>
      <c r="D114" s="12">
        <v>56</v>
      </c>
    </row>
    <row r="115" spans="1:4" ht="18" customHeight="1" x14ac:dyDescent="0.2">
      <c r="A115" s="8">
        <v>90</v>
      </c>
      <c r="B115" s="35">
        <v>5</v>
      </c>
      <c r="C115" s="13">
        <v>10</v>
      </c>
      <c r="D115" s="12">
        <v>15</v>
      </c>
    </row>
    <row r="116" spans="1:4" ht="18" customHeight="1" x14ac:dyDescent="0.2">
      <c r="A116" s="8">
        <v>91</v>
      </c>
      <c r="B116" s="35">
        <v>1</v>
      </c>
      <c r="C116" s="13">
        <v>11</v>
      </c>
      <c r="D116" s="12">
        <v>12</v>
      </c>
    </row>
    <row r="117" spans="1:4" ht="18" customHeight="1" x14ac:dyDescent="0.2">
      <c r="A117" s="8">
        <v>92</v>
      </c>
      <c r="B117" s="35">
        <v>2</v>
      </c>
      <c r="C117" s="13">
        <v>7</v>
      </c>
      <c r="D117" s="12">
        <v>9</v>
      </c>
    </row>
    <row r="118" spans="1:4" ht="18" customHeight="1" x14ac:dyDescent="0.2">
      <c r="A118" s="8">
        <v>93</v>
      </c>
      <c r="B118" s="35">
        <v>2</v>
      </c>
      <c r="C118" s="13">
        <v>4</v>
      </c>
      <c r="D118" s="12">
        <v>6</v>
      </c>
    </row>
    <row r="119" spans="1:4" ht="18" customHeight="1" x14ac:dyDescent="0.2">
      <c r="A119" s="8">
        <v>94</v>
      </c>
      <c r="B119" s="35">
        <v>2</v>
      </c>
      <c r="C119" s="13">
        <v>9</v>
      </c>
      <c r="D119" s="12">
        <v>11</v>
      </c>
    </row>
    <row r="120" spans="1:4" ht="18" customHeight="1" x14ac:dyDescent="0.2">
      <c r="A120" s="8" t="s">
        <v>5</v>
      </c>
      <c r="B120" s="35">
        <v>12</v>
      </c>
      <c r="C120" s="13">
        <v>41</v>
      </c>
      <c r="D120" s="12">
        <v>53</v>
      </c>
    </row>
    <row r="121" spans="1:4" ht="18" customHeight="1" x14ac:dyDescent="0.2">
      <c r="A121" s="8">
        <v>95</v>
      </c>
      <c r="B121" s="35">
        <v>1</v>
      </c>
      <c r="C121" s="13">
        <v>2</v>
      </c>
      <c r="D121" s="12">
        <v>3</v>
      </c>
    </row>
    <row r="122" spans="1:4" ht="18" customHeight="1" x14ac:dyDescent="0.2">
      <c r="A122" s="8">
        <v>96</v>
      </c>
      <c r="B122" s="35">
        <v>0</v>
      </c>
      <c r="C122" s="13">
        <v>0</v>
      </c>
      <c r="D122" s="12">
        <v>0</v>
      </c>
    </row>
    <row r="123" spans="1:4" ht="18" customHeight="1" x14ac:dyDescent="0.2">
      <c r="A123" s="8">
        <v>97</v>
      </c>
      <c r="B123" s="35">
        <v>1</v>
      </c>
      <c r="C123" s="13">
        <v>2</v>
      </c>
      <c r="D123" s="12">
        <v>3</v>
      </c>
    </row>
    <row r="124" spans="1:4" ht="18" customHeight="1" x14ac:dyDescent="0.2">
      <c r="A124" s="8">
        <v>98</v>
      </c>
      <c r="B124" s="35">
        <v>1</v>
      </c>
      <c r="C124" s="13">
        <v>1</v>
      </c>
      <c r="D124" s="12">
        <v>2</v>
      </c>
    </row>
    <row r="125" spans="1:4" ht="18" customHeight="1" x14ac:dyDescent="0.2">
      <c r="A125" s="8">
        <v>99</v>
      </c>
      <c r="B125" s="35">
        <v>0</v>
      </c>
      <c r="C125" s="13">
        <v>3</v>
      </c>
      <c r="D125" s="12">
        <v>3</v>
      </c>
    </row>
    <row r="126" spans="1:4" ht="18" customHeight="1" x14ac:dyDescent="0.2">
      <c r="A126" s="8" t="s">
        <v>4</v>
      </c>
      <c r="B126" s="35">
        <v>3</v>
      </c>
      <c r="C126" s="13">
        <v>8</v>
      </c>
      <c r="D126" s="12">
        <v>11</v>
      </c>
    </row>
    <row r="127" spans="1:4" ht="18" customHeight="1" x14ac:dyDescent="0.2">
      <c r="A127" s="8">
        <v>100</v>
      </c>
      <c r="B127" s="35">
        <v>0</v>
      </c>
      <c r="C127" s="13">
        <v>2</v>
      </c>
      <c r="D127" s="12">
        <v>2</v>
      </c>
    </row>
    <row r="128" spans="1:4" ht="18" customHeight="1" x14ac:dyDescent="0.2">
      <c r="A128" s="15" t="s">
        <v>3</v>
      </c>
      <c r="B128" s="35">
        <v>0</v>
      </c>
      <c r="C128" s="13">
        <v>2</v>
      </c>
      <c r="D128" s="12">
        <v>2</v>
      </c>
    </row>
    <row r="129" spans="1:4" ht="18" customHeight="1" x14ac:dyDescent="0.2">
      <c r="A129" s="8" t="s">
        <v>2</v>
      </c>
      <c r="B129" s="35">
        <v>0</v>
      </c>
      <c r="C129" s="13">
        <v>4</v>
      </c>
      <c r="D129" s="12">
        <v>4</v>
      </c>
    </row>
    <row r="130" spans="1:4" ht="18" customHeight="1" x14ac:dyDescent="0.2">
      <c r="A130" s="8" t="s">
        <v>1</v>
      </c>
      <c r="B130" s="28">
        <v>224</v>
      </c>
      <c r="C130" s="6">
        <v>304</v>
      </c>
      <c r="D130" s="5">
        <v>528</v>
      </c>
    </row>
    <row r="131" spans="1:4" ht="18" customHeight="1" x14ac:dyDescent="0.2">
      <c r="A131" s="4" t="s">
        <v>0</v>
      </c>
      <c r="B131" s="27">
        <v>548</v>
      </c>
      <c r="C131" s="2">
        <v>601</v>
      </c>
      <c r="D131" s="1">
        <v>1149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0</vt:i4>
      </vt:variant>
      <vt:variant>
        <vt:lpstr>名前付き一覧</vt:lpstr>
      </vt:variant>
      <vt:variant>
        <vt:i4>89</vt:i4>
      </vt:variant>
    </vt:vector>
  </HeadingPairs>
  <TitlesOfParts>
    <vt:vector size="179" baseType="lpstr">
      <vt:lpstr>目次</vt:lpstr>
      <vt:lpstr>年齢別・性別人口(01総曲輪)</vt:lpstr>
      <vt:lpstr>年齢別・性別人口(02愛宕)</vt:lpstr>
      <vt:lpstr>年齢別・性別人口(03安野屋)</vt:lpstr>
      <vt:lpstr>年齢別・性別人口(04八人町)</vt:lpstr>
      <vt:lpstr>年齢別・性別人口(05五番町)</vt:lpstr>
      <vt:lpstr>年齢別・性別人口(06柳町)</vt:lpstr>
      <vt:lpstr>年齢別・性別人口(07清水町)</vt:lpstr>
      <vt:lpstr>年齢別・性別人口(08星井町)</vt:lpstr>
      <vt:lpstr>年齢別・性別人口(09西田地方)</vt:lpstr>
      <vt:lpstr>年齢別・性別人口(10堀川)</vt:lpstr>
      <vt:lpstr>年齢別・性別人口(11堀川南)</vt:lpstr>
      <vt:lpstr>年齢別・性別人口(12東部)</vt:lpstr>
      <vt:lpstr>年齢別・性別人口(13奥田)</vt:lpstr>
      <vt:lpstr>年齢別・性別人口(14奥田北)</vt:lpstr>
      <vt:lpstr>年齢別・性別人口(15桜谷)</vt:lpstr>
      <vt:lpstr>年齢別・性別人口(16五福)</vt:lpstr>
      <vt:lpstr>年齢別・性別人口(17神明)</vt:lpstr>
      <vt:lpstr>年齢別・性別人口(18岩瀬)</vt:lpstr>
      <vt:lpstr>年齢別・性別人口(19萩浦)</vt:lpstr>
      <vt:lpstr>年齢別・性別人口(20大広田)</vt:lpstr>
      <vt:lpstr>年齢別・性別人口(21浜黒崎)</vt:lpstr>
      <vt:lpstr>年齢別・性別人口(22針原)</vt:lpstr>
      <vt:lpstr>年齢別・性別人口(23豊田)</vt:lpstr>
      <vt:lpstr>年齢別・性別人口(24広田)</vt:lpstr>
      <vt:lpstr>年齢別・性別人口(25新庄)</vt:lpstr>
      <vt:lpstr>年齢別・性別人口(26藤ノ木)</vt:lpstr>
      <vt:lpstr>年齢別・性別人口(27山室)</vt:lpstr>
      <vt:lpstr>年齢別・性別人口(28山室中部)</vt:lpstr>
      <vt:lpstr>年齢別・性別人口(29太田)</vt:lpstr>
      <vt:lpstr>年齢別・性別人口(30蜷川)</vt:lpstr>
      <vt:lpstr>年齢別・性別人口(31新保)</vt:lpstr>
      <vt:lpstr>年齢別・性別人口(32熊野)</vt:lpstr>
      <vt:lpstr>年齢別・性別人口(33月岡)</vt:lpstr>
      <vt:lpstr>年齢別・性別人口(34四方)</vt:lpstr>
      <vt:lpstr>年齢別・性別人口(35八幡)</vt:lpstr>
      <vt:lpstr>年齢別・性別人口(36草島)</vt:lpstr>
      <vt:lpstr>年齢別・性別人口(37倉垣)</vt:lpstr>
      <vt:lpstr>年齢別・性別人口(38呉羽)</vt:lpstr>
      <vt:lpstr>年齢別・性別人口(39長岡)</vt:lpstr>
      <vt:lpstr>年齢別・性別人口(40寒江)</vt:lpstr>
      <vt:lpstr>年齢別・性別人口(41古沢)</vt:lpstr>
      <vt:lpstr>年齢別・性別人口(42老田)</vt:lpstr>
      <vt:lpstr>年齢別・性別人口(43池多)</vt:lpstr>
      <vt:lpstr>年齢別・性別人口(44水橋中部)</vt:lpstr>
      <vt:lpstr>年齢別・性別人口(45水橋西部)</vt:lpstr>
      <vt:lpstr>年齢別・性別人口(46水橋東部)</vt:lpstr>
      <vt:lpstr>年齢別・性別人口(47三郷)</vt:lpstr>
      <vt:lpstr>年齢別・性別人口(48上条)</vt:lpstr>
      <vt:lpstr>年齢別・性別人口(49光陽)</vt:lpstr>
      <vt:lpstr>年齢別・性別人口(50新庄北）</vt:lpstr>
      <vt:lpstr>年齢別・性別人口(0099富山地域)</vt:lpstr>
      <vt:lpstr>年齢別・性別人口0101下タ)</vt:lpstr>
      <vt:lpstr>年齢別・性別人口(0102小羽)</vt:lpstr>
      <vt:lpstr>年齢別・性別人口(0103船峅)</vt:lpstr>
      <vt:lpstr>年齢別・性別人口(0104大沢野)</vt:lpstr>
      <vt:lpstr>年齢別・性別人口(0105大久保)</vt:lpstr>
      <vt:lpstr>年齢別・性別人口(0199大沢野地域)</vt:lpstr>
      <vt:lpstr>年齢別・性別人口(0201上滝)</vt:lpstr>
      <vt:lpstr>年齢別・性別人口(0202大山)</vt:lpstr>
      <vt:lpstr>年齢別・性別人口(0203大庄)</vt:lpstr>
      <vt:lpstr>年齢別・性別人口(0204福沢)</vt:lpstr>
      <vt:lpstr>年齢別・性別人口(0299大山地域)</vt:lpstr>
      <vt:lpstr>年齢別・性別人口(0301八尾)</vt:lpstr>
      <vt:lpstr>年齢別・性別人口(0302保内)</vt:lpstr>
      <vt:lpstr>年齢別・性別人口(0303杉原)</vt:lpstr>
      <vt:lpstr>年齢別・性別人口(0304卯花)</vt:lpstr>
      <vt:lpstr>年齢別・性別人口(0305室牧)</vt:lpstr>
      <vt:lpstr>年齢別・性別人口(0306黒瀬谷)</vt:lpstr>
      <vt:lpstr>年齢別・性別人口(0307野積)</vt:lpstr>
      <vt:lpstr>年齢別・性別人口(0308仁歩)</vt:lpstr>
      <vt:lpstr>年齢別・性別人口(0309大長谷)</vt:lpstr>
      <vt:lpstr>年齢別・性別人口(0399八尾地域)</vt:lpstr>
      <vt:lpstr>年齢別・性別人口(0401速星)</vt:lpstr>
      <vt:lpstr>年齢別・性別人口(0402鵜坂)</vt:lpstr>
      <vt:lpstr>年齢別・性別人口(0403朝日)</vt:lpstr>
      <vt:lpstr>年齢別・性別人口(0404宮川)</vt:lpstr>
      <vt:lpstr>年齢別・性別人口(0405婦中熊野)</vt:lpstr>
      <vt:lpstr>年齢別・性別人口(0406古里)</vt:lpstr>
      <vt:lpstr>年齢別・性別人口(0407音川)</vt:lpstr>
      <vt:lpstr>年齢別・性別人口(0408神保)</vt:lpstr>
      <vt:lpstr>年齢別・性別人口(0499婦中地域)</vt:lpstr>
      <vt:lpstr>年齢別・性別人口(0501山田南部)</vt:lpstr>
      <vt:lpstr>年齢別・性別人口(0502山田中部)</vt:lpstr>
      <vt:lpstr>年齢別・性別人口(0503山田西部)</vt:lpstr>
      <vt:lpstr>年齢別・性別人口(0504山田東部)</vt:lpstr>
      <vt:lpstr>年齢別・性別人口(0599山田地域)</vt:lpstr>
      <vt:lpstr>年齢別・性別人口(0601細入北部)</vt:lpstr>
      <vt:lpstr>年齢別・性別人口(0602細入南部)</vt:lpstr>
      <vt:lpstr>年齢別・性別人口(0699細入地域)</vt:lpstr>
      <vt:lpstr>'年齢別・性別人口(0099富山地域)'!Print_Titles</vt:lpstr>
      <vt:lpstr>'年齢別・性別人口(0102小羽)'!Print_Titles</vt:lpstr>
      <vt:lpstr>'年齢別・性別人口(0103船峅)'!Print_Titles</vt:lpstr>
      <vt:lpstr>'年齢別・性別人口(0104大沢野)'!Print_Titles</vt:lpstr>
      <vt:lpstr>'年齢別・性別人口(0105大久保)'!Print_Titles</vt:lpstr>
      <vt:lpstr>'年齢別・性別人口(0199大沢野地域)'!Print_Titles</vt:lpstr>
      <vt:lpstr>'年齢別・性別人口(01総曲輪)'!Print_Titles</vt:lpstr>
      <vt:lpstr>'年齢別・性別人口(0201上滝)'!Print_Titles</vt:lpstr>
      <vt:lpstr>'年齢別・性別人口(0202大山)'!Print_Titles</vt:lpstr>
      <vt:lpstr>'年齢別・性別人口(0203大庄)'!Print_Titles</vt:lpstr>
      <vt:lpstr>'年齢別・性別人口(0204福沢)'!Print_Titles</vt:lpstr>
      <vt:lpstr>'年齢別・性別人口(0299大山地域)'!Print_Titles</vt:lpstr>
      <vt:lpstr>'年齢別・性別人口(02愛宕)'!Print_Titles</vt:lpstr>
      <vt:lpstr>'年齢別・性別人口(0301八尾)'!Print_Titles</vt:lpstr>
      <vt:lpstr>'年齢別・性別人口(0302保内)'!Print_Titles</vt:lpstr>
      <vt:lpstr>'年齢別・性別人口(0303杉原)'!Print_Titles</vt:lpstr>
      <vt:lpstr>'年齢別・性別人口(0304卯花)'!Print_Titles</vt:lpstr>
      <vt:lpstr>'年齢別・性別人口(0305室牧)'!Print_Titles</vt:lpstr>
      <vt:lpstr>'年齢別・性別人口(0306黒瀬谷)'!Print_Titles</vt:lpstr>
      <vt:lpstr>'年齢別・性別人口(0307野積)'!Print_Titles</vt:lpstr>
      <vt:lpstr>'年齢別・性別人口(0308仁歩)'!Print_Titles</vt:lpstr>
      <vt:lpstr>'年齢別・性別人口(0309大長谷)'!Print_Titles</vt:lpstr>
      <vt:lpstr>'年齢別・性別人口(0399八尾地域)'!Print_Titles</vt:lpstr>
      <vt:lpstr>'年齢別・性別人口(03安野屋)'!Print_Titles</vt:lpstr>
      <vt:lpstr>'年齢別・性別人口(0401速星)'!Print_Titles</vt:lpstr>
      <vt:lpstr>'年齢別・性別人口(0402鵜坂)'!Print_Titles</vt:lpstr>
      <vt:lpstr>'年齢別・性別人口(0403朝日)'!Print_Titles</vt:lpstr>
      <vt:lpstr>'年齢別・性別人口(0404宮川)'!Print_Titles</vt:lpstr>
      <vt:lpstr>'年齢別・性別人口(0405婦中熊野)'!Print_Titles</vt:lpstr>
      <vt:lpstr>'年齢別・性別人口(0406古里)'!Print_Titles</vt:lpstr>
      <vt:lpstr>'年齢別・性別人口(0407音川)'!Print_Titles</vt:lpstr>
      <vt:lpstr>'年齢別・性別人口(0408神保)'!Print_Titles</vt:lpstr>
      <vt:lpstr>'年齢別・性別人口(0499婦中地域)'!Print_Titles</vt:lpstr>
      <vt:lpstr>'年齢別・性別人口(04八人町)'!Print_Titles</vt:lpstr>
      <vt:lpstr>'年齢別・性別人口(0501山田南部)'!Print_Titles</vt:lpstr>
      <vt:lpstr>'年齢別・性別人口(0502山田中部)'!Print_Titles</vt:lpstr>
      <vt:lpstr>'年齢別・性別人口(0503山田西部)'!Print_Titles</vt:lpstr>
      <vt:lpstr>'年齢別・性別人口(0504山田東部)'!Print_Titles</vt:lpstr>
      <vt:lpstr>'年齢別・性別人口(0599山田地域)'!Print_Titles</vt:lpstr>
      <vt:lpstr>'年齢別・性別人口(05五番町)'!Print_Titles</vt:lpstr>
      <vt:lpstr>'年齢別・性別人口(0601細入北部)'!Print_Titles</vt:lpstr>
      <vt:lpstr>'年齢別・性別人口(0602細入南部)'!Print_Titles</vt:lpstr>
      <vt:lpstr>'年齢別・性別人口(0699細入地域)'!Print_Titles</vt:lpstr>
      <vt:lpstr>'年齢別・性別人口(06柳町)'!Print_Titles</vt:lpstr>
      <vt:lpstr>'年齢別・性別人口(07清水町)'!Print_Titles</vt:lpstr>
      <vt:lpstr>'年齢別・性別人口(08星井町)'!Print_Titles</vt:lpstr>
      <vt:lpstr>'年齢別・性別人口(09西田地方)'!Print_Titles</vt:lpstr>
      <vt:lpstr>'年齢別・性別人口(10堀川)'!Print_Titles</vt:lpstr>
      <vt:lpstr>'年齢別・性別人口(11堀川南)'!Print_Titles</vt:lpstr>
      <vt:lpstr>'年齢別・性別人口(12東部)'!Print_Titles</vt:lpstr>
      <vt:lpstr>'年齢別・性別人口(13奥田)'!Print_Titles</vt:lpstr>
      <vt:lpstr>'年齢別・性別人口(14奥田北)'!Print_Titles</vt:lpstr>
      <vt:lpstr>'年齢別・性別人口(15桜谷)'!Print_Titles</vt:lpstr>
      <vt:lpstr>'年齢別・性別人口(16五福)'!Print_Titles</vt:lpstr>
      <vt:lpstr>'年齢別・性別人口(17神明)'!Print_Titles</vt:lpstr>
      <vt:lpstr>'年齢別・性別人口(18岩瀬)'!Print_Titles</vt:lpstr>
      <vt:lpstr>'年齢別・性別人口(19萩浦)'!Print_Titles</vt:lpstr>
      <vt:lpstr>'年齢別・性別人口(20大広田)'!Print_Titles</vt:lpstr>
      <vt:lpstr>'年齢別・性別人口(21浜黒崎)'!Print_Titles</vt:lpstr>
      <vt:lpstr>'年齢別・性別人口(22針原)'!Print_Titles</vt:lpstr>
      <vt:lpstr>'年齢別・性別人口(23豊田)'!Print_Titles</vt:lpstr>
      <vt:lpstr>'年齢別・性別人口(24広田)'!Print_Titles</vt:lpstr>
      <vt:lpstr>'年齢別・性別人口(25新庄)'!Print_Titles</vt:lpstr>
      <vt:lpstr>'年齢別・性別人口(26藤ノ木)'!Print_Titles</vt:lpstr>
      <vt:lpstr>'年齢別・性別人口(27山室)'!Print_Titles</vt:lpstr>
      <vt:lpstr>'年齢別・性別人口(28山室中部)'!Print_Titles</vt:lpstr>
      <vt:lpstr>'年齢別・性別人口(29太田)'!Print_Titles</vt:lpstr>
      <vt:lpstr>'年齢別・性別人口(30蜷川)'!Print_Titles</vt:lpstr>
      <vt:lpstr>'年齢別・性別人口(31新保)'!Print_Titles</vt:lpstr>
      <vt:lpstr>'年齢別・性別人口(32熊野)'!Print_Titles</vt:lpstr>
      <vt:lpstr>'年齢別・性別人口(33月岡)'!Print_Titles</vt:lpstr>
      <vt:lpstr>'年齢別・性別人口(34四方)'!Print_Titles</vt:lpstr>
      <vt:lpstr>'年齢別・性別人口(35八幡)'!Print_Titles</vt:lpstr>
      <vt:lpstr>'年齢別・性別人口(36草島)'!Print_Titles</vt:lpstr>
      <vt:lpstr>'年齢別・性別人口(37倉垣)'!Print_Titles</vt:lpstr>
      <vt:lpstr>'年齢別・性別人口(38呉羽)'!Print_Titles</vt:lpstr>
      <vt:lpstr>'年齢別・性別人口(39長岡)'!Print_Titles</vt:lpstr>
      <vt:lpstr>'年齢別・性別人口(40寒江)'!Print_Titles</vt:lpstr>
      <vt:lpstr>'年齢別・性別人口(41古沢)'!Print_Titles</vt:lpstr>
      <vt:lpstr>'年齢別・性別人口(42老田)'!Print_Titles</vt:lpstr>
      <vt:lpstr>'年齢別・性別人口(43池多)'!Print_Titles</vt:lpstr>
      <vt:lpstr>'年齢別・性別人口(44水橋中部)'!Print_Titles</vt:lpstr>
      <vt:lpstr>'年齢別・性別人口(45水橋西部)'!Print_Titles</vt:lpstr>
      <vt:lpstr>'年齢別・性別人口(46水橋東部)'!Print_Titles</vt:lpstr>
      <vt:lpstr>'年齢別・性別人口(47三郷)'!Print_Titles</vt:lpstr>
      <vt:lpstr>'年齢別・性別人口(48上条)'!Print_Titles</vt:lpstr>
      <vt:lpstr>'年齢別・性別人口(49光陽)'!Print_Titles</vt:lpstr>
      <vt:lpstr>'年齢別・性別人口(50新庄北）'!Print_Titles</vt:lpstr>
      <vt:lpstr>'年齢別・性別人口0101下タ)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07-04T01:41:13Z</dcterms:created>
  <dcterms:modified xsi:type="dcterms:W3CDTF">2023-07-04T05:43:33Z</dcterms:modified>
</cp:coreProperties>
</file>